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03介護保険事業状況報告\03_月報HP\R4年度\"/>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B$1:$KM$41</definedName>
    <definedName name="_xlnm.Print_Area" localSheetId="2">'第２-2表'!$B$1:$KM$41</definedName>
    <definedName name="_xlnm.Print_Area" localSheetId="3">'第２-3表'!$B$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F1" i="33" l="1"/>
  <c r="G1" i="33" s="1"/>
  <c r="E1" i="33"/>
  <c r="F1" i="25" l="1"/>
  <c r="G1" i="25" s="1"/>
  <c r="E1" i="25"/>
  <c r="F1" i="34" l="1"/>
  <c r="G1" i="34" s="1"/>
  <c r="E1" i="34"/>
  <c r="J1" i="32" l="1"/>
  <c r="K1" i="32" s="1"/>
  <c r="H1" i="32"/>
  <c r="K1" i="31"/>
  <c r="L1" i="31" s="1"/>
  <c r="I1" i="31"/>
  <c r="L1" i="30"/>
  <c r="M1" i="30" s="1"/>
  <c r="J1" i="30"/>
  <c r="K1" i="29"/>
  <c r="L1" i="29" s="1"/>
  <c r="I1" i="29"/>
  <c r="H1" i="28"/>
  <c r="I1" i="28" s="1"/>
  <c r="F1" i="28"/>
  <c r="E1" i="18" l="1"/>
  <c r="E1" i="26"/>
  <c r="G1" i="6"/>
  <c r="E1" i="5"/>
  <c r="H1" i="24"/>
  <c r="H1" i="14"/>
  <c r="I1" i="23"/>
  <c r="I1" i="13"/>
  <c r="H1" i="4"/>
  <c r="J1" i="22"/>
  <c r="J1" i="11"/>
  <c r="I1" i="21"/>
  <c r="I1" i="10"/>
  <c r="G1" i="9"/>
  <c r="F1" i="19"/>
  <c r="F1" i="8"/>
  <c r="F1" i="18" l="1"/>
  <c r="F1" i="26"/>
  <c r="H1" i="6"/>
  <c r="F1" i="5"/>
  <c r="J1" i="24"/>
  <c r="J1" i="14"/>
  <c r="K1" i="23"/>
  <c r="K1" i="13"/>
  <c r="J1" i="4"/>
  <c r="L1" i="22"/>
  <c r="L1" i="11"/>
  <c r="K1" i="21"/>
  <c r="K1" i="10"/>
  <c r="I1" i="9"/>
  <c r="H1" i="19"/>
  <c r="H1" i="8"/>
  <c r="J1" i="9" l="1"/>
  <c r="G1" i="26"/>
  <c r="K1" i="24"/>
  <c r="L1" i="23"/>
  <c r="M1" i="22"/>
  <c r="L1" i="21"/>
  <c r="I1" i="19"/>
  <c r="G1" i="18"/>
  <c r="K1" i="14"/>
  <c r="L1" i="13"/>
  <c r="M1" i="11"/>
  <c r="L1" i="10"/>
  <c r="I1" i="6"/>
  <c r="G1" i="5"/>
  <c r="K1" i="4"/>
  <c r="I1" i="8"/>
  <c r="H4" i="1"/>
</calcChain>
</file>

<file path=xl/sharedStrings.xml><?xml version="1.0" encoding="utf-8"?>
<sst xmlns="http://schemas.openxmlformats.org/spreadsheetml/2006/main" count="5575"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訪問介護、通所介護及び通所リハビリテーションについては、介護予防サービスを除く。</t>
    <rPh sb="1" eb="3">
      <t>ホウモン</t>
    </rPh>
    <rPh sb="3" eb="5">
      <t>カイゴ</t>
    </rPh>
    <rPh sb="6" eb="8">
      <t>ツウショ</t>
    </rPh>
    <rPh sb="8" eb="10">
      <t>カイゴ</t>
    </rPh>
    <rPh sb="10" eb="11">
      <t>オヨ</t>
    </rPh>
    <rPh sb="12" eb="14">
      <t>ツウショ</t>
    </rPh>
    <rPh sb="29" eb="31">
      <t>カイゴ</t>
    </rPh>
    <rPh sb="31" eb="33">
      <t>ヨボウ</t>
    </rPh>
    <rPh sb="38" eb="39">
      <t>ノゾ</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4">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56">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176" fontId="3" fillId="0" borderId="8" xfId="0" applyNumberFormat="1" applyFont="1" applyBorder="1" applyAlignment="1">
      <alignment horizontal="center" vertical="center"/>
    </xf>
    <xf numFmtId="176" fontId="3" fillId="0" borderId="9" xfId="0" applyNumberFormat="1" applyFont="1" applyBorder="1" applyAlignment="1">
      <alignment horizontal="center" vertical="center"/>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3"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176" fontId="3" fillId="0" borderId="7" xfId="0" applyNumberFormat="1" applyFont="1" applyBorder="1" applyAlignment="1">
      <alignment horizontal="center" vertical="center"/>
    </xf>
    <xf numFmtId="176" fontId="3" fillId="0" borderId="14" xfId="0" applyNumberFormat="1"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3"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176" fontId="2" fillId="0" borderId="7" xfId="0" applyNumberFormat="1" applyFont="1" applyBorder="1" applyAlignment="1">
      <alignment horizontal="center" vertical="center"/>
    </xf>
    <xf numFmtId="176" fontId="2" fillId="0" borderId="14" xfId="0" applyNumberFormat="1"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176" fontId="3" fillId="0" borderId="32" xfId="0" applyNumberFormat="1" applyFont="1" applyBorder="1" applyAlignment="1">
      <alignment horizontal="center" vertical="center"/>
    </xf>
    <xf numFmtId="176" fontId="3" fillId="0" borderId="19" xfId="0" applyNumberFormat="1"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0" fontId="2" fillId="0" borderId="31" xfId="0" applyFont="1" applyBorder="1" applyAlignment="1">
      <alignment horizontal="center" vertical="center"/>
    </xf>
    <xf numFmtId="176" fontId="2" fillId="0" borderId="32" xfId="0" applyNumberFormat="1" applyFont="1" applyBorder="1" applyAlignment="1">
      <alignment horizontal="center" vertical="center"/>
    </xf>
    <xf numFmtId="176" fontId="2" fillId="0" borderId="19" xfId="0" applyNumberFormat="1" applyFont="1" applyBorder="1" applyAlignment="1">
      <alignment horizontal="center" vertical="center"/>
    </xf>
    <xf numFmtId="180" fontId="2" fillId="0" borderId="3" xfId="2" applyNumberFormat="1" applyFont="1" applyBorder="1">
      <alignment vertical="center"/>
    </xf>
    <xf numFmtId="180" fontId="2" fillId="0" borderId="57" xfId="2" applyNumberFormat="1" applyFont="1" applyBorder="1">
      <alignment vertical="center"/>
    </xf>
    <xf numFmtId="180" fontId="2" fillId="0" borderId="59" xfId="2" applyNumberFormat="1" applyFont="1" applyBorder="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5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4" xfId="0" applyNumberFormat="1" applyFont="1" applyBorder="1"/>
    <xf numFmtId="180" fontId="2" fillId="0" borderId="33" xfId="0" applyNumberFormat="1" applyFont="1" applyBorder="1"/>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8" xfId="1" applyNumberFormat="1" applyFont="1" applyFill="1" applyBorder="1" applyAlignment="1"/>
    <xf numFmtId="180" fontId="2" fillId="0" borderId="9" xfId="1" applyNumberFormat="1" applyFont="1" applyFill="1" applyBorder="1" applyAlignment="1"/>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3" fontId="8"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8" xfId="3" applyFont="1" applyBorder="1">
      <alignment vertical="center"/>
    </xf>
    <xf numFmtId="0" fontId="9" fillId="0" borderId="9" xfId="3" applyFont="1" applyBorder="1">
      <alignment vertical="center"/>
    </xf>
    <xf numFmtId="0" fontId="9" fillId="0" borderId="49" xfId="3" applyFont="1" applyBorder="1">
      <alignment vertical="center"/>
    </xf>
    <xf numFmtId="0" fontId="9" fillId="0" borderId="12" xfId="3" applyFont="1" applyBorder="1" applyAlignment="1">
      <alignment horizontal="center" vertical="center"/>
    </xf>
    <xf numFmtId="0" fontId="9" fillId="0" borderId="3" xfId="3" applyFont="1" applyBorder="1">
      <alignment vertical="center"/>
    </xf>
    <xf numFmtId="0" fontId="9" fillId="0" borderId="7" xfId="3" applyFont="1" applyBorder="1">
      <alignment vertical="center"/>
    </xf>
    <xf numFmtId="0" fontId="9" fillId="0" borderId="14" xfId="3" applyFont="1" applyBorder="1">
      <alignment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0" fontId="0" fillId="0" borderId="7" xfId="0" applyBorder="1" applyAlignment="1">
      <alignment vertical="center"/>
    </xf>
    <xf numFmtId="0" fontId="0" fillId="0" borderId="14" xfId="0" applyBorder="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7"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48" xfId="0" applyNumberFormat="1" applyFont="1" applyBorder="1"/>
    <xf numFmtId="179" fontId="2" fillId="0" borderId="30"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3" fillId="0" borderId="7" xfId="0" applyFont="1" applyBorder="1" applyAlignment="1">
      <alignment horizontal="center"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31"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0" fontId="3" fillId="0" borderId="31" xfId="0" applyFont="1" applyBorder="1" applyAlignment="1">
      <alignment horizontal="center" vertical="center" shrinkToFit="1"/>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0" fontId="3" fillId="0" borderId="0" xfId="0" applyFont="1" applyAlignment="1">
      <alignment vertical="center" shrinkToFit="1"/>
    </xf>
    <xf numFmtId="176" fontId="3" fillId="0" borderId="32" xfId="0" applyNumberFormat="1" applyFont="1" applyBorder="1" applyAlignment="1">
      <alignment horizontal="center"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8"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7"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8"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68"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180" fontId="2" fillId="0" borderId="70" xfId="1" applyNumberFormat="1" applyFont="1" applyFill="1" applyBorder="1" applyAlignment="1">
      <alignment vertical="center" shrinkToFit="1"/>
    </xf>
    <xf numFmtId="0" fontId="2" fillId="0" borderId="31" xfId="0" applyFont="1" applyBorder="1" applyAlignment="1">
      <alignment horizontal="center" vertical="center" shrinkToFit="1"/>
    </xf>
    <xf numFmtId="179" fontId="2" fillId="0" borderId="100" xfId="0" applyNumberFormat="1" applyFont="1" applyBorder="1" applyAlignment="1">
      <alignment shrinkToFit="1"/>
    </xf>
    <xf numFmtId="179" fontId="2" fillId="0" borderId="101" xfId="0" applyNumberFormat="1" applyFont="1" applyBorder="1" applyAlignment="1">
      <alignment shrinkToFit="1"/>
    </xf>
    <xf numFmtId="179" fontId="2" fillId="0" borderId="102" xfId="0" applyNumberFormat="1" applyFont="1" applyBorder="1" applyAlignment="1">
      <alignment shrinkToFit="1"/>
    </xf>
    <xf numFmtId="179" fontId="2" fillId="0" borderId="103" xfId="0" applyNumberFormat="1" applyFont="1" applyBorder="1" applyAlignment="1">
      <alignment shrinkToFit="1"/>
    </xf>
    <xf numFmtId="179" fontId="2" fillId="0" borderId="104" xfId="0" applyNumberFormat="1" applyFont="1" applyBorder="1" applyAlignment="1">
      <alignment shrinkToFit="1"/>
    </xf>
    <xf numFmtId="0" fontId="2" fillId="0" borderId="0" xfId="0" applyFont="1" applyAlignment="1">
      <alignment vertical="center" shrinkToFit="1"/>
    </xf>
    <xf numFmtId="176" fontId="2" fillId="0" borderId="32" xfId="0" applyNumberFormat="1" applyFont="1" applyBorder="1" applyAlignment="1">
      <alignment horizontal="center" vertical="center" shrinkToFit="1"/>
    </xf>
    <xf numFmtId="179" fontId="2" fillId="0" borderId="105" xfId="0" applyNumberFormat="1" applyFont="1" applyBorder="1" applyAlignment="1">
      <alignment shrinkToFit="1"/>
    </xf>
    <xf numFmtId="179" fontId="2" fillId="0" borderId="106" xfId="0" applyNumberFormat="1" applyFont="1" applyBorder="1" applyAlignment="1">
      <alignment shrinkToFit="1"/>
    </xf>
    <xf numFmtId="179" fontId="2" fillId="0" borderId="107" xfId="0" applyNumberFormat="1" applyFont="1" applyBorder="1" applyAlignment="1">
      <alignment shrinkToFit="1"/>
    </xf>
    <xf numFmtId="179" fontId="2" fillId="0" borderId="70" xfId="0" applyNumberFormat="1" applyFont="1" applyBorder="1" applyAlignment="1">
      <alignment shrinkToFit="1"/>
    </xf>
    <xf numFmtId="179" fontId="2" fillId="0" borderId="108" xfId="0" applyNumberFormat="1" applyFont="1" applyBorder="1" applyAlignment="1">
      <alignment shrinkToFit="1"/>
    </xf>
    <xf numFmtId="179" fontId="2" fillId="0" borderId="109" xfId="0" applyNumberFormat="1" applyFont="1" applyBorder="1" applyAlignment="1">
      <alignment shrinkToFit="1"/>
    </xf>
    <xf numFmtId="0" fontId="0" fillId="0" borderId="3" xfId="0" applyBorder="1" applyAlignment="1">
      <alignment vertical="center" shrinkToFit="1"/>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7" xfId="1" applyNumberFormat="1" applyFont="1" applyBorder="1" applyAlignment="1">
      <alignment vertical="center" shrinkToFit="1"/>
    </xf>
    <xf numFmtId="180" fontId="0" fillId="0" borderId="80"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60"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0" xfId="0" applyAlignment="1">
      <alignment vertical="center" shrinkToFit="1"/>
    </xf>
    <xf numFmtId="0" fontId="0" fillId="0" borderId="7" xfId="0" applyBorder="1"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68" xfId="1" applyNumberFormat="1" applyFont="1" applyBorder="1" applyAlignment="1">
      <alignment vertical="center" shrinkToFit="1"/>
    </xf>
    <xf numFmtId="180" fontId="0" fillId="0" borderId="56" xfId="1" applyNumberFormat="1" applyFont="1" applyBorder="1" applyAlignment="1">
      <alignment vertical="center" shrinkToFit="1"/>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185" fontId="2" fillId="0" borderId="0" xfId="0" applyNumberFormat="1" applyFont="1" applyBorder="1" applyAlignment="1">
      <alignment horizontal="center"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186" fontId="5" fillId="0" borderId="0" xfId="0" applyNumberFormat="1" applyFont="1" applyBorder="1" applyAlignment="1">
      <alignment horizontal="right" vertical="center"/>
    </xf>
    <xf numFmtId="0" fontId="2" fillId="0" borderId="28"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6" fontId="8" fillId="0" borderId="0" xfId="0" applyNumberFormat="1" applyFont="1" applyBorder="1" applyAlignment="1">
      <alignment horizontal="right" vertical="center"/>
    </xf>
    <xf numFmtId="182" fontId="2" fillId="0" borderId="0" xfId="0" applyNumberFormat="1" applyFont="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51" xfId="3" applyFont="1" applyBorder="1" applyAlignment="1">
      <alignment horizontal="center" vertical="center"/>
    </xf>
    <xf numFmtId="0" fontId="9" fillId="0" borderId="43"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0" fillId="0" borderId="84" xfId="0" applyBorder="1" applyAlignment="1"/>
    <xf numFmtId="0" fontId="0" fillId="0" borderId="10" xfId="0" applyBorder="1" applyAlignment="1"/>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49"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7"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56"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55" xfId="0" applyFont="1" applyBorder="1" applyAlignment="1">
      <alignment horizontal="center" vertical="center"/>
    </xf>
    <xf numFmtId="0" fontId="3" fillId="0" borderId="30" xfId="0" applyFont="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182" fontId="3" fillId="0" borderId="0" xfId="0" applyNumberFormat="1" applyFont="1" applyBorder="1" applyAlignment="1">
      <alignment horizontal="center"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39" xfId="0" applyFont="1" applyBorder="1" applyAlignment="1">
      <alignment horizontal="center" vertical="center"/>
    </xf>
    <xf numFmtId="0" fontId="3" fillId="0" borderId="40"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48"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0" fontId="3" fillId="0" borderId="71" xfId="0" applyFont="1" applyBorder="1" applyAlignment="1">
      <alignment horizontal="center" vertical="center"/>
    </xf>
    <xf numFmtId="182" fontId="2" fillId="0" borderId="0" xfId="0" applyNumberFormat="1" applyFont="1" applyBorder="1" applyAlignment="1">
      <alignment horizontal="center" vertical="center"/>
    </xf>
    <xf numFmtId="0" fontId="3" fillId="0" borderId="96" xfId="0" applyFont="1" applyBorder="1" applyAlignment="1">
      <alignment horizontal="center" vertical="center"/>
    </xf>
    <xf numFmtId="0" fontId="3" fillId="0" borderId="90" xfId="0"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0" fontId="2" fillId="0" borderId="30"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0" fontId="2" fillId="0" borderId="49" xfId="0" applyFont="1" applyBorder="1" applyAlignment="1">
      <alignment horizontal="center" vertical="center"/>
    </xf>
    <xf numFmtId="0" fontId="2" fillId="0" borderId="42" xfId="0" applyFont="1" applyBorder="1" applyAlignment="1">
      <alignment horizontal="center" vertical="center"/>
    </xf>
    <xf numFmtId="0" fontId="2" fillId="0" borderId="4" xfId="0" applyFont="1" applyBorder="1" applyAlignment="1">
      <alignment horizontal="center" vertical="center"/>
    </xf>
    <xf numFmtId="0" fontId="2" fillId="0" borderId="97" xfId="0" applyFont="1" applyBorder="1" applyAlignment="1">
      <alignment horizontal="center" vertical="center"/>
    </xf>
    <xf numFmtId="0" fontId="2" fillId="0" borderId="80" xfId="0" applyFont="1" applyBorder="1" applyAlignment="1">
      <alignment horizontal="center" vertical="center"/>
    </xf>
    <xf numFmtId="0" fontId="2" fillId="0" borderId="81" xfId="0" applyFont="1" applyBorder="1" applyAlignment="1">
      <alignment horizontal="center" vertical="center"/>
    </xf>
    <xf numFmtId="0" fontId="2" fillId="0" borderId="82"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56" xfId="0" applyFont="1" applyBorder="1" applyAlignment="1">
      <alignment horizontal="center" vertical="center"/>
    </xf>
    <xf numFmtId="0" fontId="2" fillId="0" borderId="7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99"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96" xfId="0" applyFont="1" applyBorder="1" applyAlignment="1">
      <alignment horizontal="center" vertical="center"/>
    </xf>
    <xf numFmtId="0" fontId="2" fillId="0" borderId="7" xfId="0" applyFont="1" applyBorder="1" applyAlignment="1">
      <alignment horizontal="center" vertical="center"/>
    </xf>
    <xf numFmtId="0" fontId="2" fillId="0" borderId="69" xfId="0" applyFont="1" applyBorder="1" applyAlignment="1">
      <alignment horizontal="center" vertical="center"/>
    </xf>
    <xf numFmtId="0" fontId="2" fillId="0" borderId="47" xfId="0"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59" xfId="0" applyFont="1" applyFill="1" applyBorder="1" applyAlignment="1">
      <alignment horizontal="center" vertical="center"/>
    </xf>
    <xf numFmtId="0" fontId="2" fillId="0" borderId="78" xfId="0" applyFont="1"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0" xfId="0" applyBorder="1" applyAlignment="1">
      <alignment horizontal="left"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122"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48" xfId="0" applyBorder="1" applyAlignment="1">
      <alignment horizontal="center" vertical="center"/>
    </xf>
    <xf numFmtId="0" fontId="0" fillId="0" borderId="30"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182" fontId="3" fillId="0" borderId="0" xfId="0" applyNumberFormat="1" applyFont="1" applyBorder="1" applyAlignment="1">
      <alignment horizontal="left"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1.6640625" style="1" customWidth="1"/>
    <col min="6" max="6" width="13.109375" style="1" customWidth="1"/>
    <col min="7" max="9" width="12.44140625" style="1" customWidth="1"/>
    <col min="10" max="10" width="9.77734375" style="1" customWidth="1"/>
    <col min="11" max="16384" width="9" style="1"/>
  </cols>
  <sheetData>
    <row r="1" spans="1:13" ht="18" customHeight="1" x14ac:dyDescent="0.2">
      <c r="B1" s="2"/>
      <c r="C1" s="2"/>
      <c r="D1" s="2"/>
      <c r="E1" s="501" t="s">
        <v>0</v>
      </c>
      <c r="F1" s="501"/>
      <c r="G1" s="501"/>
      <c r="H1" s="501"/>
      <c r="I1" s="2"/>
      <c r="J1" s="2"/>
      <c r="K1" s="2"/>
      <c r="L1" s="2"/>
    </row>
    <row r="2" spans="1:13" ht="18" customHeight="1" x14ac:dyDescent="0.2">
      <c r="A2" s="2"/>
      <c r="B2" s="2"/>
      <c r="C2" s="2"/>
      <c r="D2" s="2"/>
      <c r="E2" s="2"/>
      <c r="F2" s="367">
        <v>4</v>
      </c>
      <c r="G2" s="246">
        <v>9</v>
      </c>
      <c r="H2" s="2"/>
      <c r="I2" s="2"/>
      <c r="J2" s="2"/>
      <c r="K2" s="2"/>
      <c r="L2" s="2"/>
      <c r="M2" s="2"/>
    </row>
    <row r="3" spans="1:13" ht="26.25" customHeight="1" x14ac:dyDescent="0.2"/>
    <row r="4" spans="1:13" ht="20.25" customHeight="1" x14ac:dyDescent="0.2">
      <c r="D4" s="3"/>
      <c r="E4" s="4" t="s">
        <v>1</v>
      </c>
      <c r="F4" s="3"/>
      <c r="H4" s="254">
        <f>G2</f>
        <v>9</v>
      </c>
    </row>
    <row r="5" spans="1:13" ht="10.5" customHeight="1" thickBot="1" x14ac:dyDescent="0.25">
      <c r="E5" s="5"/>
    </row>
    <row r="6" spans="1:13" ht="17.25" customHeight="1" x14ac:dyDescent="0.2">
      <c r="E6" s="343"/>
      <c r="F6" s="502" t="s">
        <v>2</v>
      </c>
      <c r="G6" s="503"/>
      <c r="H6" s="503"/>
      <c r="I6" s="504"/>
    </row>
    <row r="7" spans="1:13" ht="17.25" customHeight="1" x14ac:dyDescent="0.2">
      <c r="E7" s="7"/>
      <c r="F7" s="8"/>
      <c r="G7" s="9" t="s">
        <v>3</v>
      </c>
      <c r="H7" s="346" t="s">
        <v>150</v>
      </c>
      <c r="I7" s="347" t="s">
        <v>149</v>
      </c>
    </row>
    <row r="8" spans="1:13" ht="16.5" customHeight="1" x14ac:dyDescent="0.2">
      <c r="E8" s="344" t="s">
        <v>4</v>
      </c>
      <c r="F8" s="374">
        <v>2340334</v>
      </c>
      <c r="G8" s="374">
        <v>1072969</v>
      </c>
      <c r="H8" s="374">
        <v>876018</v>
      </c>
      <c r="I8" s="375">
        <v>391347</v>
      </c>
    </row>
    <row r="9" spans="1:13" ht="16.5" customHeight="1" x14ac:dyDescent="0.2">
      <c r="E9" s="10" t="s">
        <v>5</v>
      </c>
      <c r="F9" s="376">
        <v>933531</v>
      </c>
      <c r="G9" s="376">
        <v>425583</v>
      </c>
      <c r="H9" s="376">
        <v>345485</v>
      </c>
      <c r="I9" s="377">
        <v>162463</v>
      </c>
    </row>
    <row r="10" spans="1:13" ht="16.5" customHeight="1" x14ac:dyDescent="0.2">
      <c r="E10" s="10" t="s">
        <v>6</v>
      </c>
      <c r="F10" s="376">
        <v>306987</v>
      </c>
      <c r="G10" s="376">
        <v>145892</v>
      </c>
      <c r="H10" s="376">
        <v>109702</v>
      </c>
      <c r="I10" s="377">
        <v>51393</v>
      </c>
    </row>
    <row r="11" spans="1:13" ht="16.5" customHeight="1" x14ac:dyDescent="0.2">
      <c r="E11" s="10" t="s">
        <v>14</v>
      </c>
      <c r="F11" s="376">
        <v>188068</v>
      </c>
      <c r="G11" s="376">
        <v>87836</v>
      </c>
      <c r="H11" s="376">
        <v>72646</v>
      </c>
      <c r="I11" s="377">
        <v>27586</v>
      </c>
    </row>
    <row r="12" spans="1:13" ht="16.5" customHeight="1" x14ac:dyDescent="0.2">
      <c r="E12" s="10" t="s">
        <v>7</v>
      </c>
      <c r="F12" s="376">
        <v>125832</v>
      </c>
      <c r="G12" s="376">
        <v>54991</v>
      </c>
      <c r="H12" s="376">
        <v>48854</v>
      </c>
      <c r="I12" s="377">
        <v>21987</v>
      </c>
    </row>
    <row r="13" spans="1:13" ht="16.5" customHeight="1" x14ac:dyDescent="0.2">
      <c r="E13" s="10" t="s">
        <v>8</v>
      </c>
      <c r="F13" s="376">
        <v>73203</v>
      </c>
      <c r="G13" s="376">
        <v>34295</v>
      </c>
      <c r="H13" s="376">
        <v>27285</v>
      </c>
      <c r="I13" s="377">
        <v>11623</v>
      </c>
    </row>
    <row r="14" spans="1:13" ht="16.5" customHeight="1" x14ac:dyDescent="0.2">
      <c r="E14" s="10" t="s">
        <v>9</v>
      </c>
      <c r="F14" s="376">
        <v>53709</v>
      </c>
      <c r="G14" s="376">
        <v>21420</v>
      </c>
      <c r="H14" s="376">
        <v>20679</v>
      </c>
      <c r="I14" s="377">
        <v>11610</v>
      </c>
    </row>
    <row r="15" spans="1:13" ht="16.5" customHeight="1" x14ac:dyDescent="0.2">
      <c r="E15" s="10" t="s">
        <v>10</v>
      </c>
      <c r="F15" s="376">
        <v>108155</v>
      </c>
      <c r="G15" s="376">
        <v>48456</v>
      </c>
      <c r="H15" s="376">
        <v>40913</v>
      </c>
      <c r="I15" s="377">
        <v>18786</v>
      </c>
    </row>
    <row r="16" spans="1:13" ht="16.5" customHeight="1" x14ac:dyDescent="0.2">
      <c r="E16" s="10" t="s">
        <v>11</v>
      </c>
      <c r="F16" s="376">
        <v>57322</v>
      </c>
      <c r="G16" s="376">
        <v>26374</v>
      </c>
      <c r="H16" s="376">
        <v>21071</v>
      </c>
      <c r="I16" s="377">
        <v>9877</v>
      </c>
    </row>
    <row r="17" spans="5:13" ht="16.5" customHeight="1" x14ac:dyDescent="0.2">
      <c r="E17" s="10" t="s">
        <v>12</v>
      </c>
      <c r="F17" s="376">
        <v>65458</v>
      </c>
      <c r="G17" s="376">
        <v>29268</v>
      </c>
      <c r="H17" s="376">
        <v>24845</v>
      </c>
      <c r="I17" s="377">
        <v>11345</v>
      </c>
    </row>
    <row r="18" spans="5:13" ht="16.5" customHeight="1" x14ac:dyDescent="0.2">
      <c r="E18" s="10" t="s">
        <v>13</v>
      </c>
      <c r="F18" s="376">
        <v>18627</v>
      </c>
      <c r="G18" s="376">
        <v>7408</v>
      </c>
      <c r="H18" s="376">
        <v>7183</v>
      </c>
      <c r="I18" s="377">
        <v>4036</v>
      </c>
      <c r="M18" s="1" t="s">
        <v>87</v>
      </c>
    </row>
    <row r="19" spans="5:13" ht="16.5" customHeight="1" x14ac:dyDescent="0.2">
      <c r="E19" s="10" t="s">
        <v>15</v>
      </c>
      <c r="F19" s="376">
        <v>16262</v>
      </c>
      <c r="G19" s="376">
        <v>7449</v>
      </c>
      <c r="H19" s="376">
        <v>5970</v>
      </c>
      <c r="I19" s="377">
        <v>2843</v>
      </c>
    </row>
    <row r="20" spans="5:13" ht="16.5" customHeight="1" x14ac:dyDescent="0.2">
      <c r="E20" s="10" t="s">
        <v>16</v>
      </c>
      <c r="F20" s="376">
        <v>49326</v>
      </c>
      <c r="G20" s="376">
        <v>24195</v>
      </c>
      <c r="H20" s="376">
        <v>18258</v>
      </c>
      <c r="I20" s="377">
        <v>6873</v>
      </c>
    </row>
    <row r="21" spans="5:13" ht="16.5" customHeight="1" x14ac:dyDescent="0.2">
      <c r="E21" s="10" t="s">
        <v>17</v>
      </c>
      <c r="F21" s="376">
        <v>58571</v>
      </c>
      <c r="G21" s="376">
        <v>28423</v>
      </c>
      <c r="H21" s="376">
        <v>22397</v>
      </c>
      <c r="I21" s="377">
        <v>7751</v>
      </c>
    </row>
    <row r="22" spans="5:13" ht="16.5" customHeight="1" x14ac:dyDescent="0.2">
      <c r="E22" s="10" t="s">
        <v>18</v>
      </c>
      <c r="F22" s="376">
        <v>58079</v>
      </c>
      <c r="G22" s="376">
        <v>26664</v>
      </c>
      <c r="H22" s="376">
        <v>22747</v>
      </c>
      <c r="I22" s="377">
        <v>8668</v>
      </c>
    </row>
    <row r="23" spans="5:13" ht="16.5" customHeight="1" x14ac:dyDescent="0.2">
      <c r="E23" s="10" t="s">
        <v>19</v>
      </c>
      <c r="F23" s="376">
        <v>26640</v>
      </c>
      <c r="G23" s="376">
        <v>12404</v>
      </c>
      <c r="H23" s="376">
        <v>10217</v>
      </c>
      <c r="I23" s="377">
        <v>4019</v>
      </c>
    </row>
    <row r="24" spans="5:13" ht="16.5" customHeight="1" x14ac:dyDescent="0.2">
      <c r="E24" s="10" t="s">
        <v>20</v>
      </c>
      <c r="F24" s="376">
        <v>33983</v>
      </c>
      <c r="G24" s="376">
        <v>16154</v>
      </c>
      <c r="H24" s="376">
        <v>13140</v>
      </c>
      <c r="I24" s="377">
        <v>4689</v>
      </c>
    </row>
    <row r="25" spans="5:13" ht="16.5" customHeight="1" x14ac:dyDescent="0.2">
      <c r="E25" s="10" t="s">
        <v>21</v>
      </c>
      <c r="F25" s="376">
        <v>34202</v>
      </c>
      <c r="G25" s="376">
        <v>16066</v>
      </c>
      <c r="H25" s="376">
        <v>13217</v>
      </c>
      <c r="I25" s="377">
        <v>4919</v>
      </c>
    </row>
    <row r="26" spans="5:13" ht="16.5" customHeight="1" x14ac:dyDescent="0.2">
      <c r="E26" s="10" t="s">
        <v>22</v>
      </c>
      <c r="F26" s="376">
        <v>13646</v>
      </c>
      <c r="G26" s="376">
        <v>6026</v>
      </c>
      <c r="H26" s="376">
        <v>5295</v>
      </c>
      <c r="I26" s="377">
        <v>2325</v>
      </c>
    </row>
    <row r="27" spans="5:13" ht="16.5" customHeight="1" x14ac:dyDescent="0.2">
      <c r="E27" s="10" t="s">
        <v>23</v>
      </c>
      <c r="F27" s="376">
        <v>22975</v>
      </c>
      <c r="G27" s="376">
        <v>10263</v>
      </c>
      <c r="H27" s="376">
        <v>9644</v>
      </c>
      <c r="I27" s="377">
        <v>3068</v>
      </c>
    </row>
    <row r="28" spans="5:13" ht="16.5" customHeight="1" x14ac:dyDescent="0.2">
      <c r="E28" s="10" t="s">
        <v>24</v>
      </c>
      <c r="F28" s="376">
        <v>10238</v>
      </c>
      <c r="G28" s="376">
        <v>4142</v>
      </c>
      <c r="H28" s="376">
        <v>4088</v>
      </c>
      <c r="I28" s="377">
        <v>2008</v>
      </c>
    </row>
    <row r="29" spans="5:13" ht="16.5" customHeight="1" x14ac:dyDescent="0.2">
      <c r="E29" s="10" t="s">
        <v>25</v>
      </c>
      <c r="F29" s="376">
        <v>13433</v>
      </c>
      <c r="G29" s="376">
        <v>6494</v>
      </c>
      <c r="H29" s="376">
        <v>5164</v>
      </c>
      <c r="I29" s="377">
        <v>1775</v>
      </c>
    </row>
    <row r="30" spans="5:13" ht="16.5" customHeight="1" x14ac:dyDescent="0.2">
      <c r="E30" s="10" t="s">
        <v>26</v>
      </c>
      <c r="F30" s="376">
        <v>11155</v>
      </c>
      <c r="G30" s="376">
        <v>4961</v>
      </c>
      <c r="H30" s="376">
        <v>4309</v>
      </c>
      <c r="I30" s="377">
        <v>1885</v>
      </c>
    </row>
    <row r="31" spans="5:13" ht="16.5" customHeight="1" x14ac:dyDescent="0.2">
      <c r="E31" s="10" t="s">
        <v>27</v>
      </c>
      <c r="F31" s="376">
        <v>9855</v>
      </c>
      <c r="G31" s="376">
        <v>4142</v>
      </c>
      <c r="H31" s="376">
        <v>3880</v>
      </c>
      <c r="I31" s="377">
        <v>1833</v>
      </c>
    </row>
    <row r="32" spans="5:13" ht="16.5" customHeight="1" x14ac:dyDescent="0.2">
      <c r="E32" s="10" t="s">
        <v>28</v>
      </c>
      <c r="F32" s="376">
        <v>3247</v>
      </c>
      <c r="G32" s="376">
        <v>1581</v>
      </c>
      <c r="H32" s="376">
        <v>1225</v>
      </c>
      <c r="I32" s="377">
        <v>441</v>
      </c>
    </row>
    <row r="33" spans="5:9" ht="16.5" customHeight="1" x14ac:dyDescent="0.2">
      <c r="E33" s="10" t="s">
        <v>29</v>
      </c>
      <c r="F33" s="376">
        <v>4979</v>
      </c>
      <c r="G33" s="376">
        <v>2335</v>
      </c>
      <c r="H33" s="376">
        <v>1917</v>
      </c>
      <c r="I33" s="377">
        <v>727</v>
      </c>
    </row>
    <row r="34" spans="5:9" ht="16.5" customHeight="1" x14ac:dyDescent="0.2">
      <c r="E34" s="10" t="s">
        <v>30</v>
      </c>
      <c r="F34" s="376">
        <v>3726</v>
      </c>
      <c r="G34" s="376">
        <v>1681</v>
      </c>
      <c r="H34" s="376">
        <v>1356</v>
      </c>
      <c r="I34" s="377">
        <v>689</v>
      </c>
    </row>
    <row r="35" spans="5:9" ht="16.5" customHeight="1" x14ac:dyDescent="0.2">
      <c r="E35" s="10" t="s">
        <v>31</v>
      </c>
      <c r="F35" s="376">
        <v>4020</v>
      </c>
      <c r="G35" s="376">
        <v>1950</v>
      </c>
      <c r="H35" s="376">
        <v>1308</v>
      </c>
      <c r="I35" s="377">
        <v>762</v>
      </c>
    </row>
    <row r="36" spans="5:9" ht="16.5" customHeight="1" x14ac:dyDescent="0.2">
      <c r="E36" s="10" t="s">
        <v>32</v>
      </c>
      <c r="F36" s="376">
        <v>4613</v>
      </c>
      <c r="G36" s="376">
        <v>2104</v>
      </c>
      <c r="H36" s="376">
        <v>1765</v>
      </c>
      <c r="I36" s="377">
        <v>744</v>
      </c>
    </row>
    <row r="37" spans="5:9" ht="16.5" customHeight="1" x14ac:dyDescent="0.2">
      <c r="E37" s="10" t="s">
        <v>33</v>
      </c>
      <c r="F37" s="376">
        <v>4126</v>
      </c>
      <c r="G37" s="376">
        <v>1881</v>
      </c>
      <c r="H37" s="376">
        <v>1558</v>
      </c>
      <c r="I37" s="377">
        <v>687</v>
      </c>
    </row>
    <row r="38" spans="5:9" ht="16.5" customHeight="1" x14ac:dyDescent="0.2">
      <c r="E38" s="10" t="s">
        <v>34</v>
      </c>
      <c r="F38" s="376">
        <v>3036</v>
      </c>
      <c r="G38" s="376">
        <v>1351</v>
      </c>
      <c r="H38" s="376">
        <v>1153</v>
      </c>
      <c r="I38" s="377">
        <v>532</v>
      </c>
    </row>
    <row r="39" spans="5:9" ht="16.5" customHeight="1" x14ac:dyDescent="0.2">
      <c r="E39" s="10" t="s">
        <v>35</v>
      </c>
      <c r="F39" s="376">
        <v>9902</v>
      </c>
      <c r="G39" s="376">
        <v>4306</v>
      </c>
      <c r="H39" s="376">
        <v>3839</v>
      </c>
      <c r="I39" s="377">
        <v>1757</v>
      </c>
    </row>
    <row r="40" spans="5:9" ht="16.5" customHeight="1" x14ac:dyDescent="0.2">
      <c r="E40" s="10" t="s">
        <v>36</v>
      </c>
      <c r="F40" s="376">
        <v>12357</v>
      </c>
      <c r="G40" s="376">
        <v>6307</v>
      </c>
      <c r="H40" s="376">
        <v>4554</v>
      </c>
      <c r="I40" s="377">
        <v>1496</v>
      </c>
    </row>
    <row r="41" spans="5:9" ht="16.5" customHeight="1" thickBot="1" x14ac:dyDescent="0.25">
      <c r="E41" s="11" t="s">
        <v>37</v>
      </c>
      <c r="F41" s="378">
        <v>1071</v>
      </c>
      <c r="G41" s="378">
        <v>567</v>
      </c>
      <c r="H41" s="378">
        <v>354</v>
      </c>
      <c r="I41" s="379">
        <v>150</v>
      </c>
    </row>
  </sheetData>
  <mergeCells count="2">
    <mergeCell ref="E1:H1"/>
    <mergeCell ref="F6:I6"/>
  </mergeCells>
  <phoneticPr fontId="4"/>
  <pageMargins left="0.78740157480314965" right="0.78740157480314965" top="0.98425196850393704" bottom="0.98425196850393704" header="0.51181102362204722" footer="0.51181102362204722"/>
  <pageSetup paperSize="9"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6"/>
    <col min="6" max="6" width="7.77734375" style="256" customWidth="1"/>
    <col min="7" max="7" width="9" style="256"/>
    <col min="8" max="8" width="10.6640625" style="256" customWidth="1"/>
    <col min="9" max="16" width="9" style="256"/>
    <col min="17" max="17" width="7.88671875" style="256" customWidth="1"/>
    <col min="18" max="27" width="9" style="256"/>
    <col min="28" max="28" width="7.77734375" style="256" customWidth="1"/>
    <col min="29" max="38" width="9" style="256"/>
    <col min="39" max="39" width="6.77734375" style="256" customWidth="1"/>
    <col min="40" max="49" width="9" style="256"/>
    <col min="50" max="50" width="7.77734375" style="256" customWidth="1"/>
    <col min="51" max="60" width="9" style="256"/>
    <col min="61" max="61" width="7.44140625" style="256" customWidth="1"/>
    <col min="62" max="71" width="9" style="256"/>
    <col min="72" max="72" width="7.33203125" style="256" customWidth="1"/>
    <col min="73" max="82" width="9" style="256"/>
    <col min="83" max="83" width="7.44140625" style="256" customWidth="1"/>
    <col min="84" max="93" width="9" style="256"/>
    <col min="94" max="94" width="7.6640625" style="256" customWidth="1"/>
    <col min="95" max="16384" width="9" style="256"/>
  </cols>
  <sheetData>
    <row r="1" spans="2:112" ht="24" customHeight="1" x14ac:dyDescent="0.2">
      <c r="B1" s="291" t="s">
        <v>123</v>
      </c>
      <c r="J1" s="528">
        <f>第１表!F2</f>
        <v>4</v>
      </c>
      <c r="K1" s="528"/>
      <c r="L1" s="248">
        <f>第１表!G2</f>
        <v>9</v>
      </c>
      <c r="M1" s="529">
        <f>IF(L1&lt;3,L1+12-2,L1-2)</f>
        <v>7</v>
      </c>
      <c r="N1" s="529"/>
    </row>
    <row r="2" spans="2:112" ht="24" customHeight="1" thickBot="1" x14ac:dyDescent="0.25">
      <c r="B2" s="291" t="s">
        <v>131</v>
      </c>
    </row>
    <row r="3" spans="2:112" ht="13.8"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8</v>
      </c>
      <c r="CC3" s="547"/>
      <c r="CD3" s="547"/>
      <c r="CE3" s="547"/>
      <c r="CF3" s="547"/>
      <c r="CG3" s="547"/>
      <c r="CH3" s="547"/>
      <c r="CI3" s="547"/>
      <c r="CJ3" s="547"/>
      <c r="CK3" s="547"/>
      <c r="CL3" s="548"/>
      <c r="CM3" s="546" t="s">
        <v>161</v>
      </c>
      <c r="CN3" s="547"/>
      <c r="CO3" s="547"/>
      <c r="CP3" s="547"/>
      <c r="CQ3" s="547"/>
      <c r="CR3" s="547"/>
      <c r="CS3" s="547"/>
      <c r="CT3" s="547"/>
      <c r="CU3" s="547"/>
      <c r="CV3" s="547"/>
      <c r="CW3" s="548"/>
      <c r="CX3" s="546" t="s">
        <v>157</v>
      </c>
      <c r="CY3" s="547"/>
      <c r="CZ3" s="547"/>
      <c r="DA3" s="547"/>
      <c r="DB3" s="547"/>
      <c r="DC3" s="547"/>
      <c r="DD3" s="547"/>
      <c r="DE3" s="547"/>
      <c r="DF3" s="547"/>
      <c r="DG3" s="547"/>
      <c r="DH3" s="548"/>
    </row>
    <row r="4" spans="2:112" x14ac:dyDescent="0.2">
      <c r="B4" s="550"/>
      <c r="C4" s="554" t="s">
        <v>61</v>
      </c>
      <c r="D4" s="533"/>
      <c r="E4" s="534"/>
      <c r="F4" s="535" t="s">
        <v>62</v>
      </c>
      <c r="G4" s="533"/>
      <c r="H4" s="533"/>
      <c r="I4" s="533"/>
      <c r="J4" s="533"/>
      <c r="K4" s="533"/>
      <c r="L4" s="536"/>
      <c r="M4" s="530" t="s">
        <v>52</v>
      </c>
      <c r="N4" s="554" t="s">
        <v>61</v>
      </c>
      <c r="O4" s="533"/>
      <c r="P4" s="534"/>
      <c r="Q4" s="535" t="s">
        <v>62</v>
      </c>
      <c r="R4" s="533"/>
      <c r="S4" s="533"/>
      <c r="T4" s="533"/>
      <c r="U4" s="533"/>
      <c r="V4" s="533"/>
      <c r="W4" s="534"/>
      <c r="X4" s="530" t="s">
        <v>52</v>
      </c>
      <c r="Y4" s="532" t="s">
        <v>61</v>
      </c>
      <c r="Z4" s="533"/>
      <c r="AA4" s="536"/>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6"/>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row>
    <row r="5" spans="2:112" ht="28.5" customHeight="1" thickBot="1" x14ac:dyDescent="0.25">
      <c r="B5" s="551"/>
      <c r="C5" s="265" t="s">
        <v>43</v>
      </c>
      <c r="D5" s="260" t="s">
        <v>44</v>
      </c>
      <c r="E5" s="383" t="s">
        <v>45</v>
      </c>
      <c r="F5" s="268" t="s">
        <v>83</v>
      </c>
      <c r="G5" s="260" t="s">
        <v>47</v>
      </c>
      <c r="H5" s="260" t="s">
        <v>48</v>
      </c>
      <c r="I5" s="260" t="s">
        <v>49</v>
      </c>
      <c r="J5" s="260" t="s">
        <v>50</v>
      </c>
      <c r="K5" s="260" t="s">
        <v>51</v>
      </c>
      <c r="L5" s="269" t="s">
        <v>45</v>
      </c>
      <c r="M5" s="531"/>
      <c r="N5" s="265" t="s">
        <v>43</v>
      </c>
      <c r="O5" s="260" t="s">
        <v>44</v>
      </c>
      <c r="P5" s="266" t="s">
        <v>45</v>
      </c>
      <c r="Q5" s="268" t="s">
        <v>83</v>
      </c>
      <c r="R5" s="260" t="s">
        <v>47</v>
      </c>
      <c r="S5" s="260" t="s">
        <v>48</v>
      </c>
      <c r="T5" s="260" t="s">
        <v>49</v>
      </c>
      <c r="U5" s="260" t="s">
        <v>50</v>
      </c>
      <c r="V5" s="260" t="s">
        <v>51</v>
      </c>
      <c r="W5" s="266" t="s">
        <v>45</v>
      </c>
      <c r="X5" s="531"/>
      <c r="Y5" s="324" t="s">
        <v>43</v>
      </c>
      <c r="Z5" s="260" t="s">
        <v>44</v>
      </c>
      <c r="AA5" s="269" t="s">
        <v>45</v>
      </c>
      <c r="AB5" s="268" t="s">
        <v>83</v>
      </c>
      <c r="AC5" s="260" t="s">
        <v>47</v>
      </c>
      <c r="AD5" s="260" t="s">
        <v>48</v>
      </c>
      <c r="AE5" s="260" t="s">
        <v>49</v>
      </c>
      <c r="AF5" s="260" t="s">
        <v>50</v>
      </c>
      <c r="AG5" s="260" t="s">
        <v>51</v>
      </c>
      <c r="AH5" s="266" t="s">
        <v>45</v>
      </c>
      <c r="AI5" s="531"/>
      <c r="AJ5" s="324" t="s">
        <v>43</v>
      </c>
      <c r="AK5" s="260" t="s">
        <v>44</v>
      </c>
      <c r="AL5" s="266" t="s">
        <v>45</v>
      </c>
      <c r="AM5" s="268" t="s">
        <v>83</v>
      </c>
      <c r="AN5" s="260" t="s">
        <v>47</v>
      </c>
      <c r="AO5" s="260" t="s">
        <v>48</v>
      </c>
      <c r="AP5" s="260" t="s">
        <v>49</v>
      </c>
      <c r="AQ5" s="260" t="s">
        <v>50</v>
      </c>
      <c r="AR5" s="260" t="s">
        <v>51</v>
      </c>
      <c r="AS5" s="266" t="s">
        <v>45</v>
      </c>
      <c r="AT5" s="531"/>
      <c r="AU5" s="324" t="s">
        <v>43</v>
      </c>
      <c r="AV5" s="260" t="s">
        <v>44</v>
      </c>
      <c r="AW5" s="269" t="s">
        <v>45</v>
      </c>
      <c r="AX5" s="268" t="s">
        <v>83</v>
      </c>
      <c r="AY5" s="260" t="s">
        <v>47</v>
      </c>
      <c r="AZ5" s="260" t="s">
        <v>48</v>
      </c>
      <c r="BA5" s="260" t="s">
        <v>49</v>
      </c>
      <c r="BB5" s="260" t="s">
        <v>50</v>
      </c>
      <c r="BC5" s="260" t="s">
        <v>51</v>
      </c>
      <c r="BD5" s="269" t="s">
        <v>45</v>
      </c>
      <c r="BE5" s="531"/>
      <c r="BF5" s="324" t="s">
        <v>43</v>
      </c>
      <c r="BG5" s="260" t="s">
        <v>44</v>
      </c>
      <c r="BH5" s="266" t="s">
        <v>45</v>
      </c>
      <c r="BI5" s="268" t="s">
        <v>83</v>
      </c>
      <c r="BJ5" s="260" t="s">
        <v>47</v>
      </c>
      <c r="BK5" s="260" t="s">
        <v>48</v>
      </c>
      <c r="BL5" s="260" t="s">
        <v>49</v>
      </c>
      <c r="BM5" s="260" t="s">
        <v>50</v>
      </c>
      <c r="BN5" s="260" t="s">
        <v>51</v>
      </c>
      <c r="BO5" s="266" t="s">
        <v>45</v>
      </c>
      <c r="BP5" s="531"/>
      <c r="BQ5" s="324" t="s">
        <v>43</v>
      </c>
      <c r="BR5" s="260" t="s">
        <v>44</v>
      </c>
      <c r="BS5" s="266" t="s">
        <v>45</v>
      </c>
      <c r="BT5" s="268" t="s">
        <v>83</v>
      </c>
      <c r="BU5" s="260" t="s">
        <v>47</v>
      </c>
      <c r="BV5" s="260" t="s">
        <v>48</v>
      </c>
      <c r="BW5" s="260" t="s">
        <v>49</v>
      </c>
      <c r="BX5" s="260" t="s">
        <v>50</v>
      </c>
      <c r="BY5" s="260" t="s">
        <v>51</v>
      </c>
      <c r="BZ5" s="266" t="s">
        <v>45</v>
      </c>
      <c r="CA5" s="531"/>
      <c r="CB5" s="324" t="s">
        <v>43</v>
      </c>
      <c r="CC5" s="260" t="s">
        <v>44</v>
      </c>
      <c r="CD5" s="266" t="s">
        <v>45</v>
      </c>
      <c r="CE5" s="268" t="s">
        <v>83</v>
      </c>
      <c r="CF5" s="260" t="s">
        <v>47</v>
      </c>
      <c r="CG5" s="260" t="s">
        <v>48</v>
      </c>
      <c r="CH5" s="260" t="s">
        <v>49</v>
      </c>
      <c r="CI5" s="260" t="s">
        <v>50</v>
      </c>
      <c r="CJ5" s="260" t="s">
        <v>51</v>
      </c>
      <c r="CK5" s="266" t="s">
        <v>45</v>
      </c>
      <c r="CL5" s="531"/>
      <c r="CM5" s="324" t="s">
        <v>43</v>
      </c>
      <c r="CN5" s="260" t="s">
        <v>44</v>
      </c>
      <c r="CO5" s="266" t="s">
        <v>45</v>
      </c>
      <c r="CP5" s="268" t="s">
        <v>83</v>
      </c>
      <c r="CQ5" s="260" t="s">
        <v>47</v>
      </c>
      <c r="CR5" s="260" t="s">
        <v>48</v>
      </c>
      <c r="CS5" s="260" t="s">
        <v>49</v>
      </c>
      <c r="CT5" s="260" t="s">
        <v>50</v>
      </c>
      <c r="CU5" s="260" t="s">
        <v>51</v>
      </c>
      <c r="CV5" s="266" t="s">
        <v>45</v>
      </c>
      <c r="CW5" s="531"/>
      <c r="CX5" s="366" t="s">
        <v>43</v>
      </c>
      <c r="CY5" s="260" t="s">
        <v>44</v>
      </c>
      <c r="CZ5" s="266" t="s">
        <v>45</v>
      </c>
      <c r="DA5" s="268" t="s">
        <v>83</v>
      </c>
      <c r="DB5" s="260" t="s">
        <v>47</v>
      </c>
      <c r="DC5" s="260" t="s">
        <v>48</v>
      </c>
      <c r="DD5" s="260" t="s">
        <v>49</v>
      </c>
      <c r="DE5" s="260" t="s">
        <v>50</v>
      </c>
      <c r="DF5" s="260" t="s">
        <v>51</v>
      </c>
      <c r="DG5" s="266" t="s">
        <v>45</v>
      </c>
      <c r="DH5" s="531"/>
    </row>
    <row r="6" spans="2:112" ht="18.75" customHeight="1" x14ac:dyDescent="0.2">
      <c r="B6" s="261" t="s">
        <v>4</v>
      </c>
      <c r="C6" s="270">
        <v>0</v>
      </c>
      <c r="D6" s="274">
        <v>0</v>
      </c>
      <c r="E6" s="384">
        <v>0</v>
      </c>
      <c r="F6" s="273">
        <v>0</v>
      </c>
      <c r="G6" s="274">
        <v>13842</v>
      </c>
      <c r="H6" s="274">
        <v>18860</v>
      </c>
      <c r="I6" s="274">
        <v>22237</v>
      </c>
      <c r="J6" s="274">
        <v>22981</v>
      </c>
      <c r="K6" s="274">
        <v>18852</v>
      </c>
      <c r="L6" s="275">
        <v>96772</v>
      </c>
      <c r="M6" s="276">
        <v>96772</v>
      </c>
      <c r="N6" s="270">
        <v>0</v>
      </c>
      <c r="O6" s="274">
        <v>5</v>
      </c>
      <c r="P6" s="271">
        <v>5</v>
      </c>
      <c r="Q6" s="273">
        <v>0</v>
      </c>
      <c r="R6" s="274">
        <v>16</v>
      </c>
      <c r="S6" s="274">
        <v>139</v>
      </c>
      <c r="T6" s="274">
        <v>278</v>
      </c>
      <c r="U6" s="274">
        <v>586</v>
      </c>
      <c r="V6" s="274">
        <v>1064</v>
      </c>
      <c r="W6" s="271">
        <v>2083</v>
      </c>
      <c r="X6" s="276">
        <v>2088</v>
      </c>
      <c r="Y6" s="270">
        <v>969</v>
      </c>
      <c r="Z6" s="274">
        <v>2323</v>
      </c>
      <c r="AA6" s="271">
        <v>3292</v>
      </c>
      <c r="AB6" s="273">
        <v>0</v>
      </c>
      <c r="AC6" s="274">
        <v>8097</v>
      </c>
      <c r="AD6" s="274">
        <v>11562</v>
      </c>
      <c r="AE6" s="274">
        <v>7727</v>
      </c>
      <c r="AF6" s="274">
        <v>6627</v>
      </c>
      <c r="AG6" s="274">
        <v>4301</v>
      </c>
      <c r="AH6" s="271">
        <v>38314</v>
      </c>
      <c r="AI6" s="276">
        <v>41606</v>
      </c>
      <c r="AJ6" s="270">
        <v>136</v>
      </c>
      <c r="AK6" s="274">
        <v>510</v>
      </c>
      <c r="AL6" s="271">
        <v>646</v>
      </c>
      <c r="AM6" s="273">
        <v>0</v>
      </c>
      <c r="AN6" s="274">
        <v>780</v>
      </c>
      <c r="AO6" s="274">
        <v>1495</v>
      </c>
      <c r="AP6" s="274">
        <v>731</v>
      </c>
      <c r="AQ6" s="274">
        <v>995</v>
      </c>
      <c r="AR6" s="274">
        <v>301</v>
      </c>
      <c r="AS6" s="271">
        <v>4302</v>
      </c>
      <c r="AT6" s="276">
        <v>4948</v>
      </c>
      <c r="AU6" s="270">
        <v>0</v>
      </c>
      <c r="AV6" s="274">
        <v>0</v>
      </c>
      <c r="AW6" s="271">
        <v>0</v>
      </c>
      <c r="AX6" s="273">
        <v>0</v>
      </c>
      <c r="AY6" s="274">
        <v>12975</v>
      </c>
      <c r="AZ6" s="274">
        <v>12074</v>
      </c>
      <c r="BA6" s="274">
        <v>7872</v>
      </c>
      <c r="BB6" s="274">
        <v>3569</v>
      </c>
      <c r="BC6" s="274">
        <v>1351</v>
      </c>
      <c r="BD6" s="275">
        <v>37841</v>
      </c>
      <c r="BE6" s="276">
        <v>37841</v>
      </c>
      <c r="BF6" s="270">
        <v>0</v>
      </c>
      <c r="BG6" s="274">
        <v>0</v>
      </c>
      <c r="BH6" s="271">
        <v>0</v>
      </c>
      <c r="BI6" s="273">
        <v>0</v>
      </c>
      <c r="BJ6" s="274">
        <v>2611</v>
      </c>
      <c r="BK6" s="274">
        <v>3813</v>
      </c>
      <c r="BL6" s="274">
        <v>2312</v>
      </c>
      <c r="BM6" s="274">
        <v>1281</v>
      </c>
      <c r="BN6" s="274">
        <v>352</v>
      </c>
      <c r="BO6" s="271">
        <v>10369</v>
      </c>
      <c r="BP6" s="276">
        <v>10369</v>
      </c>
      <c r="BQ6" s="270">
        <v>21</v>
      </c>
      <c r="BR6" s="274">
        <v>120</v>
      </c>
      <c r="BS6" s="271">
        <v>141</v>
      </c>
      <c r="BT6" s="273">
        <v>0</v>
      </c>
      <c r="BU6" s="274">
        <v>1350</v>
      </c>
      <c r="BV6" s="274">
        <v>2080</v>
      </c>
      <c r="BW6" s="274">
        <v>3889</v>
      </c>
      <c r="BX6" s="274">
        <v>2315</v>
      </c>
      <c r="BY6" s="274">
        <v>985</v>
      </c>
      <c r="BZ6" s="271">
        <v>10619</v>
      </c>
      <c r="CA6" s="276">
        <v>10760</v>
      </c>
      <c r="CB6" s="270">
        <v>0</v>
      </c>
      <c r="CC6" s="274">
        <v>7</v>
      </c>
      <c r="CD6" s="271">
        <v>7</v>
      </c>
      <c r="CE6" s="273">
        <v>0</v>
      </c>
      <c r="CF6" s="274">
        <v>123</v>
      </c>
      <c r="CG6" s="274">
        <v>397</v>
      </c>
      <c r="CH6" s="274">
        <v>415</v>
      </c>
      <c r="CI6" s="274">
        <v>307</v>
      </c>
      <c r="CJ6" s="274">
        <v>146</v>
      </c>
      <c r="CK6" s="271">
        <v>1388</v>
      </c>
      <c r="CL6" s="276">
        <v>1395</v>
      </c>
      <c r="CM6" s="270">
        <v>0</v>
      </c>
      <c r="CN6" s="274">
        <v>0</v>
      </c>
      <c r="CO6" s="271">
        <v>0</v>
      </c>
      <c r="CP6" s="273">
        <v>0</v>
      </c>
      <c r="CQ6" s="274">
        <v>0</v>
      </c>
      <c r="CR6" s="274">
        <v>0</v>
      </c>
      <c r="CS6" s="274">
        <v>0</v>
      </c>
      <c r="CT6" s="274">
        <v>0</v>
      </c>
      <c r="CU6" s="274">
        <v>0</v>
      </c>
      <c r="CV6" s="271">
        <v>0</v>
      </c>
      <c r="CW6" s="276">
        <v>0</v>
      </c>
      <c r="CX6" s="270">
        <v>0</v>
      </c>
      <c r="CY6" s="274">
        <v>0</v>
      </c>
      <c r="CZ6" s="271">
        <v>0</v>
      </c>
      <c r="DA6" s="273">
        <v>0</v>
      </c>
      <c r="DB6" s="274">
        <v>0</v>
      </c>
      <c r="DC6" s="274">
        <v>0</v>
      </c>
      <c r="DD6" s="274">
        <v>0</v>
      </c>
      <c r="DE6" s="274">
        <v>0</v>
      </c>
      <c r="DF6" s="274">
        <v>0</v>
      </c>
      <c r="DG6" s="271">
        <v>0</v>
      </c>
      <c r="DH6" s="276">
        <v>0</v>
      </c>
    </row>
    <row r="7" spans="2:112" ht="18.75" customHeight="1" x14ac:dyDescent="0.2">
      <c r="B7" s="262" t="s">
        <v>5</v>
      </c>
      <c r="C7" s="277">
        <v>0</v>
      </c>
      <c r="D7" s="281">
        <v>0</v>
      </c>
      <c r="E7" s="385">
        <v>0</v>
      </c>
      <c r="F7" s="280">
        <v>0</v>
      </c>
      <c r="G7" s="281">
        <v>5101</v>
      </c>
      <c r="H7" s="281">
        <v>8434</v>
      </c>
      <c r="I7" s="281">
        <v>8414</v>
      </c>
      <c r="J7" s="281">
        <v>9112</v>
      </c>
      <c r="K7" s="281">
        <v>6835</v>
      </c>
      <c r="L7" s="282">
        <v>37896</v>
      </c>
      <c r="M7" s="283">
        <v>37896</v>
      </c>
      <c r="N7" s="277">
        <v>0</v>
      </c>
      <c r="O7" s="281">
        <v>5</v>
      </c>
      <c r="P7" s="278">
        <v>5</v>
      </c>
      <c r="Q7" s="280">
        <v>0</v>
      </c>
      <c r="R7" s="281">
        <v>7</v>
      </c>
      <c r="S7" s="281">
        <v>83</v>
      </c>
      <c r="T7" s="281">
        <v>106</v>
      </c>
      <c r="U7" s="281">
        <v>229</v>
      </c>
      <c r="V7" s="281">
        <v>451</v>
      </c>
      <c r="W7" s="278">
        <v>876</v>
      </c>
      <c r="X7" s="283">
        <v>881</v>
      </c>
      <c r="Y7" s="277">
        <v>504</v>
      </c>
      <c r="Z7" s="281">
        <v>1361</v>
      </c>
      <c r="AA7" s="278">
        <v>1865</v>
      </c>
      <c r="AB7" s="280">
        <v>0</v>
      </c>
      <c r="AC7" s="281">
        <v>3356</v>
      </c>
      <c r="AD7" s="281">
        <v>6399</v>
      </c>
      <c r="AE7" s="281">
        <v>4054</v>
      </c>
      <c r="AF7" s="281">
        <v>3202</v>
      </c>
      <c r="AG7" s="281">
        <v>2151</v>
      </c>
      <c r="AH7" s="278">
        <v>19162</v>
      </c>
      <c r="AI7" s="283">
        <v>21027</v>
      </c>
      <c r="AJ7" s="277">
        <v>70</v>
      </c>
      <c r="AK7" s="281">
        <v>305</v>
      </c>
      <c r="AL7" s="278">
        <v>375</v>
      </c>
      <c r="AM7" s="280">
        <v>0</v>
      </c>
      <c r="AN7" s="281">
        <v>114</v>
      </c>
      <c r="AO7" s="281">
        <v>640</v>
      </c>
      <c r="AP7" s="281">
        <v>364</v>
      </c>
      <c r="AQ7" s="281">
        <v>406</v>
      </c>
      <c r="AR7" s="281">
        <v>118</v>
      </c>
      <c r="AS7" s="278">
        <v>1642</v>
      </c>
      <c r="AT7" s="283">
        <v>2017</v>
      </c>
      <c r="AU7" s="277">
        <v>0</v>
      </c>
      <c r="AV7" s="281">
        <v>0</v>
      </c>
      <c r="AW7" s="278">
        <v>0</v>
      </c>
      <c r="AX7" s="280">
        <v>0</v>
      </c>
      <c r="AY7" s="281">
        <v>4687</v>
      </c>
      <c r="AZ7" s="281">
        <v>5106</v>
      </c>
      <c r="BA7" s="281">
        <v>3092</v>
      </c>
      <c r="BB7" s="281">
        <v>1312</v>
      </c>
      <c r="BC7" s="281">
        <v>497</v>
      </c>
      <c r="BD7" s="282">
        <v>14694</v>
      </c>
      <c r="BE7" s="283">
        <v>14694</v>
      </c>
      <c r="BF7" s="277">
        <v>0</v>
      </c>
      <c r="BG7" s="281">
        <v>0</v>
      </c>
      <c r="BH7" s="278">
        <v>0</v>
      </c>
      <c r="BI7" s="280">
        <v>0</v>
      </c>
      <c r="BJ7" s="281">
        <v>931</v>
      </c>
      <c r="BK7" s="281">
        <v>1739</v>
      </c>
      <c r="BL7" s="281">
        <v>1061</v>
      </c>
      <c r="BM7" s="281">
        <v>603</v>
      </c>
      <c r="BN7" s="281">
        <v>168</v>
      </c>
      <c r="BO7" s="278">
        <v>4502</v>
      </c>
      <c r="BP7" s="283">
        <v>4502</v>
      </c>
      <c r="BQ7" s="277">
        <v>4</v>
      </c>
      <c r="BR7" s="281">
        <v>58</v>
      </c>
      <c r="BS7" s="278">
        <v>62</v>
      </c>
      <c r="BT7" s="280">
        <v>0</v>
      </c>
      <c r="BU7" s="281">
        <v>493</v>
      </c>
      <c r="BV7" s="281">
        <v>804</v>
      </c>
      <c r="BW7" s="281">
        <v>1759</v>
      </c>
      <c r="BX7" s="281">
        <v>993</v>
      </c>
      <c r="BY7" s="281">
        <v>405</v>
      </c>
      <c r="BZ7" s="278">
        <v>4454</v>
      </c>
      <c r="CA7" s="283">
        <v>4516</v>
      </c>
      <c r="CB7" s="277">
        <v>0</v>
      </c>
      <c r="CC7" s="281">
        <v>7</v>
      </c>
      <c r="CD7" s="278">
        <v>7</v>
      </c>
      <c r="CE7" s="280">
        <v>0</v>
      </c>
      <c r="CF7" s="281">
        <v>76</v>
      </c>
      <c r="CG7" s="281">
        <v>214</v>
      </c>
      <c r="CH7" s="281">
        <v>287</v>
      </c>
      <c r="CI7" s="281">
        <v>184</v>
      </c>
      <c r="CJ7" s="281">
        <v>112</v>
      </c>
      <c r="CK7" s="278">
        <v>873</v>
      </c>
      <c r="CL7" s="283">
        <v>880</v>
      </c>
      <c r="CM7" s="277">
        <v>0</v>
      </c>
      <c r="CN7" s="281">
        <v>0</v>
      </c>
      <c r="CO7" s="278">
        <v>0</v>
      </c>
      <c r="CP7" s="280">
        <v>0</v>
      </c>
      <c r="CQ7" s="281">
        <v>0</v>
      </c>
      <c r="CR7" s="281">
        <v>0</v>
      </c>
      <c r="CS7" s="281">
        <v>0</v>
      </c>
      <c r="CT7" s="281">
        <v>0</v>
      </c>
      <c r="CU7" s="281">
        <v>0</v>
      </c>
      <c r="CV7" s="278">
        <v>0</v>
      </c>
      <c r="CW7" s="283">
        <v>0</v>
      </c>
      <c r="CX7" s="277">
        <v>0</v>
      </c>
      <c r="CY7" s="281">
        <v>0</v>
      </c>
      <c r="CZ7" s="278">
        <v>0</v>
      </c>
      <c r="DA7" s="280">
        <v>0</v>
      </c>
      <c r="DB7" s="281">
        <v>0</v>
      </c>
      <c r="DC7" s="281">
        <v>0</v>
      </c>
      <c r="DD7" s="281">
        <v>0</v>
      </c>
      <c r="DE7" s="281">
        <v>0</v>
      </c>
      <c r="DF7" s="281">
        <v>0</v>
      </c>
      <c r="DG7" s="278">
        <v>0</v>
      </c>
      <c r="DH7" s="283">
        <v>0</v>
      </c>
    </row>
    <row r="8" spans="2:112" ht="18.75" customHeight="1" x14ac:dyDescent="0.2">
      <c r="B8" s="262" t="s">
        <v>6</v>
      </c>
      <c r="C8" s="277">
        <v>0</v>
      </c>
      <c r="D8" s="281">
        <v>0</v>
      </c>
      <c r="E8" s="385">
        <v>0</v>
      </c>
      <c r="F8" s="280">
        <v>0</v>
      </c>
      <c r="G8" s="281">
        <v>1770</v>
      </c>
      <c r="H8" s="281">
        <v>1580</v>
      </c>
      <c r="I8" s="281">
        <v>2674</v>
      </c>
      <c r="J8" s="281">
        <v>3578</v>
      </c>
      <c r="K8" s="281">
        <v>2130</v>
      </c>
      <c r="L8" s="282">
        <v>11732</v>
      </c>
      <c r="M8" s="283">
        <v>11732</v>
      </c>
      <c r="N8" s="277">
        <v>0</v>
      </c>
      <c r="O8" s="281">
        <v>0</v>
      </c>
      <c r="P8" s="278">
        <v>0</v>
      </c>
      <c r="Q8" s="280">
        <v>0</v>
      </c>
      <c r="R8" s="281">
        <v>5</v>
      </c>
      <c r="S8" s="281">
        <v>9</v>
      </c>
      <c r="T8" s="281">
        <v>23</v>
      </c>
      <c r="U8" s="281">
        <v>48</v>
      </c>
      <c r="V8" s="281">
        <v>126</v>
      </c>
      <c r="W8" s="278">
        <v>211</v>
      </c>
      <c r="X8" s="283">
        <v>211</v>
      </c>
      <c r="Y8" s="277">
        <v>145</v>
      </c>
      <c r="Z8" s="281">
        <v>246</v>
      </c>
      <c r="AA8" s="278">
        <v>391</v>
      </c>
      <c r="AB8" s="280">
        <v>0</v>
      </c>
      <c r="AC8" s="281">
        <v>1193</v>
      </c>
      <c r="AD8" s="281">
        <v>1356</v>
      </c>
      <c r="AE8" s="281">
        <v>929</v>
      </c>
      <c r="AF8" s="281">
        <v>1218</v>
      </c>
      <c r="AG8" s="281">
        <v>720</v>
      </c>
      <c r="AH8" s="278">
        <v>5416</v>
      </c>
      <c r="AI8" s="283">
        <v>5807</v>
      </c>
      <c r="AJ8" s="277">
        <v>8</v>
      </c>
      <c r="AK8" s="281">
        <v>9</v>
      </c>
      <c r="AL8" s="278">
        <v>17</v>
      </c>
      <c r="AM8" s="280">
        <v>0</v>
      </c>
      <c r="AN8" s="281">
        <v>108</v>
      </c>
      <c r="AO8" s="281">
        <v>159</v>
      </c>
      <c r="AP8" s="281">
        <v>52</v>
      </c>
      <c r="AQ8" s="281">
        <v>146</v>
      </c>
      <c r="AR8" s="281">
        <v>22</v>
      </c>
      <c r="AS8" s="278">
        <v>487</v>
      </c>
      <c r="AT8" s="283">
        <v>504</v>
      </c>
      <c r="AU8" s="277">
        <v>0</v>
      </c>
      <c r="AV8" s="281">
        <v>0</v>
      </c>
      <c r="AW8" s="278">
        <v>0</v>
      </c>
      <c r="AX8" s="280">
        <v>0</v>
      </c>
      <c r="AY8" s="281">
        <v>1769</v>
      </c>
      <c r="AZ8" s="281">
        <v>1297</v>
      </c>
      <c r="BA8" s="281">
        <v>857</v>
      </c>
      <c r="BB8" s="281">
        <v>544</v>
      </c>
      <c r="BC8" s="281">
        <v>214</v>
      </c>
      <c r="BD8" s="282">
        <v>4681</v>
      </c>
      <c r="BE8" s="283">
        <v>4681</v>
      </c>
      <c r="BF8" s="277">
        <v>0</v>
      </c>
      <c r="BG8" s="281">
        <v>0</v>
      </c>
      <c r="BH8" s="278">
        <v>0</v>
      </c>
      <c r="BI8" s="280">
        <v>0</v>
      </c>
      <c r="BJ8" s="281">
        <v>337</v>
      </c>
      <c r="BK8" s="281">
        <v>443</v>
      </c>
      <c r="BL8" s="281">
        <v>331</v>
      </c>
      <c r="BM8" s="281">
        <v>162</v>
      </c>
      <c r="BN8" s="281">
        <v>81</v>
      </c>
      <c r="BO8" s="278">
        <v>1354</v>
      </c>
      <c r="BP8" s="283">
        <v>1354</v>
      </c>
      <c r="BQ8" s="277">
        <v>13</v>
      </c>
      <c r="BR8" s="281">
        <v>12</v>
      </c>
      <c r="BS8" s="278">
        <v>25</v>
      </c>
      <c r="BT8" s="280">
        <v>0</v>
      </c>
      <c r="BU8" s="281">
        <v>149</v>
      </c>
      <c r="BV8" s="281">
        <v>248</v>
      </c>
      <c r="BW8" s="281">
        <v>245</v>
      </c>
      <c r="BX8" s="281">
        <v>198</v>
      </c>
      <c r="BY8" s="281">
        <v>75</v>
      </c>
      <c r="BZ8" s="278">
        <v>915</v>
      </c>
      <c r="CA8" s="283">
        <v>940</v>
      </c>
      <c r="CB8" s="277">
        <v>0</v>
      </c>
      <c r="CC8" s="281">
        <v>0</v>
      </c>
      <c r="CD8" s="278">
        <v>0</v>
      </c>
      <c r="CE8" s="280">
        <v>0</v>
      </c>
      <c r="CF8" s="281">
        <v>12</v>
      </c>
      <c r="CG8" s="281">
        <v>26</v>
      </c>
      <c r="CH8" s="281">
        <v>65</v>
      </c>
      <c r="CI8" s="281">
        <v>51</v>
      </c>
      <c r="CJ8" s="281">
        <v>31</v>
      </c>
      <c r="CK8" s="278">
        <v>185</v>
      </c>
      <c r="CL8" s="283">
        <v>185</v>
      </c>
      <c r="CM8" s="277">
        <v>0</v>
      </c>
      <c r="CN8" s="281">
        <v>0</v>
      </c>
      <c r="CO8" s="278">
        <v>0</v>
      </c>
      <c r="CP8" s="280">
        <v>0</v>
      </c>
      <c r="CQ8" s="281">
        <v>0</v>
      </c>
      <c r="CR8" s="281">
        <v>0</v>
      </c>
      <c r="CS8" s="281">
        <v>0</v>
      </c>
      <c r="CT8" s="281">
        <v>0</v>
      </c>
      <c r="CU8" s="281">
        <v>0</v>
      </c>
      <c r="CV8" s="278">
        <v>0</v>
      </c>
      <c r="CW8" s="283">
        <v>0</v>
      </c>
      <c r="CX8" s="277">
        <v>0</v>
      </c>
      <c r="CY8" s="281">
        <v>0</v>
      </c>
      <c r="CZ8" s="278">
        <v>0</v>
      </c>
      <c r="DA8" s="280">
        <v>0</v>
      </c>
      <c r="DB8" s="281">
        <v>0</v>
      </c>
      <c r="DC8" s="281">
        <v>0</v>
      </c>
      <c r="DD8" s="281">
        <v>0</v>
      </c>
      <c r="DE8" s="281">
        <v>0</v>
      </c>
      <c r="DF8" s="281">
        <v>0</v>
      </c>
      <c r="DG8" s="278">
        <v>0</v>
      </c>
      <c r="DH8" s="283">
        <v>0</v>
      </c>
    </row>
    <row r="9" spans="2:112" ht="18.75" customHeight="1" x14ac:dyDescent="0.2">
      <c r="B9" s="262" t="s">
        <v>14</v>
      </c>
      <c r="C9" s="277">
        <v>0</v>
      </c>
      <c r="D9" s="281">
        <v>0</v>
      </c>
      <c r="E9" s="385">
        <v>0</v>
      </c>
      <c r="F9" s="280">
        <v>0</v>
      </c>
      <c r="G9" s="281">
        <v>810</v>
      </c>
      <c r="H9" s="281">
        <v>1459</v>
      </c>
      <c r="I9" s="281">
        <v>2004</v>
      </c>
      <c r="J9" s="281">
        <v>608</v>
      </c>
      <c r="K9" s="281">
        <v>1129</v>
      </c>
      <c r="L9" s="282">
        <v>6010</v>
      </c>
      <c r="M9" s="283">
        <v>6010</v>
      </c>
      <c r="N9" s="277">
        <v>0</v>
      </c>
      <c r="O9" s="281">
        <v>0</v>
      </c>
      <c r="P9" s="278">
        <v>0</v>
      </c>
      <c r="Q9" s="280">
        <v>0</v>
      </c>
      <c r="R9" s="281">
        <v>0</v>
      </c>
      <c r="S9" s="281">
        <v>0</v>
      </c>
      <c r="T9" s="281">
        <v>6</v>
      </c>
      <c r="U9" s="281">
        <v>14</v>
      </c>
      <c r="V9" s="281">
        <v>51</v>
      </c>
      <c r="W9" s="278">
        <v>71</v>
      </c>
      <c r="X9" s="283">
        <v>71</v>
      </c>
      <c r="Y9" s="277">
        <v>20</v>
      </c>
      <c r="Z9" s="281">
        <v>192</v>
      </c>
      <c r="AA9" s="278">
        <v>212</v>
      </c>
      <c r="AB9" s="280">
        <v>0</v>
      </c>
      <c r="AC9" s="281">
        <v>499</v>
      </c>
      <c r="AD9" s="281">
        <v>777</v>
      </c>
      <c r="AE9" s="281">
        <v>533</v>
      </c>
      <c r="AF9" s="281">
        <v>269</v>
      </c>
      <c r="AG9" s="281">
        <v>67</v>
      </c>
      <c r="AH9" s="278">
        <v>2145</v>
      </c>
      <c r="AI9" s="283">
        <v>2357</v>
      </c>
      <c r="AJ9" s="277">
        <v>0</v>
      </c>
      <c r="AK9" s="281">
        <v>18</v>
      </c>
      <c r="AL9" s="278">
        <v>18</v>
      </c>
      <c r="AM9" s="280">
        <v>0</v>
      </c>
      <c r="AN9" s="281">
        <v>24</v>
      </c>
      <c r="AO9" s="281">
        <v>82</v>
      </c>
      <c r="AP9" s="281">
        <v>13</v>
      </c>
      <c r="AQ9" s="281">
        <v>34</v>
      </c>
      <c r="AR9" s="281">
        <v>4</v>
      </c>
      <c r="AS9" s="278">
        <v>157</v>
      </c>
      <c r="AT9" s="283">
        <v>175</v>
      </c>
      <c r="AU9" s="277">
        <v>0</v>
      </c>
      <c r="AV9" s="281">
        <v>0</v>
      </c>
      <c r="AW9" s="278">
        <v>0</v>
      </c>
      <c r="AX9" s="280">
        <v>0</v>
      </c>
      <c r="AY9" s="281">
        <v>886</v>
      </c>
      <c r="AZ9" s="281">
        <v>1116</v>
      </c>
      <c r="BA9" s="281">
        <v>835</v>
      </c>
      <c r="BB9" s="281">
        <v>339</v>
      </c>
      <c r="BC9" s="281">
        <v>105</v>
      </c>
      <c r="BD9" s="282">
        <v>3281</v>
      </c>
      <c r="BE9" s="283">
        <v>3281</v>
      </c>
      <c r="BF9" s="277">
        <v>0</v>
      </c>
      <c r="BG9" s="281">
        <v>0</v>
      </c>
      <c r="BH9" s="278">
        <v>0</v>
      </c>
      <c r="BI9" s="280">
        <v>0</v>
      </c>
      <c r="BJ9" s="281">
        <v>57</v>
      </c>
      <c r="BK9" s="281">
        <v>216</v>
      </c>
      <c r="BL9" s="281">
        <v>178</v>
      </c>
      <c r="BM9" s="281">
        <v>66</v>
      </c>
      <c r="BN9" s="281">
        <v>12</v>
      </c>
      <c r="BO9" s="278">
        <v>529</v>
      </c>
      <c r="BP9" s="283">
        <v>529</v>
      </c>
      <c r="BQ9" s="277">
        <v>0</v>
      </c>
      <c r="BR9" s="281">
        <v>7</v>
      </c>
      <c r="BS9" s="278">
        <v>7</v>
      </c>
      <c r="BT9" s="280">
        <v>0</v>
      </c>
      <c r="BU9" s="281">
        <v>94</v>
      </c>
      <c r="BV9" s="281">
        <v>121</v>
      </c>
      <c r="BW9" s="281">
        <v>263</v>
      </c>
      <c r="BX9" s="281">
        <v>142</v>
      </c>
      <c r="BY9" s="281">
        <v>81</v>
      </c>
      <c r="BZ9" s="278">
        <v>701</v>
      </c>
      <c r="CA9" s="283">
        <v>708</v>
      </c>
      <c r="CB9" s="277">
        <v>0</v>
      </c>
      <c r="CC9" s="281">
        <v>0</v>
      </c>
      <c r="CD9" s="278">
        <v>0</v>
      </c>
      <c r="CE9" s="280">
        <v>0</v>
      </c>
      <c r="CF9" s="281">
        <v>0</v>
      </c>
      <c r="CG9" s="281">
        <v>14</v>
      </c>
      <c r="CH9" s="281">
        <v>0</v>
      </c>
      <c r="CI9" s="281">
        <v>0</v>
      </c>
      <c r="CJ9" s="281">
        <v>0</v>
      </c>
      <c r="CK9" s="278">
        <v>14</v>
      </c>
      <c r="CL9" s="283">
        <v>14</v>
      </c>
      <c r="CM9" s="277">
        <v>0</v>
      </c>
      <c r="CN9" s="281">
        <v>0</v>
      </c>
      <c r="CO9" s="278">
        <v>0</v>
      </c>
      <c r="CP9" s="280">
        <v>0</v>
      </c>
      <c r="CQ9" s="281">
        <v>0</v>
      </c>
      <c r="CR9" s="281">
        <v>0</v>
      </c>
      <c r="CS9" s="281">
        <v>0</v>
      </c>
      <c r="CT9" s="281">
        <v>0</v>
      </c>
      <c r="CU9" s="281">
        <v>0</v>
      </c>
      <c r="CV9" s="278">
        <v>0</v>
      </c>
      <c r="CW9" s="283">
        <v>0</v>
      </c>
      <c r="CX9" s="277">
        <v>0</v>
      </c>
      <c r="CY9" s="281">
        <v>0</v>
      </c>
      <c r="CZ9" s="278">
        <v>0</v>
      </c>
      <c r="DA9" s="280">
        <v>0</v>
      </c>
      <c r="DB9" s="281">
        <v>0</v>
      </c>
      <c r="DC9" s="281">
        <v>0</v>
      </c>
      <c r="DD9" s="281">
        <v>0</v>
      </c>
      <c r="DE9" s="281">
        <v>0</v>
      </c>
      <c r="DF9" s="281">
        <v>0</v>
      </c>
      <c r="DG9" s="278">
        <v>0</v>
      </c>
      <c r="DH9" s="283">
        <v>0</v>
      </c>
    </row>
    <row r="10" spans="2:112" ht="18.75" customHeight="1" x14ac:dyDescent="0.2">
      <c r="B10" s="262" t="s">
        <v>7</v>
      </c>
      <c r="C10" s="277">
        <v>0</v>
      </c>
      <c r="D10" s="281">
        <v>0</v>
      </c>
      <c r="E10" s="385">
        <v>0</v>
      </c>
      <c r="F10" s="280">
        <v>0</v>
      </c>
      <c r="G10" s="281">
        <v>1555</v>
      </c>
      <c r="H10" s="281">
        <v>1605</v>
      </c>
      <c r="I10" s="281">
        <v>1947</v>
      </c>
      <c r="J10" s="281">
        <v>1503</v>
      </c>
      <c r="K10" s="281">
        <v>1654</v>
      </c>
      <c r="L10" s="282">
        <v>8264</v>
      </c>
      <c r="M10" s="283">
        <v>8264</v>
      </c>
      <c r="N10" s="277">
        <v>0</v>
      </c>
      <c r="O10" s="281">
        <v>0</v>
      </c>
      <c r="P10" s="278">
        <v>0</v>
      </c>
      <c r="Q10" s="280">
        <v>0</v>
      </c>
      <c r="R10" s="281">
        <v>4</v>
      </c>
      <c r="S10" s="281">
        <v>14</v>
      </c>
      <c r="T10" s="281">
        <v>46</v>
      </c>
      <c r="U10" s="281">
        <v>69</v>
      </c>
      <c r="V10" s="281">
        <v>51</v>
      </c>
      <c r="W10" s="278">
        <v>184</v>
      </c>
      <c r="X10" s="283">
        <v>184</v>
      </c>
      <c r="Y10" s="277">
        <v>16</v>
      </c>
      <c r="Z10" s="281">
        <v>29</v>
      </c>
      <c r="AA10" s="278">
        <v>45</v>
      </c>
      <c r="AB10" s="280">
        <v>0</v>
      </c>
      <c r="AC10" s="281">
        <v>341</v>
      </c>
      <c r="AD10" s="281">
        <v>418</v>
      </c>
      <c r="AE10" s="281">
        <v>352</v>
      </c>
      <c r="AF10" s="281">
        <v>271</v>
      </c>
      <c r="AG10" s="281">
        <v>200</v>
      </c>
      <c r="AH10" s="278">
        <v>1582</v>
      </c>
      <c r="AI10" s="283">
        <v>1627</v>
      </c>
      <c r="AJ10" s="277">
        <v>0</v>
      </c>
      <c r="AK10" s="281">
        <v>0</v>
      </c>
      <c r="AL10" s="278">
        <v>0</v>
      </c>
      <c r="AM10" s="280">
        <v>0</v>
      </c>
      <c r="AN10" s="281">
        <v>61</v>
      </c>
      <c r="AO10" s="281">
        <v>34</v>
      </c>
      <c r="AP10" s="281">
        <v>47</v>
      </c>
      <c r="AQ10" s="281">
        <v>58</v>
      </c>
      <c r="AR10" s="281">
        <v>0</v>
      </c>
      <c r="AS10" s="278">
        <v>200</v>
      </c>
      <c r="AT10" s="283">
        <v>200</v>
      </c>
      <c r="AU10" s="277">
        <v>0</v>
      </c>
      <c r="AV10" s="281">
        <v>0</v>
      </c>
      <c r="AW10" s="278">
        <v>0</v>
      </c>
      <c r="AX10" s="280">
        <v>0</v>
      </c>
      <c r="AY10" s="281">
        <v>1137</v>
      </c>
      <c r="AZ10" s="281">
        <v>784</v>
      </c>
      <c r="BA10" s="281">
        <v>408</v>
      </c>
      <c r="BB10" s="281">
        <v>148</v>
      </c>
      <c r="BC10" s="281">
        <v>104</v>
      </c>
      <c r="BD10" s="282">
        <v>2581</v>
      </c>
      <c r="BE10" s="283">
        <v>2581</v>
      </c>
      <c r="BF10" s="277">
        <v>0</v>
      </c>
      <c r="BG10" s="281">
        <v>0</v>
      </c>
      <c r="BH10" s="278">
        <v>0</v>
      </c>
      <c r="BI10" s="280">
        <v>0</v>
      </c>
      <c r="BJ10" s="281">
        <v>163</v>
      </c>
      <c r="BK10" s="281">
        <v>107</v>
      </c>
      <c r="BL10" s="281">
        <v>112</v>
      </c>
      <c r="BM10" s="281">
        <v>28</v>
      </c>
      <c r="BN10" s="281">
        <v>6</v>
      </c>
      <c r="BO10" s="278">
        <v>416</v>
      </c>
      <c r="BP10" s="283">
        <v>416</v>
      </c>
      <c r="BQ10" s="277">
        <v>0</v>
      </c>
      <c r="BR10" s="281">
        <v>0</v>
      </c>
      <c r="BS10" s="278">
        <v>0</v>
      </c>
      <c r="BT10" s="280">
        <v>0</v>
      </c>
      <c r="BU10" s="281">
        <v>150</v>
      </c>
      <c r="BV10" s="281">
        <v>205</v>
      </c>
      <c r="BW10" s="281">
        <v>148</v>
      </c>
      <c r="BX10" s="281">
        <v>129</v>
      </c>
      <c r="BY10" s="281">
        <v>110</v>
      </c>
      <c r="BZ10" s="278">
        <v>742</v>
      </c>
      <c r="CA10" s="283">
        <v>742</v>
      </c>
      <c r="CB10" s="277">
        <v>0</v>
      </c>
      <c r="CC10" s="281">
        <v>0</v>
      </c>
      <c r="CD10" s="278">
        <v>0</v>
      </c>
      <c r="CE10" s="280">
        <v>0</v>
      </c>
      <c r="CF10" s="281">
        <v>0</v>
      </c>
      <c r="CG10" s="281">
        <v>0</v>
      </c>
      <c r="CH10" s="281">
        <v>0</v>
      </c>
      <c r="CI10" s="281">
        <v>0</v>
      </c>
      <c r="CJ10" s="281">
        <v>0</v>
      </c>
      <c r="CK10" s="278">
        <v>0</v>
      </c>
      <c r="CL10" s="283">
        <v>0</v>
      </c>
      <c r="CM10" s="277">
        <v>0</v>
      </c>
      <c r="CN10" s="281">
        <v>0</v>
      </c>
      <c r="CO10" s="278">
        <v>0</v>
      </c>
      <c r="CP10" s="280">
        <v>0</v>
      </c>
      <c r="CQ10" s="281">
        <v>0</v>
      </c>
      <c r="CR10" s="281">
        <v>0</v>
      </c>
      <c r="CS10" s="281">
        <v>0</v>
      </c>
      <c r="CT10" s="281">
        <v>0</v>
      </c>
      <c r="CU10" s="281">
        <v>0</v>
      </c>
      <c r="CV10" s="278">
        <v>0</v>
      </c>
      <c r="CW10" s="283">
        <v>0</v>
      </c>
      <c r="CX10" s="277">
        <v>0</v>
      </c>
      <c r="CY10" s="281">
        <v>0</v>
      </c>
      <c r="CZ10" s="278">
        <v>0</v>
      </c>
      <c r="DA10" s="280">
        <v>0</v>
      </c>
      <c r="DB10" s="281">
        <v>0</v>
      </c>
      <c r="DC10" s="281">
        <v>0</v>
      </c>
      <c r="DD10" s="281">
        <v>0</v>
      </c>
      <c r="DE10" s="281">
        <v>0</v>
      </c>
      <c r="DF10" s="281">
        <v>0</v>
      </c>
      <c r="DG10" s="278">
        <v>0</v>
      </c>
      <c r="DH10" s="283">
        <v>0</v>
      </c>
    </row>
    <row r="11" spans="2:112" ht="18.75" customHeight="1" x14ac:dyDescent="0.2">
      <c r="B11" s="262" t="s">
        <v>8</v>
      </c>
      <c r="C11" s="277">
        <v>0</v>
      </c>
      <c r="D11" s="281">
        <v>0</v>
      </c>
      <c r="E11" s="385">
        <v>0</v>
      </c>
      <c r="F11" s="280">
        <v>0</v>
      </c>
      <c r="G11" s="281">
        <v>252</v>
      </c>
      <c r="H11" s="281">
        <v>606</v>
      </c>
      <c r="I11" s="281">
        <v>752</v>
      </c>
      <c r="J11" s="281">
        <v>454</v>
      </c>
      <c r="K11" s="281">
        <v>585</v>
      </c>
      <c r="L11" s="282">
        <v>2649</v>
      </c>
      <c r="M11" s="283">
        <v>2649</v>
      </c>
      <c r="N11" s="277">
        <v>0</v>
      </c>
      <c r="O11" s="281">
        <v>0</v>
      </c>
      <c r="P11" s="278">
        <v>0</v>
      </c>
      <c r="Q11" s="280">
        <v>0</v>
      </c>
      <c r="R11" s="281">
        <v>0</v>
      </c>
      <c r="S11" s="281">
        <v>4</v>
      </c>
      <c r="T11" s="281">
        <v>19</v>
      </c>
      <c r="U11" s="281">
        <v>16</v>
      </c>
      <c r="V11" s="281">
        <v>17</v>
      </c>
      <c r="W11" s="278">
        <v>56</v>
      </c>
      <c r="X11" s="283">
        <v>56</v>
      </c>
      <c r="Y11" s="277">
        <v>9</v>
      </c>
      <c r="Z11" s="281">
        <v>23</v>
      </c>
      <c r="AA11" s="278">
        <v>32</v>
      </c>
      <c r="AB11" s="280">
        <v>0</v>
      </c>
      <c r="AC11" s="281">
        <v>186</v>
      </c>
      <c r="AD11" s="281">
        <v>162</v>
      </c>
      <c r="AE11" s="281">
        <v>182</v>
      </c>
      <c r="AF11" s="281">
        <v>107</v>
      </c>
      <c r="AG11" s="281">
        <v>72</v>
      </c>
      <c r="AH11" s="278">
        <v>709</v>
      </c>
      <c r="AI11" s="283">
        <v>741</v>
      </c>
      <c r="AJ11" s="277">
        <v>6</v>
      </c>
      <c r="AK11" s="281">
        <v>8</v>
      </c>
      <c r="AL11" s="278">
        <v>14</v>
      </c>
      <c r="AM11" s="280">
        <v>0</v>
      </c>
      <c r="AN11" s="281">
        <v>24</v>
      </c>
      <c r="AO11" s="281">
        <v>47</v>
      </c>
      <c r="AP11" s="281">
        <v>37</v>
      </c>
      <c r="AQ11" s="281">
        <v>24</v>
      </c>
      <c r="AR11" s="281">
        <v>8</v>
      </c>
      <c r="AS11" s="278">
        <v>140</v>
      </c>
      <c r="AT11" s="283">
        <v>154</v>
      </c>
      <c r="AU11" s="277">
        <v>0</v>
      </c>
      <c r="AV11" s="281">
        <v>0</v>
      </c>
      <c r="AW11" s="278">
        <v>0</v>
      </c>
      <c r="AX11" s="280">
        <v>0</v>
      </c>
      <c r="AY11" s="281">
        <v>271</v>
      </c>
      <c r="AZ11" s="281">
        <v>431</v>
      </c>
      <c r="BA11" s="281">
        <v>234</v>
      </c>
      <c r="BB11" s="281">
        <v>124</v>
      </c>
      <c r="BC11" s="281">
        <v>36</v>
      </c>
      <c r="BD11" s="282">
        <v>1096</v>
      </c>
      <c r="BE11" s="283">
        <v>1096</v>
      </c>
      <c r="BF11" s="277">
        <v>0</v>
      </c>
      <c r="BG11" s="281">
        <v>0</v>
      </c>
      <c r="BH11" s="278">
        <v>0</v>
      </c>
      <c r="BI11" s="280">
        <v>0</v>
      </c>
      <c r="BJ11" s="281">
        <v>61</v>
      </c>
      <c r="BK11" s="281">
        <v>48</v>
      </c>
      <c r="BL11" s="281">
        <v>51</v>
      </c>
      <c r="BM11" s="281">
        <v>25</v>
      </c>
      <c r="BN11" s="281">
        <v>0</v>
      </c>
      <c r="BO11" s="278">
        <v>185</v>
      </c>
      <c r="BP11" s="283">
        <v>185</v>
      </c>
      <c r="BQ11" s="277">
        <v>0</v>
      </c>
      <c r="BR11" s="281">
        <v>0</v>
      </c>
      <c r="BS11" s="278">
        <v>0</v>
      </c>
      <c r="BT11" s="280">
        <v>0</v>
      </c>
      <c r="BU11" s="281">
        <v>30</v>
      </c>
      <c r="BV11" s="281">
        <v>55</v>
      </c>
      <c r="BW11" s="281">
        <v>59</v>
      </c>
      <c r="BX11" s="281">
        <v>14</v>
      </c>
      <c r="BY11" s="281">
        <v>0</v>
      </c>
      <c r="BZ11" s="278">
        <v>158</v>
      </c>
      <c r="CA11" s="283">
        <v>158</v>
      </c>
      <c r="CB11" s="277">
        <v>0</v>
      </c>
      <c r="CC11" s="281">
        <v>0</v>
      </c>
      <c r="CD11" s="278">
        <v>0</v>
      </c>
      <c r="CE11" s="280">
        <v>0</v>
      </c>
      <c r="CF11" s="281">
        <v>0</v>
      </c>
      <c r="CG11" s="281">
        <v>4</v>
      </c>
      <c r="CH11" s="281">
        <v>10</v>
      </c>
      <c r="CI11" s="281">
        <v>2</v>
      </c>
      <c r="CJ11" s="281">
        <v>0</v>
      </c>
      <c r="CK11" s="278">
        <v>16</v>
      </c>
      <c r="CL11" s="283">
        <v>16</v>
      </c>
      <c r="CM11" s="277">
        <v>0</v>
      </c>
      <c r="CN11" s="281">
        <v>0</v>
      </c>
      <c r="CO11" s="278">
        <v>0</v>
      </c>
      <c r="CP11" s="280">
        <v>0</v>
      </c>
      <c r="CQ11" s="281">
        <v>0</v>
      </c>
      <c r="CR11" s="281">
        <v>0</v>
      </c>
      <c r="CS11" s="281">
        <v>0</v>
      </c>
      <c r="CT11" s="281">
        <v>0</v>
      </c>
      <c r="CU11" s="281">
        <v>0</v>
      </c>
      <c r="CV11" s="278">
        <v>0</v>
      </c>
      <c r="CW11" s="283">
        <v>0</v>
      </c>
      <c r="CX11" s="277">
        <v>0</v>
      </c>
      <c r="CY11" s="281">
        <v>0</v>
      </c>
      <c r="CZ11" s="278">
        <v>0</v>
      </c>
      <c r="DA11" s="280">
        <v>0</v>
      </c>
      <c r="DB11" s="281">
        <v>0</v>
      </c>
      <c r="DC11" s="281">
        <v>0</v>
      </c>
      <c r="DD11" s="281">
        <v>0</v>
      </c>
      <c r="DE11" s="281">
        <v>0</v>
      </c>
      <c r="DF11" s="281">
        <v>0</v>
      </c>
      <c r="DG11" s="278">
        <v>0</v>
      </c>
      <c r="DH11" s="283">
        <v>0</v>
      </c>
    </row>
    <row r="12" spans="2:112" ht="18.75" customHeight="1" x14ac:dyDescent="0.2">
      <c r="B12" s="262" t="s">
        <v>9</v>
      </c>
      <c r="C12" s="277">
        <v>0</v>
      </c>
      <c r="D12" s="281">
        <v>0</v>
      </c>
      <c r="E12" s="385">
        <v>0</v>
      </c>
      <c r="F12" s="280">
        <v>0</v>
      </c>
      <c r="G12" s="281">
        <v>603</v>
      </c>
      <c r="H12" s="281">
        <v>943</v>
      </c>
      <c r="I12" s="281">
        <v>688</v>
      </c>
      <c r="J12" s="281">
        <v>1077</v>
      </c>
      <c r="K12" s="281">
        <v>981</v>
      </c>
      <c r="L12" s="282">
        <v>4292</v>
      </c>
      <c r="M12" s="283">
        <v>4292</v>
      </c>
      <c r="N12" s="277">
        <v>0</v>
      </c>
      <c r="O12" s="281">
        <v>0</v>
      </c>
      <c r="P12" s="278">
        <v>0</v>
      </c>
      <c r="Q12" s="280">
        <v>0</v>
      </c>
      <c r="R12" s="281">
        <v>0</v>
      </c>
      <c r="S12" s="281">
        <v>0</v>
      </c>
      <c r="T12" s="281">
        <v>11</v>
      </c>
      <c r="U12" s="281">
        <v>7</v>
      </c>
      <c r="V12" s="281">
        <v>67</v>
      </c>
      <c r="W12" s="278">
        <v>85</v>
      </c>
      <c r="X12" s="283">
        <v>85</v>
      </c>
      <c r="Y12" s="277">
        <v>6</v>
      </c>
      <c r="Z12" s="281">
        <v>42</v>
      </c>
      <c r="AA12" s="278">
        <v>48</v>
      </c>
      <c r="AB12" s="280">
        <v>0</v>
      </c>
      <c r="AC12" s="281">
        <v>389</v>
      </c>
      <c r="AD12" s="281">
        <v>249</v>
      </c>
      <c r="AE12" s="281">
        <v>240</v>
      </c>
      <c r="AF12" s="281">
        <v>209</v>
      </c>
      <c r="AG12" s="281">
        <v>218</v>
      </c>
      <c r="AH12" s="278">
        <v>1305</v>
      </c>
      <c r="AI12" s="283">
        <v>1353</v>
      </c>
      <c r="AJ12" s="277">
        <v>0</v>
      </c>
      <c r="AK12" s="281">
        <v>0</v>
      </c>
      <c r="AL12" s="278">
        <v>0</v>
      </c>
      <c r="AM12" s="280">
        <v>0</v>
      </c>
      <c r="AN12" s="281">
        <v>21</v>
      </c>
      <c r="AO12" s="281">
        <v>46</v>
      </c>
      <c r="AP12" s="281">
        <v>33</v>
      </c>
      <c r="AQ12" s="281">
        <v>87</v>
      </c>
      <c r="AR12" s="281">
        <v>12</v>
      </c>
      <c r="AS12" s="278">
        <v>199</v>
      </c>
      <c r="AT12" s="283">
        <v>199</v>
      </c>
      <c r="AU12" s="277">
        <v>0</v>
      </c>
      <c r="AV12" s="281">
        <v>0</v>
      </c>
      <c r="AW12" s="278">
        <v>0</v>
      </c>
      <c r="AX12" s="280">
        <v>0</v>
      </c>
      <c r="AY12" s="281">
        <v>361</v>
      </c>
      <c r="AZ12" s="281">
        <v>286</v>
      </c>
      <c r="BA12" s="281">
        <v>317</v>
      </c>
      <c r="BB12" s="281">
        <v>114</v>
      </c>
      <c r="BC12" s="281">
        <v>79</v>
      </c>
      <c r="BD12" s="282">
        <v>1157</v>
      </c>
      <c r="BE12" s="283">
        <v>1157</v>
      </c>
      <c r="BF12" s="277">
        <v>0</v>
      </c>
      <c r="BG12" s="281">
        <v>0</v>
      </c>
      <c r="BH12" s="278">
        <v>0</v>
      </c>
      <c r="BI12" s="280">
        <v>0</v>
      </c>
      <c r="BJ12" s="281">
        <v>106</v>
      </c>
      <c r="BK12" s="281">
        <v>97</v>
      </c>
      <c r="BL12" s="281">
        <v>46</v>
      </c>
      <c r="BM12" s="281">
        <v>65</v>
      </c>
      <c r="BN12" s="281">
        <v>0</v>
      </c>
      <c r="BO12" s="278">
        <v>314</v>
      </c>
      <c r="BP12" s="283">
        <v>314</v>
      </c>
      <c r="BQ12" s="277">
        <v>0</v>
      </c>
      <c r="BR12" s="281">
        <v>0</v>
      </c>
      <c r="BS12" s="278">
        <v>0</v>
      </c>
      <c r="BT12" s="280">
        <v>0</v>
      </c>
      <c r="BU12" s="281">
        <v>57</v>
      </c>
      <c r="BV12" s="281">
        <v>48</v>
      </c>
      <c r="BW12" s="281">
        <v>119</v>
      </c>
      <c r="BX12" s="281">
        <v>67</v>
      </c>
      <c r="BY12" s="281">
        <v>36</v>
      </c>
      <c r="BZ12" s="278">
        <v>327</v>
      </c>
      <c r="CA12" s="283">
        <v>327</v>
      </c>
      <c r="CB12" s="277">
        <v>0</v>
      </c>
      <c r="CC12" s="281">
        <v>0</v>
      </c>
      <c r="CD12" s="278">
        <v>0</v>
      </c>
      <c r="CE12" s="280">
        <v>0</v>
      </c>
      <c r="CF12" s="281">
        <v>0</v>
      </c>
      <c r="CG12" s="281">
        <v>24</v>
      </c>
      <c r="CH12" s="281">
        <v>11</v>
      </c>
      <c r="CI12" s="281">
        <v>10</v>
      </c>
      <c r="CJ12" s="281">
        <v>0</v>
      </c>
      <c r="CK12" s="278">
        <v>45</v>
      </c>
      <c r="CL12" s="283">
        <v>45</v>
      </c>
      <c r="CM12" s="277">
        <v>0</v>
      </c>
      <c r="CN12" s="281">
        <v>0</v>
      </c>
      <c r="CO12" s="278">
        <v>0</v>
      </c>
      <c r="CP12" s="280">
        <v>0</v>
      </c>
      <c r="CQ12" s="281">
        <v>0</v>
      </c>
      <c r="CR12" s="281">
        <v>0</v>
      </c>
      <c r="CS12" s="281">
        <v>0</v>
      </c>
      <c r="CT12" s="281">
        <v>0</v>
      </c>
      <c r="CU12" s="281">
        <v>0</v>
      </c>
      <c r="CV12" s="278">
        <v>0</v>
      </c>
      <c r="CW12" s="283">
        <v>0</v>
      </c>
      <c r="CX12" s="277">
        <v>0</v>
      </c>
      <c r="CY12" s="281">
        <v>0</v>
      </c>
      <c r="CZ12" s="278">
        <v>0</v>
      </c>
      <c r="DA12" s="280">
        <v>0</v>
      </c>
      <c r="DB12" s="281">
        <v>0</v>
      </c>
      <c r="DC12" s="281">
        <v>0</v>
      </c>
      <c r="DD12" s="281">
        <v>0</v>
      </c>
      <c r="DE12" s="281">
        <v>0</v>
      </c>
      <c r="DF12" s="281">
        <v>0</v>
      </c>
      <c r="DG12" s="278">
        <v>0</v>
      </c>
      <c r="DH12" s="283">
        <v>0</v>
      </c>
    </row>
    <row r="13" spans="2:112" ht="18.75" customHeight="1" x14ac:dyDescent="0.2">
      <c r="B13" s="262" t="s">
        <v>10</v>
      </c>
      <c r="C13" s="277">
        <v>0</v>
      </c>
      <c r="D13" s="281">
        <v>0</v>
      </c>
      <c r="E13" s="385">
        <v>0</v>
      </c>
      <c r="F13" s="280">
        <v>0</v>
      </c>
      <c r="G13" s="281">
        <v>1212</v>
      </c>
      <c r="H13" s="281">
        <v>1024</v>
      </c>
      <c r="I13" s="281">
        <v>1378</v>
      </c>
      <c r="J13" s="281">
        <v>1050</v>
      </c>
      <c r="K13" s="281">
        <v>1455</v>
      </c>
      <c r="L13" s="282">
        <v>6119</v>
      </c>
      <c r="M13" s="283">
        <v>6119</v>
      </c>
      <c r="N13" s="277">
        <v>0</v>
      </c>
      <c r="O13" s="281">
        <v>0</v>
      </c>
      <c r="P13" s="278">
        <v>0</v>
      </c>
      <c r="Q13" s="280">
        <v>0</v>
      </c>
      <c r="R13" s="281">
        <v>0</v>
      </c>
      <c r="S13" s="281">
        <v>0</v>
      </c>
      <c r="T13" s="281">
        <v>11</v>
      </c>
      <c r="U13" s="281">
        <v>72</v>
      </c>
      <c r="V13" s="281">
        <v>69</v>
      </c>
      <c r="W13" s="278">
        <v>152</v>
      </c>
      <c r="X13" s="283">
        <v>152</v>
      </c>
      <c r="Y13" s="277">
        <v>79</v>
      </c>
      <c r="Z13" s="281">
        <v>112</v>
      </c>
      <c r="AA13" s="278">
        <v>191</v>
      </c>
      <c r="AB13" s="280">
        <v>0</v>
      </c>
      <c r="AC13" s="281">
        <v>647</v>
      </c>
      <c r="AD13" s="281">
        <v>422</v>
      </c>
      <c r="AE13" s="281">
        <v>312</v>
      </c>
      <c r="AF13" s="281">
        <v>316</v>
      </c>
      <c r="AG13" s="281">
        <v>228</v>
      </c>
      <c r="AH13" s="278">
        <v>1925</v>
      </c>
      <c r="AI13" s="283">
        <v>2116</v>
      </c>
      <c r="AJ13" s="277">
        <v>8</v>
      </c>
      <c r="AK13" s="281">
        <v>64</v>
      </c>
      <c r="AL13" s="278">
        <v>72</v>
      </c>
      <c r="AM13" s="280">
        <v>0</v>
      </c>
      <c r="AN13" s="281">
        <v>118</v>
      </c>
      <c r="AO13" s="281">
        <v>34</v>
      </c>
      <c r="AP13" s="281">
        <v>43</v>
      </c>
      <c r="AQ13" s="281">
        <v>16</v>
      </c>
      <c r="AR13" s="281">
        <v>45</v>
      </c>
      <c r="AS13" s="278">
        <v>256</v>
      </c>
      <c r="AT13" s="283">
        <v>328</v>
      </c>
      <c r="AU13" s="277">
        <v>0</v>
      </c>
      <c r="AV13" s="281">
        <v>0</v>
      </c>
      <c r="AW13" s="278">
        <v>0</v>
      </c>
      <c r="AX13" s="280">
        <v>0</v>
      </c>
      <c r="AY13" s="281">
        <v>1052</v>
      </c>
      <c r="AZ13" s="281">
        <v>600</v>
      </c>
      <c r="BA13" s="281">
        <v>458</v>
      </c>
      <c r="BB13" s="281">
        <v>165</v>
      </c>
      <c r="BC13" s="281">
        <v>56</v>
      </c>
      <c r="BD13" s="282">
        <v>2331</v>
      </c>
      <c r="BE13" s="283">
        <v>2331</v>
      </c>
      <c r="BF13" s="277">
        <v>0</v>
      </c>
      <c r="BG13" s="281">
        <v>0</v>
      </c>
      <c r="BH13" s="278">
        <v>0</v>
      </c>
      <c r="BI13" s="280">
        <v>0</v>
      </c>
      <c r="BJ13" s="281">
        <v>145</v>
      </c>
      <c r="BK13" s="281">
        <v>50</v>
      </c>
      <c r="BL13" s="281">
        <v>57</v>
      </c>
      <c r="BM13" s="281">
        <v>32</v>
      </c>
      <c r="BN13" s="281">
        <v>10</v>
      </c>
      <c r="BO13" s="278">
        <v>294</v>
      </c>
      <c r="BP13" s="283">
        <v>294</v>
      </c>
      <c r="BQ13" s="277">
        <v>0</v>
      </c>
      <c r="BR13" s="281">
        <v>10</v>
      </c>
      <c r="BS13" s="278">
        <v>10</v>
      </c>
      <c r="BT13" s="280">
        <v>0</v>
      </c>
      <c r="BU13" s="281">
        <v>92</v>
      </c>
      <c r="BV13" s="281">
        <v>95</v>
      </c>
      <c r="BW13" s="281">
        <v>220</v>
      </c>
      <c r="BX13" s="281">
        <v>105</v>
      </c>
      <c r="BY13" s="281">
        <v>48</v>
      </c>
      <c r="BZ13" s="278">
        <v>560</v>
      </c>
      <c r="CA13" s="283">
        <v>570</v>
      </c>
      <c r="CB13" s="277">
        <v>0</v>
      </c>
      <c r="CC13" s="281">
        <v>0</v>
      </c>
      <c r="CD13" s="278">
        <v>0</v>
      </c>
      <c r="CE13" s="280">
        <v>0</v>
      </c>
      <c r="CF13" s="281">
        <v>3</v>
      </c>
      <c r="CG13" s="281">
        <v>20</v>
      </c>
      <c r="CH13" s="281">
        <v>5</v>
      </c>
      <c r="CI13" s="281">
        <v>11</v>
      </c>
      <c r="CJ13" s="281">
        <v>0</v>
      </c>
      <c r="CK13" s="278">
        <v>39</v>
      </c>
      <c r="CL13" s="283">
        <v>39</v>
      </c>
      <c r="CM13" s="277">
        <v>0</v>
      </c>
      <c r="CN13" s="281">
        <v>0</v>
      </c>
      <c r="CO13" s="278">
        <v>0</v>
      </c>
      <c r="CP13" s="280">
        <v>0</v>
      </c>
      <c r="CQ13" s="281">
        <v>0</v>
      </c>
      <c r="CR13" s="281">
        <v>0</v>
      </c>
      <c r="CS13" s="281">
        <v>0</v>
      </c>
      <c r="CT13" s="281">
        <v>0</v>
      </c>
      <c r="CU13" s="281">
        <v>0</v>
      </c>
      <c r="CV13" s="278">
        <v>0</v>
      </c>
      <c r="CW13" s="283">
        <v>0</v>
      </c>
      <c r="CX13" s="277">
        <v>0</v>
      </c>
      <c r="CY13" s="281">
        <v>0</v>
      </c>
      <c r="CZ13" s="278">
        <v>0</v>
      </c>
      <c r="DA13" s="280">
        <v>0</v>
      </c>
      <c r="DB13" s="281">
        <v>0</v>
      </c>
      <c r="DC13" s="281">
        <v>0</v>
      </c>
      <c r="DD13" s="281">
        <v>0</v>
      </c>
      <c r="DE13" s="281">
        <v>0</v>
      </c>
      <c r="DF13" s="281">
        <v>0</v>
      </c>
      <c r="DG13" s="278">
        <v>0</v>
      </c>
      <c r="DH13" s="283">
        <v>0</v>
      </c>
    </row>
    <row r="14" spans="2:112" ht="18.75" customHeight="1" x14ac:dyDescent="0.2">
      <c r="B14" s="262" t="s">
        <v>11</v>
      </c>
      <c r="C14" s="277">
        <v>0</v>
      </c>
      <c r="D14" s="281">
        <v>0</v>
      </c>
      <c r="E14" s="385">
        <v>0</v>
      </c>
      <c r="F14" s="280">
        <v>0</v>
      </c>
      <c r="G14" s="281">
        <v>143</v>
      </c>
      <c r="H14" s="281">
        <v>182</v>
      </c>
      <c r="I14" s="281">
        <v>753</v>
      </c>
      <c r="J14" s="281">
        <v>495</v>
      </c>
      <c r="K14" s="281">
        <v>203</v>
      </c>
      <c r="L14" s="282">
        <v>1776</v>
      </c>
      <c r="M14" s="283">
        <v>1776</v>
      </c>
      <c r="N14" s="277">
        <v>0</v>
      </c>
      <c r="O14" s="281">
        <v>0</v>
      </c>
      <c r="P14" s="278">
        <v>0</v>
      </c>
      <c r="Q14" s="280">
        <v>0</v>
      </c>
      <c r="R14" s="281">
        <v>0</v>
      </c>
      <c r="S14" s="281">
        <v>4</v>
      </c>
      <c r="T14" s="281">
        <v>13</v>
      </c>
      <c r="U14" s="281">
        <v>19</v>
      </c>
      <c r="V14" s="281">
        <v>9</v>
      </c>
      <c r="W14" s="278">
        <v>45</v>
      </c>
      <c r="X14" s="283">
        <v>45</v>
      </c>
      <c r="Y14" s="277">
        <v>9</v>
      </c>
      <c r="Z14" s="281">
        <v>17</v>
      </c>
      <c r="AA14" s="278">
        <v>26</v>
      </c>
      <c r="AB14" s="280">
        <v>0</v>
      </c>
      <c r="AC14" s="281">
        <v>174</v>
      </c>
      <c r="AD14" s="281">
        <v>138</v>
      </c>
      <c r="AE14" s="281">
        <v>169</v>
      </c>
      <c r="AF14" s="281">
        <v>116</v>
      </c>
      <c r="AG14" s="281">
        <v>97</v>
      </c>
      <c r="AH14" s="278">
        <v>694</v>
      </c>
      <c r="AI14" s="283">
        <v>720</v>
      </c>
      <c r="AJ14" s="277">
        <v>0</v>
      </c>
      <c r="AK14" s="281">
        <v>17</v>
      </c>
      <c r="AL14" s="278">
        <v>17</v>
      </c>
      <c r="AM14" s="280">
        <v>0</v>
      </c>
      <c r="AN14" s="281">
        <v>10</v>
      </c>
      <c r="AO14" s="281">
        <v>18</v>
      </c>
      <c r="AP14" s="281">
        <v>15</v>
      </c>
      <c r="AQ14" s="281">
        <v>74</v>
      </c>
      <c r="AR14" s="281">
        <v>0</v>
      </c>
      <c r="AS14" s="278">
        <v>117</v>
      </c>
      <c r="AT14" s="283">
        <v>134</v>
      </c>
      <c r="AU14" s="277">
        <v>0</v>
      </c>
      <c r="AV14" s="281">
        <v>0</v>
      </c>
      <c r="AW14" s="278">
        <v>0</v>
      </c>
      <c r="AX14" s="280">
        <v>0</v>
      </c>
      <c r="AY14" s="281">
        <v>276</v>
      </c>
      <c r="AZ14" s="281">
        <v>165</v>
      </c>
      <c r="BA14" s="281">
        <v>218</v>
      </c>
      <c r="BB14" s="281">
        <v>143</v>
      </c>
      <c r="BC14" s="281">
        <v>25</v>
      </c>
      <c r="BD14" s="282">
        <v>827</v>
      </c>
      <c r="BE14" s="283">
        <v>827</v>
      </c>
      <c r="BF14" s="277">
        <v>0</v>
      </c>
      <c r="BG14" s="281">
        <v>0</v>
      </c>
      <c r="BH14" s="278">
        <v>0</v>
      </c>
      <c r="BI14" s="280">
        <v>0</v>
      </c>
      <c r="BJ14" s="281">
        <v>125</v>
      </c>
      <c r="BK14" s="281">
        <v>69</v>
      </c>
      <c r="BL14" s="281">
        <v>33</v>
      </c>
      <c r="BM14" s="281">
        <v>52</v>
      </c>
      <c r="BN14" s="281">
        <v>4</v>
      </c>
      <c r="BO14" s="278">
        <v>283</v>
      </c>
      <c r="BP14" s="283">
        <v>283</v>
      </c>
      <c r="BQ14" s="277">
        <v>2</v>
      </c>
      <c r="BR14" s="281">
        <v>0</v>
      </c>
      <c r="BS14" s="278">
        <v>2</v>
      </c>
      <c r="BT14" s="280">
        <v>0</v>
      </c>
      <c r="BU14" s="281">
        <v>53</v>
      </c>
      <c r="BV14" s="281">
        <v>59</v>
      </c>
      <c r="BW14" s="281">
        <v>86</v>
      </c>
      <c r="BX14" s="281">
        <v>68</v>
      </c>
      <c r="BY14" s="281">
        <v>5</v>
      </c>
      <c r="BZ14" s="278">
        <v>271</v>
      </c>
      <c r="CA14" s="283">
        <v>273</v>
      </c>
      <c r="CB14" s="277">
        <v>0</v>
      </c>
      <c r="CC14" s="281">
        <v>0</v>
      </c>
      <c r="CD14" s="278">
        <v>0</v>
      </c>
      <c r="CE14" s="280">
        <v>0</v>
      </c>
      <c r="CF14" s="281">
        <v>0</v>
      </c>
      <c r="CG14" s="281">
        <v>20</v>
      </c>
      <c r="CH14" s="281">
        <v>2</v>
      </c>
      <c r="CI14" s="281">
        <v>10</v>
      </c>
      <c r="CJ14" s="281">
        <v>0</v>
      </c>
      <c r="CK14" s="278">
        <v>32</v>
      </c>
      <c r="CL14" s="283">
        <v>32</v>
      </c>
      <c r="CM14" s="277">
        <v>0</v>
      </c>
      <c r="CN14" s="281">
        <v>0</v>
      </c>
      <c r="CO14" s="278">
        <v>0</v>
      </c>
      <c r="CP14" s="280">
        <v>0</v>
      </c>
      <c r="CQ14" s="281">
        <v>0</v>
      </c>
      <c r="CR14" s="281">
        <v>0</v>
      </c>
      <c r="CS14" s="281">
        <v>0</v>
      </c>
      <c r="CT14" s="281">
        <v>0</v>
      </c>
      <c r="CU14" s="281">
        <v>0</v>
      </c>
      <c r="CV14" s="278">
        <v>0</v>
      </c>
      <c r="CW14" s="283">
        <v>0</v>
      </c>
      <c r="CX14" s="277">
        <v>0</v>
      </c>
      <c r="CY14" s="281">
        <v>0</v>
      </c>
      <c r="CZ14" s="278">
        <v>0</v>
      </c>
      <c r="DA14" s="280">
        <v>0</v>
      </c>
      <c r="DB14" s="281">
        <v>0</v>
      </c>
      <c r="DC14" s="281">
        <v>0</v>
      </c>
      <c r="DD14" s="281">
        <v>0</v>
      </c>
      <c r="DE14" s="281">
        <v>0</v>
      </c>
      <c r="DF14" s="281">
        <v>0</v>
      </c>
      <c r="DG14" s="278">
        <v>0</v>
      </c>
      <c r="DH14" s="283">
        <v>0</v>
      </c>
    </row>
    <row r="15" spans="2:112" ht="18.75" customHeight="1" x14ac:dyDescent="0.2">
      <c r="B15" s="262" t="s">
        <v>12</v>
      </c>
      <c r="C15" s="277">
        <v>0</v>
      </c>
      <c r="D15" s="281">
        <v>0</v>
      </c>
      <c r="E15" s="385">
        <v>0</v>
      </c>
      <c r="F15" s="280">
        <v>0</v>
      </c>
      <c r="G15" s="281">
        <v>387</v>
      </c>
      <c r="H15" s="281">
        <v>581</v>
      </c>
      <c r="I15" s="281">
        <v>782</v>
      </c>
      <c r="J15" s="281">
        <v>1169</v>
      </c>
      <c r="K15" s="281">
        <v>874</v>
      </c>
      <c r="L15" s="282">
        <v>3793</v>
      </c>
      <c r="M15" s="283">
        <v>3793</v>
      </c>
      <c r="N15" s="277">
        <v>0</v>
      </c>
      <c r="O15" s="281">
        <v>0</v>
      </c>
      <c r="P15" s="278">
        <v>0</v>
      </c>
      <c r="Q15" s="280">
        <v>0</v>
      </c>
      <c r="R15" s="281">
        <v>0</v>
      </c>
      <c r="S15" s="281">
        <v>0</v>
      </c>
      <c r="T15" s="281">
        <v>5</v>
      </c>
      <c r="U15" s="281">
        <v>4</v>
      </c>
      <c r="V15" s="281">
        <v>31</v>
      </c>
      <c r="W15" s="278">
        <v>40</v>
      </c>
      <c r="X15" s="283">
        <v>40</v>
      </c>
      <c r="Y15" s="277">
        <v>42</v>
      </c>
      <c r="Z15" s="281">
        <v>72</v>
      </c>
      <c r="AA15" s="278">
        <v>114</v>
      </c>
      <c r="AB15" s="280">
        <v>0</v>
      </c>
      <c r="AC15" s="281">
        <v>153</v>
      </c>
      <c r="AD15" s="281">
        <v>295</v>
      </c>
      <c r="AE15" s="281">
        <v>184</v>
      </c>
      <c r="AF15" s="281">
        <v>42</v>
      </c>
      <c r="AG15" s="281">
        <v>50</v>
      </c>
      <c r="AH15" s="278">
        <v>724</v>
      </c>
      <c r="AI15" s="283">
        <v>838</v>
      </c>
      <c r="AJ15" s="277">
        <v>0</v>
      </c>
      <c r="AK15" s="281">
        <v>0</v>
      </c>
      <c r="AL15" s="278">
        <v>0</v>
      </c>
      <c r="AM15" s="280">
        <v>0</v>
      </c>
      <c r="AN15" s="281">
        <v>8</v>
      </c>
      <c r="AO15" s="281">
        <v>79</v>
      </c>
      <c r="AP15" s="281">
        <v>59</v>
      </c>
      <c r="AQ15" s="281">
        <v>31</v>
      </c>
      <c r="AR15" s="281">
        <v>8</v>
      </c>
      <c r="AS15" s="278">
        <v>185</v>
      </c>
      <c r="AT15" s="283">
        <v>185</v>
      </c>
      <c r="AU15" s="277">
        <v>0</v>
      </c>
      <c r="AV15" s="281">
        <v>0</v>
      </c>
      <c r="AW15" s="278">
        <v>0</v>
      </c>
      <c r="AX15" s="280">
        <v>0</v>
      </c>
      <c r="AY15" s="281">
        <v>485</v>
      </c>
      <c r="AZ15" s="281">
        <v>215</v>
      </c>
      <c r="BA15" s="281">
        <v>204</v>
      </c>
      <c r="BB15" s="281">
        <v>55</v>
      </c>
      <c r="BC15" s="281">
        <v>8</v>
      </c>
      <c r="BD15" s="282">
        <v>967</v>
      </c>
      <c r="BE15" s="283">
        <v>967</v>
      </c>
      <c r="BF15" s="277">
        <v>0</v>
      </c>
      <c r="BG15" s="281">
        <v>0</v>
      </c>
      <c r="BH15" s="278">
        <v>0</v>
      </c>
      <c r="BI15" s="280">
        <v>0</v>
      </c>
      <c r="BJ15" s="281">
        <v>97</v>
      </c>
      <c r="BK15" s="281">
        <v>130</v>
      </c>
      <c r="BL15" s="281">
        <v>101</v>
      </c>
      <c r="BM15" s="281">
        <v>24</v>
      </c>
      <c r="BN15" s="281">
        <v>6</v>
      </c>
      <c r="BO15" s="278">
        <v>358</v>
      </c>
      <c r="BP15" s="283">
        <v>358</v>
      </c>
      <c r="BQ15" s="277">
        <v>2</v>
      </c>
      <c r="BR15" s="281">
        <v>22</v>
      </c>
      <c r="BS15" s="278">
        <v>24</v>
      </c>
      <c r="BT15" s="280">
        <v>0</v>
      </c>
      <c r="BU15" s="281">
        <v>78</v>
      </c>
      <c r="BV15" s="281">
        <v>73</v>
      </c>
      <c r="BW15" s="281">
        <v>79</v>
      </c>
      <c r="BX15" s="281">
        <v>107</v>
      </c>
      <c r="BY15" s="281">
        <v>33</v>
      </c>
      <c r="BZ15" s="278">
        <v>370</v>
      </c>
      <c r="CA15" s="283">
        <v>394</v>
      </c>
      <c r="CB15" s="277">
        <v>0</v>
      </c>
      <c r="CC15" s="281">
        <v>0</v>
      </c>
      <c r="CD15" s="278">
        <v>0</v>
      </c>
      <c r="CE15" s="280">
        <v>0</v>
      </c>
      <c r="CF15" s="281">
        <v>0</v>
      </c>
      <c r="CG15" s="281">
        <v>7</v>
      </c>
      <c r="CH15" s="281">
        <v>0</v>
      </c>
      <c r="CI15" s="281">
        <v>0</v>
      </c>
      <c r="CJ15" s="281">
        <v>0</v>
      </c>
      <c r="CK15" s="278">
        <v>7</v>
      </c>
      <c r="CL15" s="283">
        <v>7</v>
      </c>
      <c r="CM15" s="277">
        <v>0</v>
      </c>
      <c r="CN15" s="281">
        <v>0</v>
      </c>
      <c r="CO15" s="278">
        <v>0</v>
      </c>
      <c r="CP15" s="280">
        <v>0</v>
      </c>
      <c r="CQ15" s="281">
        <v>0</v>
      </c>
      <c r="CR15" s="281">
        <v>0</v>
      </c>
      <c r="CS15" s="281">
        <v>0</v>
      </c>
      <c r="CT15" s="281">
        <v>0</v>
      </c>
      <c r="CU15" s="281">
        <v>0</v>
      </c>
      <c r="CV15" s="278">
        <v>0</v>
      </c>
      <c r="CW15" s="283">
        <v>0</v>
      </c>
      <c r="CX15" s="277">
        <v>0</v>
      </c>
      <c r="CY15" s="281">
        <v>0</v>
      </c>
      <c r="CZ15" s="278">
        <v>0</v>
      </c>
      <c r="DA15" s="280">
        <v>0</v>
      </c>
      <c r="DB15" s="281">
        <v>0</v>
      </c>
      <c r="DC15" s="281">
        <v>0</v>
      </c>
      <c r="DD15" s="281">
        <v>0</v>
      </c>
      <c r="DE15" s="281">
        <v>0</v>
      </c>
      <c r="DF15" s="281">
        <v>0</v>
      </c>
      <c r="DG15" s="278">
        <v>0</v>
      </c>
      <c r="DH15" s="283">
        <v>0</v>
      </c>
    </row>
    <row r="16" spans="2:112" ht="18.75" customHeight="1" x14ac:dyDescent="0.2">
      <c r="B16" s="262" t="s">
        <v>13</v>
      </c>
      <c r="C16" s="277">
        <v>0</v>
      </c>
      <c r="D16" s="281">
        <v>0</v>
      </c>
      <c r="E16" s="385">
        <v>0</v>
      </c>
      <c r="F16" s="280">
        <v>0</v>
      </c>
      <c r="G16" s="281">
        <v>217</v>
      </c>
      <c r="H16" s="281">
        <v>328</v>
      </c>
      <c r="I16" s="281">
        <v>291</v>
      </c>
      <c r="J16" s="281">
        <v>637</v>
      </c>
      <c r="K16" s="281">
        <v>514</v>
      </c>
      <c r="L16" s="282">
        <v>1987</v>
      </c>
      <c r="M16" s="283">
        <v>1987</v>
      </c>
      <c r="N16" s="277">
        <v>0</v>
      </c>
      <c r="O16" s="281">
        <v>0</v>
      </c>
      <c r="P16" s="278">
        <v>0</v>
      </c>
      <c r="Q16" s="280">
        <v>0</v>
      </c>
      <c r="R16" s="281">
        <v>0</v>
      </c>
      <c r="S16" s="281">
        <v>1</v>
      </c>
      <c r="T16" s="281">
        <v>0</v>
      </c>
      <c r="U16" s="281">
        <v>11</v>
      </c>
      <c r="V16" s="281">
        <v>30</v>
      </c>
      <c r="W16" s="278">
        <v>42</v>
      </c>
      <c r="X16" s="283">
        <v>42</v>
      </c>
      <c r="Y16" s="277">
        <v>4</v>
      </c>
      <c r="Z16" s="281">
        <v>3</v>
      </c>
      <c r="AA16" s="278">
        <v>7</v>
      </c>
      <c r="AB16" s="280">
        <v>0</v>
      </c>
      <c r="AC16" s="281">
        <v>53</v>
      </c>
      <c r="AD16" s="281">
        <v>94</v>
      </c>
      <c r="AE16" s="281">
        <v>114</v>
      </c>
      <c r="AF16" s="281">
        <v>136</v>
      </c>
      <c r="AG16" s="281">
        <v>60</v>
      </c>
      <c r="AH16" s="278">
        <v>457</v>
      </c>
      <c r="AI16" s="283">
        <v>464</v>
      </c>
      <c r="AJ16" s="277">
        <v>0</v>
      </c>
      <c r="AK16" s="281">
        <v>0</v>
      </c>
      <c r="AL16" s="278">
        <v>0</v>
      </c>
      <c r="AM16" s="280">
        <v>0</v>
      </c>
      <c r="AN16" s="281">
        <v>12</v>
      </c>
      <c r="AO16" s="281">
        <v>0</v>
      </c>
      <c r="AP16" s="281">
        <v>0</v>
      </c>
      <c r="AQ16" s="281">
        <v>5</v>
      </c>
      <c r="AR16" s="281">
        <v>6</v>
      </c>
      <c r="AS16" s="278">
        <v>23</v>
      </c>
      <c r="AT16" s="283">
        <v>23</v>
      </c>
      <c r="AU16" s="277">
        <v>0</v>
      </c>
      <c r="AV16" s="281">
        <v>0</v>
      </c>
      <c r="AW16" s="278">
        <v>0</v>
      </c>
      <c r="AX16" s="280">
        <v>0</v>
      </c>
      <c r="AY16" s="281">
        <v>106</v>
      </c>
      <c r="AZ16" s="281">
        <v>146</v>
      </c>
      <c r="BA16" s="281">
        <v>145</v>
      </c>
      <c r="BB16" s="281">
        <v>59</v>
      </c>
      <c r="BC16" s="281">
        <v>24</v>
      </c>
      <c r="BD16" s="282">
        <v>480</v>
      </c>
      <c r="BE16" s="283">
        <v>480</v>
      </c>
      <c r="BF16" s="277">
        <v>0</v>
      </c>
      <c r="BG16" s="281">
        <v>0</v>
      </c>
      <c r="BH16" s="278">
        <v>0</v>
      </c>
      <c r="BI16" s="280">
        <v>0</v>
      </c>
      <c r="BJ16" s="281">
        <v>21</v>
      </c>
      <c r="BK16" s="281">
        <v>32</v>
      </c>
      <c r="BL16" s="281">
        <v>23</v>
      </c>
      <c r="BM16" s="281">
        <v>24</v>
      </c>
      <c r="BN16" s="281">
        <v>0</v>
      </c>
      <c r="BO16" s="278">
        <v>100</v>
      </c>
      <c r="BP16" s="283">
        <v>100</v>
      </c>
      <c r="BQ16" s="277">
        <v>0</v>
      </c>
      <c r="BR16" s="281">
        <v>0</v>
      </c>
      <c r="BS16" s="278">
        <v>0</v>
      </c>
      <c r="BT16" s="280">
        <v>0</v>
      </c>
      <c r="BU16" s="281">
        <v>22</v>
      </c>
      <c r="BV16" s="281">
        <v>18</v>
      </c>
      <c r="BW16" s="281">
        <v>20</v>
      </c>
      <c r="BX16" s="281">
        <v>98</v>
      </c>
      <c r="BY16" s="281">
        <v>9</v>
      </c>
      <c r="BZ16" s="278">
        <v>167</v>
      </c>
      <c r="CA16" s="283">
        <v>167</v>
      </c>
      <c r="CB16" s="277">
        <v>0</v>
      </c>
      <c r="CC16" s="281">
        <v>0</v>
      </c>
      <c r="CD16" s="278">
        <v>0</v>
      </c>
      <c r="CE16" s="280">
        <v>0</v>
      </c>
      <c r="CF16" s="281">
        <v>0</v>
      </c>
      <c r="CG16" s="281">
        <v>15</v>
      </c>
      <c r="CH16" s="281">
        <v>5</v>
      </c>
      <c r="CI16" s="281">
        <v>0</v>
      </c>
      <c r="CJ16" s="281">
        <v>0</v>
      </c>
      <c r="CK16" s="278">
        <v>20</v>
      </c>
      <c r="CL16" s="283">
        <v>20</v>
      </c>
      <c r="CM16" s="277">
        <v>0</v>
      </c>
      <c r="CN16" s="281">
        <v>0</v>
      </c>
      <c r="CO16" s="278">
        <v>0</v>
      </c>
      <c r="CP16" s="280">
        <v>0</v>
      </c>
      <c r="CQ16" s="281">
        <v>0</v>
      </c>
      <c r="CR16" s="281">
        <v>0</v>
      </c>
      <c r="CS16" s="281">
        <v>0</v>
      </c>
      <c r="CT16" s="281">
        <v>0</v>
      </c>
      <c r="CU16" s="281">
        <v>0</v>
      </c>
      <c r="CV16" s="278">
        <v>0</v>
      </c>
      <c r="CW16" s="283">
        <v>0</v>
      </c>
      <c r="CX16" s="277">
        <v>0</v>
      </c>
      <c r="CY16" s="281">
        <v>0</v>
      </c>
      <c r="CZ16" s="278">
        <v>0</v>
      </c>
      <c r="DA16" s="280">
        <v>0</v>
      </c>
      <c r="DB16" s="281">
        <v>0</v>
      </c>
      <c r="DC16" s="281">
        <v>0</v>
      </c>
      <c r="DD16" s="281">
        <v>0</v>
      </c>
      <c r="DE16" s="281">
        <v>0</v>
      </c>
      <c r="DF16" s="281">
        <v>0</v>
      </c>
      <c r="DG16" s="278">
        <v>0</v>
      </c>
      <c r="DH16" s="283">
        <v>0</v>
      </c>
    </row>
    <row r="17" spans="2:112" ht="18.75" customHeight="1" x14ac:dyDescent="0.2">
      <c r="B17" s="262" t="s">
        <v>15</v>
      </c>
      <c r="C17" s="277">
        <v>0</v>
      </c>
      <c r="D17" s="281">
        <v>0</v>
      </c>
      <c r="E17" s="385">
        <v>0</v>
      </c>
      <c r="F17" s="280">
        <v>0</v>
      </c>
      <c r="G17" s="281">
        <v>76</v>
      </c>
      <c r="H17" s="281">
        <v>68</v>
      </c>
      <c r="I17" s="281">
        <v>395</v>
      </c>
      <c r="J17" s="281">
        <v>128</v>
      </c>
      <c r="K17" s="281">
        <v>105</v>
      </c>
      <c r="L17" s="282">
        <v>772</v>
      </c>
      <c r="M17" s="283">
        <v>772</v>
      </c>
      <c r="N17" s="277">
        <v>0</v>
      </c>
      <c r="O17" s="281">
        <v>0</v>
      </c>
      <c r="P17" s="278">
        <v>0</v>
      </c>
      <c r="Q17" s="280">
        <v>0</v>
      </c>
      <c r="R17" s="281">
        <v>0</v>
      </c>
      <c r="S17" s="281">
        <v>0</v>
      </c>
      <c r="T17" s="281">
        <v>0</v>
      </c>
      <c r="U17" s="281">
        <v>13</v>
      </c>
      <c r="V17" s="281">
        <v>1</v>
      </c>
      <c r="W17" s="278">
        <v>14</v>
      </c>
      <c r="X17" s="283">
        <v>14</v>
      </c>
      <c r="Y17" s="277">
        <v>0</v>
      </c>
      <c r="Z17" s="281">
        <v>7</v>
      </c>
      <c r="AA17" s="278">
        <v>7</v>
      </c>
      <c r="AB17" s="280">
        <v>0</v>
      </c>
      <c r="AC17" s="281">
        <v>16</v>
      </c>
      <c r="AD17" s="281">
        <v>53</v>
      </c>
      <c r="AE17" s="281">
        <v>6</v>
      </c>
      <c r="AF17" s="281">
        <v>18</v>
      </c>
      <c r="AG17" s="281">
        <v>5</v>
      </c>
      <c r="AH17" s="278">
        <v>98</v>
      </c>
      <c r="AI17" s="283">
        <v>105</v>
      </c>
      <c r="AJ17" s="277">
        <v>0</v>
      </c>
      <c r="AK17" s="281">
        <v>0</v>
      </c>
      <c r="AL17" s="278">
        <v>0</v>
      </c>
      <c r="AM17" s="280">
        <v>0</v>
      </c>
      <c r="AN17" s="281">
        <v>6</v>
      </c>
      <c r="AO17" s="281">
        <v>15</v>
      </c>
      <c r="AP17" s="281">
        <v>0</v>
      </c>
      <c r="AQ17" s="281">
        <v>0</v>
      </c>
      <c r="AR17" s="281">
        <v>9</v>
      </c>
      <c r="AS17" s="278">
        <v>30</v>
      </c>
      <c r="AT17" s="283">
        <v>30</v>
      </c>
      <c r="AU17" s="277">
        <v>0</v>
      </c>
      <c r="AV17" s="281">
        <v>0</v>
      </c>
      <c r="AW17" s="278">
        <v>0</v>
      </c>
      <c r="AX17" s="280">
        <v>0</v>
      </c>
      <c r="AY17" s="281">
        <v>12</v>
      </c>
      <c r="AZ17" s="281">
        <v>49</v>
      </c>
      <c r="BA17" s="281">
        <v>24</v>
      </c>
      <c r="BB17" s="281">
        <v>0</v>
      </c>
      <c r="BC17" s="281">
        <v>0</v>
      </c>
      <c r="BD17" s="282">
        <v>85</v>
      </c>
      <c r="BE17" s="283">
        <v>85</v>
      </c>
      <c r="BF17" s="277">
        <v>0</v>
      </c>
      <c r="BG17" s="281">
        <v>0</v>
      </c>
      <c r="BH17" s="278">
        <v>0</v>
      </c>
      <c r="BI17" s="280">
        <v>0</v>
      </c>
      <c r="BJ17" s="281">
        <v>6</v>
      </c>
      <c r="BK17" s="281">
        <v>17</v>
      </c>
      <c r="BL17" s="281">
        <v>25</v>
      </c>
      <c r="BM17" s="281">
        <v>0</v>
      </c>
      <c r="BN17" s="281">
        <v>0</v>
      </c>
      <c r="BO17" s="278">
        <v>48</v>
      </c>
      <c r="BP17" s="283">
        <v>48</v>
      </c>
      <c r="BQ17" s="277">
        <v>0</v>
      </c>
      <c r="BR17" s="281">
        <v>0</v>
      </c>
      <c r="BS17" s="278">
        <v>0</v>
      </c>
      <c r="BT17" s="280">
        <v>0</v>
      </c>
      <c r="BU17" s="281">
        <v>0</v>
      </c>
      <c r="BV17" s="281">
        <v>8</v>
      </c>
      <c r="BW17" s="281">
        <v>30</v>
      </c>
      <c r="BX17" s="281">
        <v>30</v>
      </c>
      <c r="BY17" s="281">
        <v>0</v>
      </c>
      <c r="BZ17" s="278">
        <v>68</v>
      </c>
      <c r="CA17" s="283">
        <v>68</v>
      </c>
      <c r="CB17" s="277">
        <v>0</v>
      </c>
      <c r="CC17" s="281">
        <v>0</v>
      </c>
      <c r="CD17" s="278">
        <v>0</v>
      </c>
      <c r="CE17" s="280">
        <v>0</v>
      </c>
      <c r="CF17" s="281">
        <v>0</v>
      </c>
      <c r="CG17" s="281">
        <v>0</v>
      </c>
      <c r="CH17" s="281">
        <v>4</v>
      </c>
      <c r="CI17" s="281">
        <v>0</v>
      </c>
      <c r="CJ17" s="281">
        <v>0</v>
      </c>
      <c r="CK17" s="278">
        <v>4</v>
      </c>
      <c r="CL17" s="283">
        <v>4</v>
      </c>
      <c r="CM17" s="277">
        <v>0</v>
      </c>
      <c r="CN17" s="281">
        <v>0</v>
      </c>
      <c r="CO17" s="278">
        <v>0</v>
      </c>
      <c r="CP17" s="280">
        <v>0</v>
      </c>
      <c r="CQ17" s="281">
        <v>0</v>
      </c>
      <c r="CR17" s="281">
        <v>0</v>
      </c>
      <c r="CS17" s="281">
        <v>0</v>
      </c>
      <c r="CT17" s="281">
        <v>0</v>
      </c>
      <c r="CU17" s="281">
        <v>0</v>
      </c>
      <c r="CV17" s="278">
        <v>0</v>
      </c>
      <c r="CW17" s="283">
        <v>0</v>
      </c>
      <c r="CX17" s="277">
        <v>0</v>
      </c>
      <c r="CY17" s="281">
        <v>0</v>
      </c>
      <c r="CZ17" s="278">
        <v>0</v>
      </c>
      <c r="DA17" s="280">
        <v>0</v>
      </c>
      <c r="DB17" s="281">
        <v>0</v>
      </c>
      <c r="DC17" s="281">
        <v>0</v>
      </c>
      <c r="DD17" s="281">
        <v>0</v>
      </c>
      <c r="DE17" s="281">
        <v>0</v>
      </c>
      <c r="DF17" s="281">
        <v>0</v>
      </c>
      <c r="DG17" s="278">
        <v>0</v>
      </c>
      <c r="DH17" s="283">
        <v>0</v>
      </c>
    </row>
    <row r="18" spans="2:112" ht="18.75" customHeight="1" x14ac:dyDescent="0.2">
      <c r="B18" s="262" t="s">
        <v>16</v>
      </c>
      <c r="C18" s="277">
        <v>0</v>
      </c>
      <c r="D18" s="281">
        <v>0</v>
      </c>
      <c r="E18" s="385">
        <v>0</v>
      </c>
      <c r="F18" s="280">
        <v>0</v>
      </c>
      <c r="G18" s="281">
        <v>144</v>
      </c>
      <c r="H18" s="281">
        <v>100</v>
      </c>
      <c r="I18" s="281">
        <v>134</v>
      </c>
      <c r="J18" s="281">
        <v>227</v>
      </c>
      <c r="K18" s="281">
        <v>208</v>
      </c>
      <c r="L18" s="282">
        <v>813</v>
      </c>
      <c r="M18" s="283">
        <v>813</v>
      </c>
      <c r="N18" s="277">
        <v>0</v>
      </c>
      <c r="O18" s="281">
        <v>0</v>
      </c>
      <c r="P18" s="278">
        <v>0</v>
      </c>
      <c r="Q18" s="280">
        <v>0</v>
      </c>
      <c r="R18" s="281">
        <v>0</v>
      </c>
      <c r="S18" s="281">
        <v>5</v>
      </c>
      <c r="T18" s="281">
        <v>0</v>
      </c>
      <c r="U18" s="281">
        <v>0</v>
      </c>
      <c r="V18" s="281">
        <v>16</v>
      </c>
      <c r="W18" s="278">
        <v>21</v>
      </c>
      <c r="X18" s="283">
        <v>21</v>
      </c>
      <c r="Y18" s="277">
        <v>14</v>
      </c>
      <c r="Z18" s="281">
        <v>15</v>
      </c>
      <c r="AA18" s="278">
        <v>29</v>
      </c>
      <c r="AB18" s="280">
        <v>0</v>
      </c>
      <c r="AC18" s="281">
        <v>138</v>
      </c>
      <c r="AD18" s="281">
        <v>193</v>
      </c>
      <c r="AE18" s="281">
        <v>52</v>
      </c>
      <c r="AF18" s="281">
        <v>101</v>
      </c>
      <c r="AG18" s="281">
        <v>59</v>
      </c>
      <c r="AH18" s="278">
        <v>543</v>
      </c>
      <c r="AI18" s="283">
        <v>572</v>
      </c>
      <c r="AJ18" s="277">
        <v>0</v>
      </c>
      <c r="AK18" s="281">
        <v>0</v>
      </c>
      <c r="AL18" s="278">
        <v>0</v>
      </c>
      <c r="AM18" s="280">
        <v>0</v>
      </c>
      <c r="AN18" s="281">
        <v>12</v>
      </c>
      <c r="AO18" s="281">
        <v>6</v>
      </c>
      <c r="AP18" s="281">
        <v>12</v>
      </c>
      <c r="AQ18" s="281">
        <v>0</v>
      </c>
      <c r="AR18" s="281">
        <v>12</v>
      </c>
      <c r="AS18" s="278">
        <v>42</v>
      </c>
      <c r="AT18" s="283">
        <v>42</v>
      </c>
      <c r="AU18" s="277">
        <v>0</v>
      </c>
      <c r="AV18" s="281">
        <v>0</v>
      </c>
      <c r="AW18" s="278">
        <v>0</v>
      </c>
      <c r="AX18" s="280">
        <v>0</v>
      </c>
      <c r="AY18" s="281">
        <v>153</v>
      </c>
      <c r="AZ18" s="281">
        <v>201</v>
      </c>
      <c r="BA18" s="281">
        <v>97</v>
      </c>
      <c r="BB18" s="281">
        <v>155</v>
      </c>
      <c r="BC18" s="281">
        <v>9</v>
      </c>
      <c r="BD18" s="282">
        <v>615</v>
      </c>
      <c r="BE18" s="283">
        <v>615</v>
      </c>
      <c r="BF18" s="277">
        <v>0</v>
      </c>
      <c r="BG18" s="281">
        <v>0</v>
      </c>
      <c r="BH18" s="278">
        <v>0</v>
      </c>
      <c r="BI18" s="280">
        <v>0</v>
      </c>
      <c r="BJ18" s="281">
        <v>124</v>
      </c>
      <c r="BK18" s="281">
        <v>247</v>
      </c>
      <c r="BL18" s="281">
        <v>39</v>
      </c>
      <c r="BM18" s="281">
        <v>30</v>
      </c>
      <c r="BN18" s="281">
        <v>0</v>
      </c>
      <c r="BO18" s="278">
        <v>440</v>
      </c>
      <c r="BP18" s="283">
        <v>440</v>
      </c>
      <c r="BQ18" s="277">
        <v>0</v>
      </c>
      <c r="BR18" s="281">
        <v>0</v>
      </c>
      <c r="BS18" s="278">
        <v>0</v>
      </c>
      <c r="BT18" s="280">
        <v>0</v>
      </c>
      <c r="BU18" s="281">
        <v>6</v>
      </c>
      <c r="BV18" s="281">
        <v>92</v>
      </c>
      <c r="BW18" s="281">
        <v>122</v>
      </c>
      <c r="BX18" s="281">
        <v>12</v>
      </c>
      <c r="BY18" s="281">
        <v>3</v>
      </c>
      <c r="BZ18" s="278">
        <v>235</v>
      </c>
      <c r="CA18" s="283">
        <v>235</v>
      </c>
      <c r="CB18" s="277">
        <v>0</v>
      </c>
      <c r="CC18" s="281">
        <v>0</v>
      </c>
      <c r="CD18" s="278">
        <v>0</v>
      </c>
      <c r="CE18" s="280">
        <v>0</v>
      </c>
      <c r="CF18" s="281">
        <v>0</v>
      </c>
      <c r="CG18" s="281">
        <v>23</v>
      </c>
      <c r="CH18" s="281">
        <v>0</v>
      </c>
      <c r="CI18" s="281">
        <v>4</v>
      </c>
      <c r="CJ18" s="281">
        <v>0</v>
      </c>
      <c r="CK18" s="278">
        <v>27</v>
      </c>
      <c r="CL18" s="283">
        <v>27</v>
      </c>
      <c r="CM18" s="277">
        <v>0</v>
      </c>
      <c r="CN18" s="281">
        <v>0</v>
      </c>
      <c r="CO18" s="278">
        <v>0</v>
      </c>
      <c r="CP18" s="280">
        <v>0</v>
      </c>
      <c r="CQ18" s="281">
        <v>0</v>
      </c>
      <c r="CR18" s="281">
        <v>0</v>
      </c>
      <c r="CS18" s="281">
        <v>0</v>
      </c>
      <c r="CT18" s="281">
        <v>0</v>
      </c>
      <c r="CU18" s="281">
        <v>0</v>
      </c>
      <c r="CV18" s="278">
        <v>0</v>
      </c>
      <c r="CW18" s="283">
        <v>0</v>
      </c>
      <c r="CX18" s="277">
        <v>0</v>
      </c>
      <c r="CY18" s="281">
        <v>0</v>
      </c>
      <c r="CZ18" s="278">
        <v>0</v>
      </c>
      <c r="DA18" s="280">
        <v>0</v>
      </c>
      <c r="DB18" s="281">
        <v>0</v>
      </c>
      <c r="DC18" s="281">
        <v>0</v>
      </c>
      <c r="DD18" s="281">
        <v>0</v>
      </c>
      <c r="DE18" s="281">
        <v>0</v>
      </c>
      <c r="DF18" s="281">
        <v>0</v>
      </c>
      <c r="DG18" s="278">
        <v>0</v>
      </c>
      <c r="DH18" s="283">
        <v>0</v>
      </c>
    </row>
    <row r="19" spans="2:112" ht="18.75" customHeight="1" x14ac:dyDescent="0.2">
      <c r="B19" s="262" t="s">
        <v>17</v>
      </c>
      <c r="C19" s="277">
        <v>0</v>
      </c>
      <c r="D19" s="281">
        <v>0</v>
      </c>
      <c r="E19" s="385">
        <v>0</v>
      </c>
      <c r="F19" s="280">
        <v>0</v>
      </c>
      <c r="G19" s="281">
        <v>189</v>
      </c>
      <c r="H19" s="281">
        <v>343</v>
      </c>
      <c r="I19" s="281">
        <v>342</v>
      </c>
      <c r="J19" s="281">
        <v>250</v>
      </c>
      <c r="K19" s="281">
        <v>954</v>
      </c>
      <c r="L19" s="282">
        <v>2078</v>
      </c>
      <c r="M19" s="283">
        <v>2078</v>
      </c>
      <c r="N19" s="277">
        <v>0</v>
      </c>
      <c r="O19" s="281">
        <v>0</v>
      </c>
      <c r="P19" s="278">
        <v>0</v>
      </c>
      <c r="Q19" s="280">
        <v>0</v>
      </c>
      <c r="R19" s="281">
        <v>0</v>
      </c>
      <c r="S19" s="281">
        <v>5</v>
      </c>
      <c r="T19" s="281">
        <v>0</v>
      </c>
      <c r="U19" s="281">
        <v>3</v>
      </c>
      <c r="V19" s="281">
        <v>35</v>
      </c>
      <c r="W19" s="278">
        <v>43</v>
      </c>
      <c r="X19" s="283">
        <v>43</v>
      </c>
      <c r="Y19" s="277">
        <v>0</v>
      </c>
      <c r="Z19" s="281">
        <v>30</v>
      </c>
      <c r="AA19" s="278">
        <v>30</v>
      </c>
      <c r="AB19" s="280">
        <v>0</v>
      </c>
      <c r="AC19" s="281">
        <v>63</v>
      </c>
      <c r="AD19" s="281">
        <v>88</v>
      </c>
      <c r="AE19" s="281">
        <v>62</v>
      </c>
      <c r="AF19" s="281">
        <v>35</v>
      </c>
      <c r="AG19" s="281">
        <v>68</v>
      </c>
      <c r="AH19" s="278">
        <v>316</v>
      </c>
      <c r="AI19" s="283">
        <v>346</v>
      </c>
      <c r="AJ19" s="277">
        <v>21</v>
      </c>
      <c r="AK19" s="281">
        <v>0</v>
      </c>
      <c r="AL19" s="278">
        <v>21</v>
      </c>
      <c r="AM19" s="280">
        <v>0</v>
      </c>
      <c r="AN19" s="281">
        <v>8</v>
      </c>
      <c r="AO19" s="281">
        <v>38</v>
      </c>
      <c r="AP19" s="281">
        <v>0</v>
      </c>
      <c r="AQ19" s="281">
        <v>15</v>
      </c>
      <c r="AR19" s="281">
        <v>3</v>
      </c>
      <c r="AS19" s="278">
        <v>64</v>
      </c>
      <c r="AT19" s="283">
        <v>85</v>
      </c>
      <c r="AU19" s="277">
        <v>0</v>
      </c>
      <c r="AV19" s="281">
        <v>0</v>
      </c>
      <c r="AW19" s="278">
        <v>0</v>
      </c>
      <c r="AX19" s="280">
        <v>0</v>
      </c>
      <c r="AY19" s="281">
        <v>245</v>
      </c>
      <c r="AZ19" s="281">
        <v>215</v>
      </c>
      <c r="BA19" s="281">
        <v>109</v>
      </c>
      <c r="BB19" s="281">
        <v>46</v>
      </c>
      <c r="BC19" s="281">
        <v>37</v>
      </c>
      <c r="BD19" s="282">
        <v>652</v>
      </c>
      <c r="BE19" s="283">
        <v>652</v>
      </c>
      <c r="BF19" s="277">
        <v>0</v>
      </c>
      <c r="BG19" s="281">
        <v>0</v>
      </c>
      <c r="BH19" s="278">
        <v>0</v>
      </c>
      <c r="BI19" s="280">
        <v>0</v>
      </c>
      <c r="BJ19" s="281">
        <v>32</v>
      </c>
      <c r="BK19" s="281">
        <v>133</v>
      </c>
      <c r="BL19" s="281">
        <v>7</v>
      </c>
      <c r="BM19" s="281">
        <v>14</v>
      </c>
      <c r="BN19" s="281">
        <v>6</v>
      </c>
      <c r="BO19" s="278">
        <v>192</v>
      </c>
      <c r="BP19" s="283">
        <v>192</v>
      </c>
      <c r="BQ19" s="277">
        <v>0</v>
      </c>
      <c r="BR19" s="281">
        <v>8</v>
      </c>
      <c r="BS19" s="278">
        <v>8</v>
      </c>
      <c r="BT19" s="280">
        <v>0</v>
      </c>
      <c r="BU19" s="281">
        <v>16</v>
      </c>
      <c r="BV19" s="281">
        <v>16</v>
      </c>
      <c r="BW19" s="281">
        <v>89</v>
      </c>
      <c r="BX19" s="281">
        <v>35</v>
      </c>
      <c r="BY19" s="281">
        <v>36</v>
      </c>
      <c r="BZ19" s="278">
        <v>192</v>
      </c>
      <c r="CA19" s="283">
        <v>200</v>
      </c>
      <c r="CB19" s="277">
        <v>0</v>
      </c>
      <c r="CC19" s="281">
        <v>0</v>
      </c>
      <c r="CD19" s="278">
        <v>0</v>
      </c>
      <c r="CE19" s="280">
        <v>0</v>
      </c>
      <c r="CF19" s="281">
        <v>12</v>
      </c>
      <c r="CG19" s="281">
        <v>22</v>
      </c>
      <c r="CH19" s="281">
        <v>0</v>
      </c>
      <c r="CI19" s="281">
        <v>9</v>
      </c>
      <c r="CJ19" s="281">
        <v>0</v>
      </c>
      <c r="CK19" s="278">
        <v>43</v>
      </c>
      <c r="CL19" s="283">
        <v>43</v>
      </c>
      <c r="CM19" s="277">
        <v>0</v>
      </c>
      <c r="CN19" s="281">
        <v>0</v>
      </c>
      <c r="CO19" s="278">
        <v>0</v>
      </c>
      <c r="CP19" s="280">
        <v>0</v>
      </c>
      <c r="CQ19" s="281">
        <v>0</v>
      </c>
      <c r="CR19" s="281">
        <v>0</v>
      </c>
      <c r="CS19" s="281">
        <v>0</v>
      </c>
      <c r="CT19" s="281">
        <v>0</v>
      </c>
      <c r="CU19" s="281">
        <v>0</v>
      </c>
      <c r="CV19" s="278">
        <v>0</v>
      </c>
      <c r="CW19" s="283">
        <v>0</v>
      </c>
      <c r="CX19" s="277">
        <v>0</v>
      </c>
      <c r="CY19" s="281">
        <v>0</v>
      </c>
      <c r="CZ19" s="278">
        <v>0</v>
      </c>
      <c r="DA19" s="280">
        <v>0</v>
      </c>
      <c r="DB19" s="281">
        <v>0</v>
      </c>
      <c r="DC19" s="281">
        <v>0</v>
      </c>
      <c r="DD19" s="281">
        <v>0</v>
      </c>
      <c r="DE19" s="281">
        <v>0</v>
      </c>
      <c r="DF19" s="281">
        <v>0</v>
      </c>
      <c r="DG19" s="278">
        <v>0</v>
      </c>
      <c r="DH19" s="283">
        <v>0</v>
      </c>
    </row>
    <row r="20" spans="2:112" ht="18.75" customHeight="1" x14ac:dyDescent="0.2">
      <c r="B20" s="262" t="s">
        <v>18</v>
      </c>
      <c r="C20" s="277">
        <v>0</v>
      </c>
      <c r="D20" s="281">
        <v>0</v>
      </c>
      <c r="E20" s="385">
        <v>0</v>
      </c>
      <c r="F20" s="280">
        <v>0</v>
      </c>
      <c r="G20" s="281">
        <v>183</v>
      </c>
      <c r="H20" s="281">
        <v>544</v>
      </c>
      <c r="I20" s="281">
        <v>408</v>
      </c>
      <c r="J20" s="281">
        <v>651</v>
      </c>
      <c r="K20" s="281">
        <v>163</v>
      </c>
      <c r="L20" s="282">
        <v>1949</v>
      </c>
      <c r="M20" s="283">
        <v>1949</v>
      </c>
      <c r="N20" s="277">
        <v>0</v>
      </c>
      <c r="O20" s="281">
        <v>0</v>
      </c>
      <c r="P20" s="278">
        <v>0</v>
      </c>
      <c r="Q20" s="280">
        <v>0</v>
      </c>
      <c r="R20" s="281">
        <v>0</v>
      </c>
      <c r="S20" s="281">
        <v>9</v>
      </c>
      <c r="T20" s="281">
        <v>6</v>
      </c>
      <c r="U20" s="281">
        <v>11</v>
      </c>
      <c r="V20" s="281">
        <v>4</v>
      </c>
      <c r="W20" s="278">
        <v>30</v>
      </c>
      <c r="X20" s="283">
        <v>30</v>
      </c>
      <c r="Y20" s="277">
        <v>17</v>
      </c>
      <c r="Z20" s="281">
        <v>39</v>
      </c>
      <c r="AA20" s="278">
        <v>56</v>
      </c>
      <c r="AB20" s="280">
        <v>0</v>
      </c>
      <c r="AC20" s="281">
        <v>144</v>
      </c>
      <c r="AD20" s="281">
        <v>184</v>
      </c>
      <c r="AE20" s="281">
        <v>95</v>
      </c>
      <c r="AF20" s="281">
        <v>196</v>
      </c>
      <c r="AG20" s="281">
        <v>17</v>
      </c>
      <c r="AH20" s="278">
        <v>636</v>
      </c>
      <c r="AI20" s="283">
        <v>692</v>
      </c>
      <c r="AJ20" s="277">
        <v>0</v>
      </c>
      <c r="AK20" s="281">
        <v>0</v>
      </c>
      <c r="AL20" s="278">
        <v>0</v>
      </c>
      <c r="AM20" s="280">
        <v>0</v>
      </c>
      <c r="AN20" s="281">
        <v>52</v>
      </c>
      <c r="AO20" s="281">
        <v>45</v>
      </c>
      <c r="AP20" s="281">
        <v>0</v>
      </c>
      <c r="AQ20" s="281">
        <v>9</v>
      </c>
      <c r="AR20" s="281">
        <v>27</v>
      </c>
      <c r="AS20" s="278">
        <v>133</v>
      </c>
      <c r="AT20" s="283">
        <v>133</v>
      </c>
      <c r="AU20" s="277">
        <v>0</v>
      </c>
      <c r="AV20" s="281">
        <v>0</v>
      </c>
      <c r="AW20" s="278">
        <v>0</v>
      </c>
      <c r="AX20" s="280">
        <v>0</v>
      </c>
      <c r="AY20" s="281">
        <v>304</v>
      </c>
      <c r="AZ20" s="281">
        <v>332</v>
      </c>
      <c r="BA20" s="281">
        <v>274</v>
      </c>
      <c r="BB20" s="281">
        <v>85</v>
      </c>
      <c r="BC20" s="281">
        <v>12</v>
      </c>
      <c r="BD20" s="282">
        <v>1007</v>
      </c>
      <c r="BE20" s="283">
        <v>1007</v>
      </c>
      <c r="BF20" s="277">
        <v>0</v>
      </c>
      <c r="BG20" s="281">
        <v>0</v>
      </c>
      <c r="BH20" s="278">
        <v>0</v>
      </c>
      <c r="BI20" s="280">
        <v>0</v>
      </c>
      <c r="BJ20" s="281">
        <v>74</v>
      </c>
      <c r="BK20" s="281">
        <v>110</v>
      </c>
      <c r="BL20" s="281">
        <v>80</v>
      </c>
      <c r="BM20" s="281">
        <v>24</v>
      </c>
      <c r="BN20" s="281">
        <v>33</v>
      </c>
      <c r="BO20" s="278">
        <v>321</v>
      </c>
      <c r="BP20" s="283">
        <v>321</v>
      </c>
      <c r="BQ20" s="277">
        <v>0</v>
      </c>
      <c r="BR20" s="281">
        <v>0</v>
      </c>
      <c r="BS20" s="278">
        <v>0</v>
      </c>
      <c r="BT20" s="280">
        <v>0</v>
      </c>
      <c r="BU20" s="281">
        <v>4</v>
      </c>
      <c r="BV20" s="281">
        <v>163</v>
      </c>
      <c r="BW20" s="281">
        <v>143</v>
      </c>
      <c r="BX20" s="281">
        <v>24</v>
      </c>
      <c r="BY20" s="281">
        <v>13</v>
      </c>
      <c r="BZ20" s="278">
        <v>347</v>
      </c>
      <c r="CA20" s="283">
        <v>347</v>
      </c>
      <c r="CB20" s="277">
        <v>0</v>
      </c>
      <c r="CC20" s="281">
        <v>0</v>
      </c>
      <c r="CD20" s="278">
        <v>0</v>
      </c>
      <c r="CE20" s="280">
        <v>0</v>
      </c>
      <c r="CF20" s="281">
        <v>0</v>
      </c>
      <c r="CG20" s="281">
        <v>0</v>
      </c>
      <c r="CH20" s="281">
        <v>0</v>
      </c>
      <c r="CI20" s="281">
        <v>0</v>
      </c>
      <c r="CJ20" s="281">
        <v>3</v>
      </c>
      <c r="CK20" s="278">
        <v>3</v>
      </c>
      <c r="CL20" s="283">
        <v>3</v>
      </c>
      <c r="CM20" s="277">
        <v>0</v>
      </c>
      <c r="CN20" s="281">
        <v>0</v>
      </c>
      <c r="CO20" s="278">
        <v>0</v>
      </c>
      <c r="CP20" s="280">
        <v>0</v>
      </c>
      <c r="CQ20" s="281">
        <v>0</v>
      </c>
      <c r="CR20" s="281">
        <v>0</v>
      </c>
      <c r="CS20" s="281">
        <v>0</v>
      </c>
      <c r="CT20" s="281">
        <v>0</v>
      </c>
      <c r="CU20" s="281">
        <v>0</v>
      </c>
      <c r="CV20" s="278">
        <v>0</v>
      </c>
      <c r="CW20" s="283">
        <v>0</v>
      </c>
      <c r="CX20" s="277">
        <v>0</v>
      </c>
      <c r="CY20" s="281">
        <v>0</v>
      </c>
      <c r="CZ20" s="278">
        <v>0</v>
      </c>
      <c r="DA20" s="280">
        <v>0</v>
      </c>
      <c r="DB20" s="281">
        <v>0</v>
      </c>
      <c r="DC20" s="281">
        <v>0</v>
      </c>
      <c r="DD20" s="281">
        <v>0</v>
      </c>
      <c r="DE20" s="281">
        <v>0</v>
      </c>
      <c r="DF20" s="281">
        <v>0</v>
      </c>
      <c r="DG20" s="278">
        <v>0</v>
      </c>
      <c r="DH20" s="283">
        <v>0</v>
      </c>
    </row>
    <row r="21" spans="2:112" ht="18.75" customHeight="1" x14ac:dyDescent="0.2">
      <c r="B21" s="262" t="s">
        <v>19</v>
      </c>
      <c r="C21" s="277">
        <v>0</v>
      </c>
      <c r="D21" s="281">
        <v>0</v>
      </c>
      <c r="E21" s="385">
        <v>0</v>
      </c>
      <c r="F21" s="280">
        <v>0</v>
      </c>
      <c r="G21" s="281">
        <v>213</v>
      </c>
      <c r="H21" s="281">
        <v>70</v>
      </c>
      <c r="I21" s="281">
        <v>102</v>
      </c>
      <c r="J21" s="281">
        <v>312</v>
      </c>
      <c r="K21" s="281">
        <v>203</v>
      </c>
      <c r="L21" s="282">
        <v>900</v>
      </c>
      <c r="M21" s="283">
        <v>900</v>
      </c>
      <c r="N21" s="277">
        <v>0</v>
      </c>
      <c r="O21" s="281">
        <v>0</v>
      </c>
      <c r="P21" s="278">
        <v>0</v>
      </c>
      <c r="Q21" s="280">
        <v>0</v>
      </c>
      <c r="R21" s="281">
        <v>0</v>
      </c>
      <c r="S21" s="281">
        <v>1</v>
      </c>
      <c r="T21" s="281">
        <v>9</v>
      </c>
      <c r="U21" s="281">
        <v>12</v>
      </c>
      <c r="V21" s="281">
        <v>11</v>
      </c>
      <c r="W21" s="278">
        <v>33</v>
      </c>
      <c r="X21" s="283">
        <v>33</v>
      </c>
      <c r="Y21" s="277">
        <v>4</v>
      </c>
      <c r="Z21" s="281">
        <v>4</v>
      </c>
      <c r="AA21" s="278">
        <v>8</v>
      </c>
      <c r="AB21" s="280">
        <v>0</v>
      </c>
      <c r="AC21" s="281">
        <v>68</v>
      </c>
      <c r="AD21" s="281">
        <v>53</v>
      </c>
      <c r="AE21" s="281">
        <v>78</v>
      </c>
      <c r="AF21" s="281">
        <v>36</v>
      </c>
      <c r="AG21" s="281">
        <v>55</v>
      </c>
      <c r="AH21" s="278">
        <v>290</v>
      </c>
      <c r="AI21" s="283">
        <v>298</v>
      </c>
      <c r="AJ21" s="277">
        <v>0</v>
      </c>
      <c r="AK21" s="281">
        <v>0</v>
      </c>
      <c r="AL21" s="278">
        <v>0</v>
      </c>
      <c r="AM21" s="280">
        <v>0</v>
      </c>
      <c r="AN21" s="281">
        <v>15</v>
      </c>
      <c r="AO21" s="281">
        <v>12</v>
      </c>
      <c r="AP21" s="281">
        <v>0</v>
      </c>
      <c r="AQ21" s="281">
        <v>8</v>
      </c>
      <c r="AR21" s="281">
        <v>0</v>
      </c>
      <c r="AS21" s="278">
        <v>35</v>
      </c>
      <c r="AT21" s="283">
        <v>35</v>
      </c>
      <c r="AU21" s="277">
        <v>0</v>
      </c>
      <c r="AV21" s="281">
        <v>0</v>
      </c>
      <c r="AW21" s="278">
        <v>0</v>
      </c>
      <c r="AX21" s="280">
        <v>0</v>
      </c>
      <c r="AY21" s="281">
        <v>162</v>
      </c>
      <c r="AZ21" s="281">
        <v>146</v>
      </c>
      <c r="BA21" s="281">
        <v>45</v>
      </c>
      <c r="BB21" s="281">
        <v>41</v>
      </c>
      <c r="BC21" s="281">
        <v>0</v>
      </c>
      <c r="BD21" s="282">
        <v>394</v>
      </c>
      <c r="BE21" s="283">
        <v>394</v>
      </c>
      <c r="BF21" s="277">
        <v>0</v>
      </c>
      <c r="BG21" s="281">
        <v>0</v>
      </c>
      <c r="BH21" s="278">
        <v>0</v>
      </c>
      <c r="BI21" s="280">
        <v>0</v>
      </c>
      <c r="BJ21" s="281">
        <v>61</v>
      </c>
      <c r="BK21" s="281">
        <v>44</v>
      </c>
      <c r="BL21" s="281">
        <v>21</v>
      </c>
      <c r="BM21" s="281">
        <v>9</v>
      </c>
      <c r="BN21" s="281">
        <v>0</v>
      </c>
      <c r="BO21" s="278">
        <v>135</v>
      </c>
      <c r="BP21" s="283">
        <v>135</v>
      </c>
      <c r="BQ21" s="277">
        <v>0</v>
      </c>
      <c r="BR21" s="281">
        <v>0</v>
      </c>
      <c r="BS21" s="278">
        <v>0</v>
      </c>
      <c r="BT21" s="280">
        <v>0</v>
      </c>
      <c r="BU21" s="281">
        <v>3</v>
      </c>
      <c r="BV21" s="281">
        <v>8</v>
      </c>
      <c r="BW21" s="281">
        <v>38</v>
      </c>
      <c r="BX21" s="281">
        <v>0</v>
      </c>
      <c r="BY21" s="281">
        <v>0</v>
      </c>
      <c r="BZ21" s="278">
        <v>49</v>
      </c>
      <c r="CA21" s="283">
        <v>49</v>
      </c>
      <c r="CB21" s="277">
        <v>0</v>
      </c>
      <c r="CC21" s="281">
        <v>0</v>
      </c>
      <c r="CD21" s="278">
        <v>0</v>
      </c>
      <c r="CE21" s="280">
        <v>0</v>
      </c>
      <c r="CF21" s="281">
        <v>0</v>
      </c>
      <c r="CG21" s="281">
        <v>0</v>
      </c>
      <c r="CH21" s="281">
        <v>12</v>
      </c>
      <c r="CI21" s="281">
        <v>14</v>
      </c>
      <c r="CJ21" s="281">
        <v>0</v>
      </c>
      <c r="CK21" s="278">
        <v>26</v>
      </c>
      <c r="CL21" s="283">
        <v>26</v>
      </c>
      <c r="CM21" s="277">
        <v>0</v>
      </c>
      <c r="CN21" s="281">
        <v>0</v>
      </c>
      <c r="CO21" s="278">
        <v>0</v>
      </c>
      <c r="CP21" s="280">
        <v>0</v>
      </c>
      <c r="CQ21" s="281">
        <v>0</v>
      </c>
      <c r="CR21" s="281">
        <v>0</v>
      </c>
      <c r="CS21" s="281">
        <v>0</v>
      </c>
      <c r="CT21" s="281">
        <v>0</v>
      </c>
      <c r="CU21" s="281">
        <v>0</v>
      </c>
      <c r="CV21" s="278">
        <v>0</v>
      </c>
      <c r="CW21" s="283">
        <v>0</v>
      </c>
      <c r="CX21" s="277">
        <v>0</v>
      </c>
      <c r="CY21" s="281">
        <v>0</v>
      </c>
      <c r="CZ21" s="278">
        <v>0</v>
      </c>
      <c r="DA21" s="280">
        <v>0</v>
      </c>
      <c r="DB21" s="281">
        <v>0</v>
      </c>
      <c r="DC21" s="281">
        <v>0</v>
      </c>
      <c r="DD21" s="281">
        <v>0</v>
      </c>
      <c r="DE21" s="281">
        <v>0</v>
      </c>
      <c r="DF21" s="281">
        <v>0</v>
      </c>
      <c r="DG21" s="278">
        <v>0</v>
      </c>
      <c r="DH21" s="283">
        <v>0</v>
      </c>
    </row>
    <row r="22" spans="2:112" ht="18.75" customHeight="1" x14ac:dyDescent="0.2">
      <c r="B22" s="262" t="s">
        <v>20</v>
      </c>
      <c r="C22" s="277">
        <v>0</v>
      </c>
      <c r="D22" s="281">
        <v>0</v>
      </c>
      <c r="E22" s="385">
        <v>0</v>
      </c>
      <c r="F22" s="280">
        <v>0</v>
      </c>
      <c r="G22" s="281">
        <v>192</v>
      </c>
      <c r="H22" s="281">
        <v>317</v>
      </c>
      <c r="I22" s="281">
        <v>266</v>
      </c>
      <c r="J22" s="281">
        <v>322</v>
      </c>
      <c r="K22" s="281">
        <v>102</v>
      </c>
      <c r="L22" s="282">
        <v>1199</v>
      </c>
      <c r="M22" s="283">
        <v>1199</v>
      </c>
      <c r="N22" s="277">
        <v>0</v>
      </c>
      <c r="O22" s="281">
        <v>0</v>
      </c>
      <c r="P22" s="278">
        <v>0</v>
      </c>
      <c r="Q22" s="280">
        <v>0</v>
      </c>
      <c r="R22" s="281">
        <v>0</v>
      </c>
      <c r="S22" s="281">
        <v>0</v>
      </c>
      <c r="T22" s="281">
        <v>3</v>
      </c>
      <c r="U22" s="281">
        <v>3</v>
      </c>
      <c r="V22" s="281">
        <v>17</v>
      </c>
      <c r="W22" s="278">
        <v>23</v>
      </c>
      <c r="X22" s="283">
        <v>23</v>
      </c>
      <c r="Y22" s="277">
        <v>23</v>
      </c>
      <c r="Z22" s="281">
        <v>34</v>
      </c>
      <c r="AA22" s="278">
        <v>57</v>
      </c>
      <c r="AB22" s="280">
        <v>0</v>
      </c>
      <c r="AC22" s="281">
        <v>207</v>
      </c>
      <c r="AD22" s="281">
        <v>194</v>
      </c>
      <c r="AE22" s="281">
        <v>85</v>
      </c>
      <c r="AF22" s="281">
        <v>37</v>
      </c>
      <c r="AG22" s="281">
        <v>43</v>
      </c>
      <c r="AH22" s="278">
        <v>566</v>
      </c>
      <c r="AI22" s="283">
        <v>623</v>
      </c>
      <c r="AJ22" s="277">
        <v>6</v>
      </c>
      <c r="AK22" s="281">
        <v>28</v>
      </c>
      <c r="AL22" s="278">
        <v>34</v>
      </c>
      <c r="AM22" s="280">
        <v>0</v>
      </c>
      <c r="AN22" s="281">
        <v>50</v>
      </c>
      <c r="AO22" s="281">
        <v>44</v>
      </c>
      <c r="AP22" s="281">
        <v>18</v>
      </c>
      <c r="AQ22" s="281">
        <v>14</v>
      </c>
      <c r="AR22" s="281">
        <v>0</v>
      </c>
      <c r="AS22" s="278">
        <v>126</v>
      </c>
      <c r="AT22" s="283">
        <v>160</v>
      </c>
      <c r="AU22" s="277">
        <v>0</v>
      </c>
      <c r="AV22" s="281">
        <v>0</v>
      </c>
      <c r="AW22" s="278">
        <v>0</v>
      </c>
      <c r="AX22" s="280">
        <v>0</v>
      </c>
      <c r="AY22" s="281">
        <v>229</v>
      </c>
      <c r="AZ22" s="281">
        <v>135</v>
      </c>
      <c r="BA22" s="281">
        <v>101</v>
      </c>
      <c r="BB22" s="281">
        <v>37</v>
      </c>
      <c r="BC22" s="281">
        <v>0</v>
      </c>
      <c r="BD22" s="282">
        <v>502</v>
      </c>
      <c r="BE22" s="283">
        <v>502</v>
      </c>
      <c r="BF22" s="277">
        <v>0</v>
      </c>
      <c r="BG22" s="281">
        <v>0</v>
      </c>
      <c r="BH22" s="278">
        <v>0</v>
      </c>
      <c r="BI22" s="280">
        <v>0</v>
      </c>
      <c r="BJ22" s="281">
        <v>93</v>
      </c>
      <c r="BK22" s="281">
        <v>56</v>
      </c>
      <c r="BL22" s="281">
        <v>69</v>
      </c>
      <c r="BM22" s="281">
        <v>40</v>
      </c>
      <c r="BN22" s="281">
        <v>5</v>
      </c>
      <c r="BO22" s="278">
        <v>263</v>
      </c>
      <c r="BP22" s="283">
        <v>263</v>
      </c>
      <c r="BQ22" s="277">
        <v>0</v>
      </c>
      <c r="BR22" s="281">
        <v>3</v>
      </c>
      <c r="BS22" s="278">
        <v>3</v>
      </c>
      <c r="BT22" s="280">
        <v>0</v>
      </c>
      <c r="BU22" s="281">
        <v>11</v>
      </c>
      <c r="BV22" s="281">
        <v>12</v>
      </c>
      <c r="BW22" s="281">
        <v>77</v>
      </c>
      <c r="BX22" s="281">
        <v>139</v>
      </c>
      <c r="BY22" s="281">
        <v>0</v>
      </c>
      <c r="BZ22" s="278">
        <v>239</v>
      </c>
      <c r="CA22" s="283">
        <v>242</v>
      </c>
      <c r="CB22" s="277">
        <v>0</v>
      </c>
      <c r="CC22" s="281">
        <v>0</v>
      </c>
      <c r="CD22" s="278">
        <v>0</v>
      </c>
      <c r="CE22" s="280">
        <v>0</v>
      </c>
      <c r="CF22" s="281">
        <v>0</v>
      </c>
      <c r="CG22" s="281">
        <v>0</v>
      </c>
      <c r="CH22" s="281">
        <v>0</v>
      </c>
      <c r="CI22" s="281">
        <v>12</v>
      </c>
      <c r="CJ22" s="281">
        <v>0</v>
      </c>
      <c r="CK22" s="278">
        <v>12</v>
      </c>
      <c r="CL22" s="283">
        <v>12</v>
      </c>
      <c r="CM22" s="277">
        <v>0</v>
      </c>
      <c r="CN22" s="281">
        <v>0</v>
      </c>
      <c r="CO22" s="278">
        <v>0</v>
      </c>
      <c r="CP22" s="280">
        <v>0</v>
      </c>
      <c r="CQ22" s="281">
        <v>0</v>
      </c>
      <c r="CR22" s="281">
        <v>0</v>
      </c>
      <c r="CS22" s="281">
        <v>0</v>
      </c>
      <c r="CT22" s="281">
        <v>0</v>
      </c>
      <c r="CU22" s="281">
        <v>0</v>
      </c>
      <c r="CV22" s="278">
        <v>0</v>
      </c>
      <c r="CW22" s="283">
        <v>0</v>
      </c>
      <c r="CX22" s="277">
        <v>0</v>
      </c>
      <c r="CY22" s="281">
        <v>0</v>
      </c>
      <c r="CZ22" s="278">
        <v>0</v>
      </c>
      <c r="DA22" s="280">
        <v>0</v>
      </c>
      <c r="DB22" s="281">
        <v>0</v>
      </c>
      <c r="DC22" s="281">
        <v>0</v>
      </c>
      <c r="DD22" s="281">
        <v>0</v>
      </c>
      <c r="DE22" s="281">
        <v>0</v>
      </c>
      <c r="DF22" s="281">
        <v>0</v>
      </c>
      <c r="DG22" s="278">
        <v>0</v>
      </c>
      <c r="DH22" s="283">
        <v>0</v>
      </c>
    </row>
    <row r="23" spans="2:112" ht="18.75" customHeight="1" x14ac:dyDescent="0.2">
      <c r="B23" s="262" t="s">
        <v>21</v>
      </c>
      <c r="C23" s="277">
        <v>0</v>
      </c>
      <c r="D23" s="281">
        <v>0</v>
      </c>
      <c r="E23" s="385">
        <v>0</v>
      </c>
      <c r="F23" s="280">
        <v>0</v>
      </c>
      <c r="G23" s="281">
        <v>157</v>
      </c>
      <c r="H23" s="281">
        <v>88</v>
      </c>
      <c r="I23" s="281">
        <v>93</v>
      </c>
      <c r="J23" s="281">
        <v>541</v>
      </c>
      <c r="K23" s="281">
        <v>381</v>
      </c>
      <c r="L23" s="282">
        <v>1260</v>
      </c>
      <c r="M23" s="283">
        <v>1260</v>
      </c>
      <c r="N23" s="277">
        <v>0</v>
      </c>
      <c r="O23" s="281">
        <v>0</v>
      </c>
      <c r="P23" s="278">
        <v>0</v>
      </c>
      <c r="Q23" s="280">
        <v>0</v>
      </c>
      <c r="R23" s="281">
        <v>0</v>
      </c>
      <c r="S23" s="281">
        <v>0</v>
      </c>
      <c r="T23" s="281">
        <v>5</v>
      </c>
      <c r="U23" s="281">
        <v>12</v>
      </c>
      <c r="V23" s="281">
        <v>17</v>
      </c>
      <c r="W23" s="278">
        <v>34</v>
      </c>
      <c r="X23" s="283">
        <v>34</v>
      </c>
      <c r="Y23" s="277">
        <v>38</v>
      </c>
      <c r="Z23" s="281">
        <v>13</v>
      </c>
      <c r="AA23" s="278">
        <v>51</v>
      </c>
      <c r="AB23" s="280">
        <v>0</v>
      </c>
      <c r="AC23" s="281">
        <v>158</v>
      </c>
      <c r="AD23" s="281">
        <v>190</v>
      </c>
      <c r="AE23" s="281">
        <v>75</v>
      </c>
      <c r="AF23" s="281">
        <v>158</v>
      </c>
      <c r="AG23" s="281">
        <v>65</v>
      </c>
      <c r="AH23" s="278">
        <v>646</v>
      </c>
      <c r="AI23" s="283">
        <v>697</v>
      </c>
      <c r="AJ23" s="277">
        <v>0</v>
      </c>
      <c r="AK23" s="281">
        <v>6</v>
      </c>
      <c r="AL23" s="278">
        <v>6</v>
      </c>
      <c r="AM23" s="280">
        <v>0</v>
      </c>
      <c r="AN23" s="281">
        <v>8</v>
      </c>
      <c r="AO23" s="281">
        <v>39</v>
      </c>
      <c r="AP23" s="281">
        <v>2</v>
      </c>
      <c r="AQ23" s="281">
        <v>22</v>
      </c>
      <c r="AR23" s="281">
        <v>0</v>
      </c>
      <c r="AS23" s="278">
        <v>71</v>
      </c>
      <c r="AT23" s="283">
        <v>77</v>
      </c>
      <c r="AU23" s="277">
        <v>0</v>
      </c>
      <c r="AV23" s="281">
        <v>0</v>
      </c>
      <c r="AW23" s="278">
        <v>0</v>
      </c>
      <c r="AX23" s="280">
        <v>0</v>
      </c>
      <c r="AY23" s="281">
        <v>129</v>
      </c>
      <c r="AZ23" s="281">
        <v>178</v>
      </c>
      <c r="BA23" s="281">
        <v>87</v>
      </c>
      <c r="BB23" s="281">
        <v>35</v>
      </c>
      <c r="BC23" s="281">
        <v>40</v>
      </c>
      <c r="BD23" s="282">
        <v>469</v>
      </c>
      <c r="BE23" s="283">
        <v>469</v>
      </c>
      <c r="BF23" s="277">
        <v>0</v>
      </c>
      <c r="BG23" s="281">
        <v>0</v>
      </c>
      <c r="BH23" s="278">
        <v>0</v>
      </c>
      <c r="BI23" s="280">
        <v>0</v>
      </c>
      <c r="BJ23" s="281">
        <v>46</v>
      </c>
      <c r="BK23" s="281">
        <v>68</v>
      </c>
      <c r="BL23" s="281">
        <v>16</v>
      </c>
      <c r="BM23" s="281">
        <v>9</v>
      </c>
      <c r="BN23" s="281">
        <v>0</v>
      </c>
      <c r="BO23" s="278">
        <v>139</v>
      </c>
      <c r="BP23" s="283">
        <v>139</v>
      </c>
      <c r="BQ23" s="277">
        <v>0</v>
      </c>
      <c r="BR23" s="281">
        <v>0</v>
      </c>
      <c r="BS23" s="278">
        <v>0</v>
      </c>
      <c r="BT23" s="280">
        <v>0</v>
      </c>
      <c r="BU23" s="281">
        <v>36</v>
      </c>
      <c r="BV23" s="281">
        <v>5</v>
      </c>
      <c r="BW23" s="281">
        <v>259</v>
      </c>
      <c r="BX23" s="281">
        <v>70</v>
      </c>
      <c r="BY23" s="281">
        <v>66</v>
      </c>
      <c r="BZ23" s="278">
        <v>436</v>
      </c>
      <c r="CA23" s="283">
        <v>436</v>
      </c>
      <c r="CB23" s="277">
        <v>0</v>
      </c>
      <c r="CC23" s="281">
        <v>0</v>
      </c>
      <c r="CD23" s="278">
        <v>0</v>
      </c>
      <c r="CE23" s="280">
        <v>0</v>
      </c>
      <c r="CF23" s="281">
        <v>0</v>
      </c>
      <c r="CG23" s="281">
        <v>0</v>
      </c>
      <c r="CH23" s="281">
        <v>0</v>
      </c>
      <c r="CI23" s="281">
        <v>0</v>
      </c>
      <c r="CJ23" s="281">
        <v>0</v>
      </c>
      <c r="CK23" s="278">
        <v>0</v>
      </c>
      <c r="CL23" s="283">
        <v>0</v>
      </c>
      <c r="CM23" s="277">
        <v>0</v>
      </c>
      <c r="CN23" s="281">
        <v>0</v>
      </c>
      <c r="CO23" s="278">
        <v>0</v>
      </c>
      <c r="CP23" s="280">
        <v>0</v>
      </c>
      <c r="CQ23" s="281">
        <v>0</v>
      </c>
      <c r="CR23" s="281">
        <v>0</v>
      </c>
      <c r="CS23" s="281">
        <v>0</v>
      </c>
      <c r="CT23" s="281">
        <v>0</v>
      </c>
      <c r="CU23" s="281">
        <v>0</v>
      </c>
      <c r="CV23" s="278">
        <v>0</v>
      </c>
      <c r="CW23" s="283">
        <v>0</v>
      </c>
      <c r="CX23" s="277">
        <v>0</v>
      </c>
      <c r="CY23" s="281">
        <v>0</v>
      </c>
      <c r="CZ23" s="278">
        <v>0</v>
      </c>
      <c r="DA23" s="280">
        <v>0</v>
      </c>
      <c r="DB23" s="281">
        <v>0</v>
      </c>
      <c r="DC23" s="281">
        <v>0</v>
      </c>
      <c r="DD23" s="281">
        <v>0</v>
      </c>
      <c r="DE23" s="281">
        <v>0</v>
      </c>
      <c r="DF23" s="281">
        <v>0</v>
      </c>
      <c r="DG23" s="278">
        <v>0</v>
      </c>
      <c r="DH23" s="283">
        <v>0</v>
      </c>
    </row>
    <row r="24" spans="2:112" ht="18.75" customHeight="1" x14ac:dyDescent="0.2">
      <c r="B24" s="262" t="s">
        <v>22</v>
      </c>
      <c r="C24" s="277">
        <v>0</v>
      </c>
      <c r="D24" s="281">
        <v>0</v>
      </c>
      <c r="E24" s="385">
        <v>0</v>
      </c>
      <c r="F24" s="280">
        <v>0</v>
      </c>
      <c r="G24" s="281">
        <v>34</v>
      </c>
      <c r="H24" s="281">
        <v>74</v>
      </c>
      <c r="I24" s="281">
        <v>11</v>
      </c>
      <c r="J24" s="281">
        <v>93</v>
      </c>
      <c r="K24" s="281">
        <v>172</v>
      </c>
      <c r="L24" s="282">
        <v>384</v>
      </c>
      <c r="M24" s="283">
        <v>384</v>
      </c>
      <c r="N24" s="277">
        <v>0</v>
      </c>
      <c r="O24" s="281">
        <v>0</v>
      </c>
      <c r="P24" s="278">
        <v>0</v>
      </c>
      <c r="Q24" s="280">
        <v>0</v>
      </c>
      <c r="R24" s="281">
        <v>0</v>
      </c>
      <c r="S24" s="281">
        <v>0</v>
      </c>
      <c r="T24" s="281">
        <v>0</v>
      </c>
      <c r="U24" s="281">
        <v>9</v>
      </c>
      <c r="V24" s="281">
        <v>0</v>
      </c>
      <c r="W24" s="278">
        <v>9</v>
      </c>
      <c r="X24" s="283">
        <v>9</v>
      </c>
      <c r="Y24" s="277">
        <v>0</v>
      </c>
      <c r="Z24" s="281">
        <v>4</v>
      </c>
      <c r="AA24" s="278">
        <v>4</v>
      </c>
      <c r="AB24" s="280">
        <v>0</v>
      </c>
      <c r="AC24" s="281">
        <v>5</v>
      </c>
      <c r="AD24" s="281">
        <v>8</v>
      </c>
      <c r="AE24" s="281">
        <v>13</v>
      </c>
      <c r="AF24" s="281">
        <v>27</v>
      </c>
      <c r="AG24" s="281">
        <v>8</v>
      </c>
      <c r="AH24" s="278">
        <v>61</v>
      </c>
      <c r="AI24" s="283">
        <v>65</v>
      </c>
      <c r="AJ24" s="277">
        <v>0</v>
      </c>
      <c r="AK24" s="281">
        <v>0</v>
      </c>
      <c r="AL24" s="278">
        <v>0</v>
      </c>
      <c r="AM24" s="280">
        <v>0</v>
      </c>
      <c r="AN24" s="281">
        <v>23</v>
      </c>
      <c r="AO24" s="281">
        <v>24</v>
      </c>
      <c r="AP24" s="281">
        <v>0</v>
      </c>
      <c r="AQ24" s="281">
        <v>8</v>
      </c>
      <c r="AR24" s="281">
        <v>9</v>
      </c>
      <c r="AS24" s="278">
        <v>64</v>
      </c>
      <c r="AT24" s="283">
        <v>64</v>
      </c>
      <c r="AU24" s="277">
        <v>0</v>
      </c>
      <c r="AV24" s="281">
        <v>0</v>
      </c>
      <c r="AW24" s="278">
        <v>0</v>
      </c>
      <c r="AX24" s="280">
        <v>0</v>
      </c>
      <c r="AY24" s="281">
        <v>46</v>
      </c>
      <c r="AZ24" s="281">
        <v>149</v>
      </c>
      <c r="BA24" s="281">
        <v>48</v>
      </c>
      <c r="BB24" s="281">
        <v>8</v>
      </c>
      <c r="BC24" s="281">
        <v>31</v>
      </c>
      <c r="BD24" s="282">
        <v>282</v>
      </c>
      <c r="BE24" s="283">
        <v>282</v>
      </c>
      <c r="BF24" s="277">
        <v>0</v>
      </c>
      <c r="BG24" s="281">
        <v>0</v>
      </c>
      <c r="BH24" s="278">
        <v>0</v>
      </c>
      <c r="BI24" s="280">
        <v>0</v>
      </c>
      <c r="BJ24" s="281">
        <v>28</v>
      </c>
      <c r="BK24" s="281">
        <v>8</v>
      </c>
      <c r="BL24" s="281">
        <v>4</v>
      </c>
      <c r="BM24" s="281">
        <v>5</v>
      </c>
      <c r="BN24" s="281">
        <v>14</v>
      </c>
      <c r="BO24" s="278">
        <v>59</v>
      </c>
      <c r="BP24" s="283">
        <v>59</v>
      </c>
      <c r="BQ24" s="277">
        <v>0</v>
      </c>
      <c r="BR24" s="281">
        <v>0</v>
      </c>
      <c r="BS24" s="278">
        <v>0</v>
      </c>
      <c r="BT24" s="280">
        <v>0</v>
      </c>
      <c r="BU24" s="281">
        <v>6</v>
      </c>
      <c r="BV24" s="281">
        <v>0</v>
      </c>
      <c r="BW24" s="281">
        <v>49</v>
      </c>
      <c r="BX24" s="281">
        <v>22</v>
      </c>
      <c r="BY24" s="281">
        <v>18</v>
      </c>
      <c r="BZ24" s="278">
        <v>95</v>
      </c>
      <c r="CA24" s="283">
        <v>95</v>
      </c>
      <c r="CB24" s="277">
        <v>0</v>
      </c>
      <c r="CC24" s="281">
        <v>0</v>
      </c>
      <c r="CD24" s="278">
        <v>0</v>
      </c>
      <c r="CE24" s="280">
        <v>0</v>
      </c>
      <c r="CF24" s="281">
        <v>0</v>
      </c>
      <c r="CG24" s="281">
        <v>8</v>
      </c>
      <c r="CH24" s="281">
        <v>1</v>
      </c>
      <c r="CI24" s="281">
        <v>0</v>
      </c>
      <c r="CJ24" s="281">
        <v>0</v>
      </c>
      <c r="CK24" s="278">
        <v>9</v>
      </c>
      <c r="CL24" s="283">
        <v>9</v>
      </c>
      <c r="CM24" s="277">
        <v>0</v>
      </c>
      <c r="CN24" s="281">
        <v>0</v>
      </c>
      <c r="CO24" s="278">
        <v>0</v>
      </c>
      <c r="CP24" s="280">
        <v>0</v>
      </c>
      <c r="CQ24" s="281">
        <v>0</v>
      </c>
      <c r="CR24" s="281">
        <v>0</v>
      </c>
      <c r="CS24" s="281">
        <v>0</v>
      </c>
      <c r="CT24" s="281">
        <v>0</v>
      </c>
      <c r="CU24" s="281">
        <v>0</v>
      </c>
      <c r="CV24" s="278">
        <v>0</v>
      </c>
      <c r="CW24" s="283">
        <v>0</v>
      </c>
      <c r="CX24" s="277">
        <v>0</v>
      </c>
      <c r="CY24" s="281">
        <v>0</v>
      </c>
      <c r="CZ24" s="278">
        <v>0</v>
      </c>
      <c r="DA24" s="280">
        <v>0</v>
      </c>
      <c r="DB24" s="281">
        <v>0</v>
      </c>
      <c r="DC24" s="281">
        <v>0</v>
      </c>
      <c r="DD24" s="281">
        <v>0</v>
      </c>
      <c r="DE24" s="281">
        <v>0</v>
      </c>
      <c r="DF24" s="281">
        <v>0</v>
      </c>
      <c r="DG24" s="278">
        <v>0</v>
      </c>
      <c r="DH24" s="283">
        <v>0</v>
      </c>
    </row>
    <row r="25" spans="2:112" ht="18.75" customHeight="1" x14ac:dyDescent="0.2">
      <c r="B25" s="262" t="s">
        <v>23</v>
      </c>
      <c r="C25" s="277">
        <v>0</v>
      </c>
      <c r="D25" s="281">
        <v>0</v>
      </c>
      <c r="E25" s="385">
        <v>0</v>
      </c>
      <c r="F25" s="280">
        <v>0</v>
      </c>
      <c r="G25" s="281">
        <v>39</v>
      </c>
      <c r="H25" s="281">
        <v>71</v>
      </c>
      <c r="I25" s="281">
        <v>120</v>
      </c>
      <c r="J25" s="281">
        <v>197</v>
      </c>
      <c r="K25" s="281">
        <v>0</v>
      </c>
      <c r="L25" s="282">
        <v>427</v>
      </c>
      <c r="M25" s="283">
        <v>427</v>
      </c>
      <c r="N25" s="277">
        <v>0</v>
      </c>
      <c r="O25" s="281">
        <v>0</v>
      </c>
      <c r="P25" s="278">
        <v>0</v>
      </c>
      <c r="Q25" s="280">
        <v>0</v>
      </c>
      <c r="R25" s="281">
        <v>0</v>
      </c>
      <c r="S25" s="281">
        <v>0</v>
      </c>
      <c r="T25" s="281">
        <v>0</v>
      </c>
      <c r="U25" s="281">
        <v>4</v>
      </c>
      <c r="V25" s="281">
        <v>0</v>
      </c>
      <c r="W25" s="278">
        <v>4</v>
      </c>
      <c r="X25" s="283">
        <v>4</v>
      </c>
      <c r="Y25" s="277">
        <v>14</v>
      </c>
      <c r="Z25" s="281">
        <v>16</v>
      </c>
      <c r="AA25" s="278">
        <v>30</v>
      </c>
      <c r="AB25" s="280">
        <v>0</v>
      </c>
      <c r="AC25" s="281">
        <v>57</v>
      </c>
      <c r="AD25" s="281">
        <v>116</v>
      </c>
      <c r="AE25" s="281">
        <v>10</v>
      </c>
      <c r="AF25" s="281">
        <v>45</v>
      </c>
      <c r="AG25" s="281">
        <v>16</v>
      </c>
      <c r="AH25" s="278">
        <v>244</v>
      </c>
      <c r="AI25" s="283">
        <v>274</v>
      </c>
      <c r="AJ25" s="277">
        <v>0</v>
      </c>
      <c r="AK25" s="281">
        <v>0</v>
      </c>
      <c r="AL25" s="278">
        <v>0</v>
      </c>
      <c r="AM25" s="280">
        <v>0</v>
      </c>
      <c r="AN25" s="281">
        <v>4</v>
      </c>
      <c r="AO25" s="281">
        <v>12</v>
      </c>
      <c r="AP25" s="281">
        <v>0</v>
      </c>
      <c r="AQ25" s="281">
        <v>0</v>
      </c>
      <c r="AR25" s="281">
        <v>0</v>
      </c>
      <c r="AS25" s="278">
        <v>16</v>
      </c>
      <c r="AT25" s="283">
        <v>16</v>
      </c>
      <c r="AU25" s="277">
        <v>0</v>
      </c>
      <c r="AV25" s="281">
        <v>0</v>
      </c>
      <c r="AW25" s="278">
        <v>0</v>
      </c>
      <c r="AX25" s="280">
        <v>0</v>
      </c>
      <c r="AY25" s="281">
        <v>118</v>
      </c>
      <c r="AZ25" s="281">
        <v>114</v>
      </c>
      <c r="BA25" s="281">
        <v>92</v>
      </c>
      <c r="BB25" s="281">
        <v>52</v>
      </c>
      <c r="BC25" s="281">
        <v>9</v>
      </c>
      <c r="BD25" s="282">
        <v>385</v>
      </c>
      <c r="BE25" s="283">
        <v>385</v>
      </c>
      <c r="BF25" s="277">
        <v>0</v>
      </c>
      <c r="BG25" s="281">
        <v>0</v>
      </c>
      <c r="BH25" s="278">
        <v>0</v>
      </c>
      <c r="BI25" s="280">
        <v>0</v>
      </c>
      <c r="BJ25" s="281">
        <v>8</v>
      </c>
      <c r="BK25" s="281">
        <v>14</v>
      </c>
      <c r="BL25" s="281">
        <v>17</v>
      </c>
      <c r="BM25" s="281">
        <v>24</v>
      </c>
      <c r="BN25" s="281">
        <v>0</v>
      </c>
      <c r="BO25" s="278">
        <v>63</v>
      </c>
      <c r="BP25" s="283">
        <v>63</v>
      </c>
      <c r="BQ25" s="277">
        <v>0</v>
      </c>
      <c r="BR25" s="281">
        <v>0</v>
      </c>
      <c r="BS25" s="278">
        <v>0</v>
      </c>
      <c r="BT25" s="280">
        <v>0</v>
      </c>
      <c r="BU25" s="281">
        <v>0</v>
      </c>
      <c r="BV25" s="281">
        <v>5</v>
      </c>
      <c r="BW25" s="281">
        <v>9</v>
      </c>
      <c r="BX25" s="281">
        <v>27</v>
      </c>
      <c r="BY25" s="281">
        <v>0</v>
      </c>
      <c r="BZ25" s="278">
        <v>41</v>
      </c>
      <c r="CA25" s="283">
        <v>41</v>
      </c>
      <c r="CB25" s="277">
        <v>0</v>
      </c>
      <c r="CC25" s="281">
        <v>0</v>
      </c>
      <c r="CD25" s="278">
        <v>0</v>
      </c>
      <c r="CE25" s="280">
        <v>0</v>
      </c>
      <c r="CF25" s="281">
        <v>4</v>
      </c>
      <c r="CG25" s="281">
        <v>0</v>
      </c>
      <c r="CH25" s="281">
        <v>0</v>
      </c>
      <c r="CI25" s="281">
        <v>0</v>
      </c>
      <c r="CJ25" s="281">
        <v>0</v>
      </c>
      <c r="CK25" s="278">
        <v>4</v>
      </c>
      <c r="CL25" s="283">
        <v>4</v>
      </c>
      <c r="CM25" s="277">
        <v>0</v>
      </c>
      <c r="CN25" s="281">
        <v>0</v>
      </c>
      <c r="CO25" s="278">
        <v>0</v>
      </c>
      <c r="CP25" s="280">
        <v>0</v>
      </c>
      <c r="CQ25" s="281">
        <v>0</v>
      </c>
      <c r="CR25" s="281">
        <v>0</v>
      </c>
      <c r="CS25" s="281">
        <v>0</v>
      </c>
      <c r="CT25" s="281">
        <v>0</v>
      </c>
      <c r="CU25" s="281">
        <v>0</v>
      </c>
      <c r="CV25" s="278">
        <v>0</v>
      </c>
      <c r="CW25" s="283">
        <v>0</v>
      </c>
      <c r="CX25" s="277">
        <v>0</v>
      </c>
      <c r="CY25" s="281">
        <v>0</v>
      </c>
      <c r="CZ25" s="278">
        <v>0</v>
      </c>
      <c r="DA25" s="280">
        <v>0</v>
      </c>
      <c r="DB25" s="281">
        <v>0</v>
      </c>
      <c r="DC25" s="281">
        <v>0</v>
      </c>
      <c r="DD25" s="281">
        <v>0</v>
      </c>
      <c r="DE25" s="281">
        <v>0</v>
      </c>
      <c r="DF25" s="281">
        <v>0</v>
      </c>
      <c r="DG25" s="278">
        <v>0</v>
      </c>
      <c r="DH25" s="283">
        <v>0</v>
      </c>
    </row>
    <row r="26" spans="2:112" ht="18.75" customHeight="1" x14ac:dyDescent="0.2">
      <c r="B26" s="262" t="s">
        <v>24</v>
      </c>
      <c r="C26" s="277">
        <v>0</v>
      </c>
      <c r="D26" s="281">
        <v>0</v>
      </c>
      <c r="E26" s="385">
        <v>0</v>
      </c>
      <c r="F26" s="280">
        <v>0</v>
      </c>
      <c r="G26" s="281">
        <v>160</v>
      </c>
      <c r="H26" s="281">
        <v>113</v>
      </c>
      <c r="I26" s="281">
        <v>21</v>
      </c>
      <c r="J26" s="281">
        <v>192</v>
      </c>
      <c r="K26" s="281">
        <v>74</v>
      </c>
      <c r="L26" s="282">
        <v>560</v>
      </c>
      <c r="M26" s="283">
        <v>560</v>
      </c>
      <c r="N26" s="277">
        <v>0</v>
      </c>
      <c r="O26" s="281">
        <v>0</v>
      </c>
      <c r="P26" s="278">
        <v>0</v>
      </c>
      <c r="Q26" s="280">
        <v>0</v>
      </c>
      <c r="R26" s="281">
        <v>0</v>
      </c>
      <c r="S26" s="281">
        <v>0</v>
      </c>
      <c r="T26" s="281">
        <v>0</v>
      </c>
      <c r="U26" s="281">
        <v>4</v>
      </c>
      <c r="V26" s="281">
        <v>17</v>
      </c>
      <c r="W26" s="278">
        <v>21</v>
      </c>
      <c r="X26" s="283">
        <v>21</v>
      </c>
      <c r="Y26" s="277">
        <v>12</v>
      </c>
      <c r="Z26" s="281">
        <v>16</v>
      </c>
      <c r="AA26" s="278">
        <v>28</v>
      </c>
      <c r="AB26" s="280">
        <v>0</v>
      </c>
      <c r="AC26" s="281">
        <v>92</v>
      </c>
      <c r="AD26" s="281">
        <v>56</v>
      </c>
      <c r="AE26" s="281">
        <v>55</v>
      </c>
      <c r="AF26" s="281">
        <v>14</v>
      </c>
      <c r="AG26" s="281">
        <v>36</v>
      </c>
      <c r="AH26" s="278">
        <v>253</v>
      </c>
      <c r="AI26" s="283">
        <v>281</v>
      </c>
      <c r="AJ26" s="277">
        <v>0</v>
      </c>
      <c r="AK26" s="281">
        <v>18</v>
      </c>
      <c r="AL26" s="278">
        <v>18</v>
      </c>
      <c r="AM26" s="280">
        <v>0</v>
      </c>
      <c r="AN26" s="281">
        <v>18</v>
      </c>
      <c r="AO26" s="281">
        <v>12</v>
      </c>
      <c r="AP26" s="281">
        <v>0</v>
      </c>
      <c r="AQ26" s="281">
        <v>26</v>
      </c>
      <c r="AR26" s="281">
        <v>0</v>
      </c>
      <c r="AS26" s="278">
        <v>56</v>
      </c>
      <c r="AT26" s="283">
        <v>74</v>
      </c>
      <c r="AU26" s="277">
        <v>0</v>
      </c>
      <c r="AV26" s="281">
        <v>0</v>
      </c>
      <c r="AW26" s="278">
        <v>0</v>
      </c>
      <c r="AX26" s="280">
        <v>0</v>
      </c>
      <c r="AY26" s="281">
        <v>91</v>
      </c>
      <c r="AZ26" s="281">
        <v>68</v>
      </c>
      <c r="BA26" s="281">
        <v>66</v>
      </c>
      <c r="BB26" s="281">
        <v>3</v>
      </c>
      <c r="BC26" s="281">
        <v>0</v>
      </c>
      <c r="BD26" s="282">
        <v>228</v>
      </c>
      <c r="BE26" s="283">
        <v>228</v>
      </c>
      <c r="BF26" s="277">
        <v>0</v>
      </c>
      <c r="BG26" s="281">
        <v>0</v>
      </c>
      <c r="BH26" s="278">
        <v>0</v>
      </c>
      <c r="BI26" s="280">
        <v>0</v>
      </c>
      <c r="BJ26" s="281">
        <v>17</v>
      </c>
      <c r="BK26" s="281">
        <v>54</v>
      </c>
      <c r="BL26" s="281">
        <v>12</v>
      </c>
      <c r="BM26" s="281">
        <v>0</v>
      </c>
      <c r="BN26" s="281">
        <v>0</v>
      </c>
      <c r="BO26" s="278">
        <v>83</v>
      </c>
      <c r="BP26" s="283">
        <v>83</v>
      </c>
      <c r="BQ26" s="277">
        <v>0</v>
      </c>
      <c r="BR26" s="281">
        <v>0</v>
      </c>
      <c r="BS26" s="278">
        <v>0</v>
      </c>
      <c r="BT26" s="280">
        <v>0</v>
      </c>
      <c r="BU26" s="281">
        <v>8</v>
      </c>
      <c r="BV26" s="281">
        <v>0</v>
      </c>
      <c r="BW26" s="281">
        <v>7</v>
      </c>
      <c r="BX26" s="281">
        <v>14</v>
      </c>
      <c r="BY26" s="281">
        <v>27</v>
      </c>
      <c r="BZ26" s="278">
        <v>56</v>
      </c>
      <c r="CA26" s="283">
        <v>56</v>
      </c>
      <c r="CB26" s="277">
        <v>0</v>
      </c>
      <c r="CC26" s="281">
        <v>0</v>
      </c>
      <c r="CD26" s="278">
        <v>0</v>
      </c>
      <c r="CE26" s="280">
        <v>0</v>
      </c>
      <c r="CF26" s="281">
        <v>0</v>
      </c>
      <c r="CG26" s="281">
        <v>0</v>
      </c>
      <c r="CH26" s="281">
        <v>0</v>
      </c>
      <c r="CI26" s="281">
        <v>0</v>
      </c>
      <c r="CJ26" s="281">
        <v>0</v>
      </c>
      <c r="CK26" s="278">
        <v>0</v>
      </c>
      <c r="CL26" s="283">
        <v>0</v>
      </c>
      <c r="CM26" s="277">
        <v>0</v>
      </c>
      <c r="CN26" s="281">
        <v>0</v>
      </c>
      <c r="CO26" s="278">
        <v>0</v>
      </c>
      <c r="CP26" s="280">
        <v>0</v>
      </c>
      <c r="CQ26" s="281">
        <v>0</v>
      </c>
      <c r="CR26" s="281">
        <v>0</v>
      </c>
      <c r="CS26" s="281">
        <v>0</v>
      </c>
      <c r="CT26" s="281">
        <v>0</v>
      </c>
      <c r="CU26" s="281">
        <v>0</v>
      </c>
      <c r="CV26" s="278">
        <v>0</v>
      </c>
      <c r="CW26" s="283">
        <v>0</v>
      </c>
      <c r="CX26" s="277">
        <v>0</v>
      </c>
      <c r="CY26" s="281">
        <v>0</v>
      </c>
      <c r="CZ26" s="278">
        <v>0</v>
      </c>
      <c r="DA26" s="280">
        <v>0</v>
      </c>
      <c r="DB26" s="281">
        <v>0</v>
      </c>
      <c r="DC26" s="281">
        <v>0</v>
      </c>
      <c r="DD26" s="281">
        <v>0</v>
      </c>
      <c r="DE26" s="281">
        <v>0</v>
      </c>
      <c r="DF26" s="281">
        <v>0</v>
      </c>
      <c r="DG26" s="278">
        <v>0</v>
      </c>
      <c r="DH26" s="283">
        <v>0</v>
      </c>
    </row>
    <row r="27" spans="2:112" ht="18.75" customHeight="1" x14ac:dyDescent="0.2">
      <c r="B27" s="262" t="s">
        <v>25</v>
      </c>
      <c r="C27" s="277">
        <v>0</v>
      </c>
      <c r="D27" s="281">
        <v>0</v>
      </c>
      <c r="E27" s="385">
        <v>0</v>
      </c>
      <c r="F27" s="280">
        <v>0</v>
      </c>
      <c r="G27" s="281">
        <v>49</v>
      </c>
      <c r="H27" s="281">
        <v>39</v>
      </c>
      <c r="I27" s="281">
        <v>172</v>
      </c>
      <c r="J27" s="281">
        <v>2</v>
      </c>
      <c r="K27" s="281">
        <v>0</v>
      </c>
      <c r="L27" s="282">
        <v>262</v>
      </c>
      <c r="M27" s="283">
        <v>262</v>
      </c>
      <c r="N27" s="277">
        <v>0</v>
      </c>
      <c r="O27" s="281">
        <v>0</v>
      </c>
      <c r="P27" s="278">
        <v>0</v>
      </c>
      <c r="Q27" s="280">
        <v>0</v>
      </c>
      <c r="R27" s="281">
        <v>0</v>
      </c>
      <c r="S27" s="281">
        <v>0</v>
      </c>
      <c r="T27" s="281">
        <v>5</v>
      </c>
      <c r="U27" s="281">
        <v>5</v>
      </c>
      <c r="V27" s="281">
        <v>9</v>
      </c>
      <c r="W27" s="278">
        <v>19</v>
      </c>
      <c r="X27" s="283">
        <v>19</v>
      </c>
      <c r="Y27" s="277">
        <v>5</v>
      </c>
      <c r="Z27" s="281">
        <v>14</v>
      </c>
      <c r="AA27" s="278">
        <v>19</v>
      </c>
      <c r="AB27" s="280">
        <v>0</v>
      </c>
      <c r="AC27" s="281">
        <v>22</v>
      </c>
      <c r="AD27" s="281">
        <v>18</v>
      </c>
      <c r="AE27" s="281">
        <v>10</v>
      </c>
      <c r="AF27" s="281">
        <v>6</v>
      </c>
      <c r="AG27" s="281">
        <v>12</v>
      </c>
      <c r="AH27" s="278">
        <v>68</v>
      </c>
      <c r="AI27" s="283">
        <v>87</v>
      </c>
      <c r="AJ27" s="277">
        <v>0</v>
      </c>
      <c r="AK27" s="281">
        <v>16</v>
      </c>
      <c r="AL27" s="278">
        <v>16</v>
      </c>
      <c r="AM27" s="280">
        <v>0</v>
      </c>
      <c r="AN27" s="281">
        <v>0</v>
      </c>
      <c r="AO27" s="281">
        <v>0</v>
      </c>
      <c r="AP27" s="281">
        <v>10</v>
      </c>
      <c r="AQ27" s="281">
        <v>0</v>
      </c>
      <c r="AR27" s="281">
        <v>18</v>
      </c>
      <c r="AS27" s="278">
        <v>28</v>
      </c>
      <c r="AT27" s="283">
        <v>44</v>
      </c>
      <c r="AU27" s="277">
        <v>0</v>
      </c>
      <c r="AV27" s="281">
        <v>0</v>
      </c>
      <c r="AW27" s="278">
        <v>0</v>
      </c>
      <c r="AX27" s="280">
        <v>0</v>
      </c>
      <c r="AY27" s="281">
        <v>94</v>
      </c>
      <c r="AZ27" s="281">
        <v>13</v>
      </c>
      <c r="BA27" s="281">
        <v>18</v>
      </c>
      <c r="BB27" s="281">
        <v>47</v>
      </c>
      <c r="BC27" s="281">
        <v>0</v>
      </c>
      <c r="BD27" s="282">
        <v>172</v>
      </c>
      <c r="BE27" s="283">
        <v>172</v>
      </c>
      <c r="BF27" s="277">
        <v>0</v>
      </c>
      <c r="BG27" s="281">
        <v>0</v>
      </c>
      <c r="BH27" s="278">
        <v>0</v>
      </c>
      <c r="BI27" s="280">
        <v>0</v>
      </c>
      <c r="BJ27" s="281">
        <v>16</v>
      </c>
      <c r="BK27" s="281">
        <v>22</v>
      </c>
      <c r="BL27" s="281">
        <v>3</v>
      </c>
      <c r="BM27" s="281">
        <v>10</v>
      </c>
      <c r="BN27" s="281">
        <v>0</v>
      </c>
      <c r="BO27" s="278">
        <v>51</v>
      </c>
      <c r="BP27" s="283">
        <v>51</v>
      </c>
      <c r="BQ27" s="277">
        <v>0</v>
      </c>
      <c r="BR27" s="281">
        <v>0</v>
      </c>
      <c r="BS27" s="278">
        <v>0</v>
      </c>
      <c r="BT27" s="280">
        <v>0</v>
      </c>
      <c r="BU27" s="281">
        <v>3</v>
      </c>
      <c r="BV27" s="281">
        <v>4</v>
      </c>
      <c r="BW27" s="281">
        <v>13</v>
      </c>
      <c r="BX27" s="281">
        <v>0</v>
      </c>
      <c r="BY27" s="281">
        <v>0</v>
      </c>
      <c r="BZ27" s="278">
        <v>20</v>
      </c>
      <c r="CA27" s="283">
        <v>20</v>
      </c>
      <c r="CB27" s="277">
        <v>0</v>
      </c>
      <c r="CC27" s="281">
        <v>0</v>
      </c>
      <c r="CD27" s="278">
        <v>0</v>
      </c>
      <c r="CE27" s="280">
        <v>0</v>
      </c>
      <c r="CF27" s="281">
        <v>5</v>
      </c>
      <c r="CG27" s="281">
        <v>0</v>
      </c>
      <c r="CH27" s="281">
        <v>7</v>
      </c>
      <c r="CI27" s="281">
        <v>0</v>
      </c>
      <c r="CJ27" s="281">
        <v>0</v>
      </c>
      <c r="CK27" s="278">
        <v>12</v>
      </c>
      <c r="CL27" s="283">
        <v>12</v>
      </c>
      <c r="CM27" s="277">
        <v>0</v>
      </c>
      <c r="CN27" s="281">
        <v>0</v>
      </c>
      <c r="CO27" s="278">
        <v>0</v>
      </c>
      <c r="CP27" s="280">
        <v>0</v>
      </c>
      <c r="CQ27" s="281">
        <v>0</v>
      </c>
      <c r="CR27" s="281">
        <v>0</v>
      </c>
      <c r="CS27" s="281">
        <v>0</v>
      </c>
      <c r="CT27" s="281">
        <v>0</v>
      </c>
      <c r="CU27" s="281">
        <v>0</v>
      </c>
      <c r="CV27" s="278">
        <v>0</v>
      </c>
      <c r="CW27" s="283">
        <v>0</v>
      </c>
      <c r="CX27" s="277">
        <v>0</v>
      </c>
      <c r="CY27" s="281">
        <v>0</v>
      </c>
      <c r="CZ27" s="278">
        <v>0</v>
      </c>
      <c r="DA27" s="280">
        <v>0</v>
      </c>
      <c r="DB27" s="281">
        <v>0</v>
      </c>
      <c r="DC27" s="281">
        <v>0</v>
      </c>
      <c r="DD27" s="281">
        <v>0</v>
      </c>
      <c r="DE27" s="281">
        <v>0</v>
      </c>
      <c r="DF27" s="281">
        <v>0</v>
      </c>
      <c r="DG27" s="278">
        <v>0</v>
      </c>
      <c r="DH27" s="283">
        <v>0</v>
      </c>
    </row>
    <row r="28" spans="2:112" ht="18.75" customHeight="1" x14ac:dyDescent="0.2">
      <c r="B28" s="262" t="s">
        <v>26</v>
      </c>
      <c r="C28" s="277">
        <v>0</v>
      </c>
      <c r="D28" s="281">
        <v>0</v>
      </c>
      <c r="E28" s="385">
        <v>0</v>
      </c>
      <c r="F28" s="280">
        <v>0</v>
      </c>
      <c r="G28" s="281">
        <v>60</v>
      </c>
      <c r="H28" s="281">
        <v>159</v>
      </c>
      <c r="I28" s="281">
        <v>130</v>
      </c>
      <c r="J28" s="281">
        <v>25</v>
      </c>
      <c r="K28" s="281">
        <v>32</v>
      </c>
      <c r="L28" s="282">
        <v>406</v>
      </c>
      <c r="M28" s="283">
        <v>406</v>
      </c>
      <c r="N28" s="277">
        <v>0</v>
      </c>
      <c r="O28" s="281">
        <v>0</v>
      </c>
      <c r="P28" s="278">
        <v>0</v>
      </c>
      <c r="Q28" s="280">
        <v>0</v>
      </c>
      <c r="R28" s="281">
        <v>0</v>
      </c>
      <c r="S28" s="281">
        <v>0</v>
      </c>
      <c r="T28" s="281">
        <v>2</v>
      </c>
      <c r="U28" s="281">
        <v>4</v>
      </c>
      <c r="V28" s="281">
        <v>7</v>
      </c>
      <c r="W28" s="278">
        <v>13</v>
      </c>
      <c r="X28" s="283">
        <v>13</v>
      </c>
      <c r="Y28" s="277">
        <v>0</v>
      </c>
      <c r="Z28" s="281">
        <v>0</v>
      </c>
      <c r="AA28" s="278">
        <v>0</v>
      </c>
      <c r="AB28" s="280">
        <v>0</v>
      </c>
      <c r="AC28" s="281">
        <v>5</v>
      </c>
      <c r="AD28" s="281">
        <v>29</v>
      </c>
      <c r="AE28" s="281">
        <v>50</v>
      </c>
      <c r="AF28" s="281">
        <v>18</v>
      </c>
      <c r="AG28" s="281">
        <v>21</v>
      </c>
      <c r="AH28" s="278">
        <v>123</v>
      </c>
      <c r="AI28" s="283">
        <v>123</v>
      </c>
      <c r="AJ28" s="277">
        <v>0</v>
      </c>
      <c r="AK28" s="281">
        <v>0</v>
      </c>
      <c r="AL28" s="278">
        <v>0</v>
      </c>
      <c r="AM28" s="280">
        <v>0</v>
      </c>
      <c r="AN28" s="281">
        <v>0</v>
      </c>
      <c r="AO28" s="281">
        <v>0</v>
      </c>
      <c r="AP28" s="281">
        <v>0</v>
      </c>
      <c r="AQ28" s="281">
        <v>0</v>
      </c>
      <c r="AR28" s="281">
        <v>0</v>
      </c>
      <c r="AS28" s="278">
        <v>0</v>
      </c>
      <c r="AT28" s="283">
        <v>0</v>
      </c>
      <c r="AU28" s="277">
        <v>0</v>
      </c>
      <c r="AV28" s="281">
        <v>0</v>
      </c>
      <c r="AW28" s="278">
        <v>0</v>
      </c>
      <c r="AX28" s="280">
        <v>0</v>
      </c>
      <c r="AY28" s="281">
        <v>37</v>
      </c>
      <c r="AZ28" s="281">
        <v>96</v>
      </c>
      <c r="BA28" s="281">
        <v>52</v>
      </c>
      <c r="BB28" s="281">
        <v>5</v>
      </c>
      <c r="BC28" s="281">
        <v>31</v>
      </c>
      <c r="BD28" s="282">
        <v>221</v>
      </c>
      <c r="BE28" s="283">
        <v>221</v>
      </c>
      <c r="BF28" s="277">
        <v>0</v>
      </c>
      <c r="BG28" s="281">
        <v>0</v>
      </c>
      <c r="BH28" s="278">
        <v>0</v>
      </c>
      <c r="BI28" s="280">
        <v>0</v>
      </c>
      <c r="BJ28" s="281">
        <v>5</v>
      </c>
      <c r="BK28" s="281">
        <v>20</v>
      </c>
      <c r="BL28" s="281">
        <v>17</v>
      </c>
      <c r="BM28" s="281">
        <v>2</v>
      </c>
      <c r="BN28" s="281">
        <v>0</v>
      </c>
      <c r="BO28" s="278">
        <v>44</v>
      </c>
      <c r="BP28" s="283">
        <v>44</v>
      </c>
      <c r="BQ28" s="277">
        <v>0</v>
      </c>
      <c r="BR28" s="281">
        <v>0</v>
      </c>
      <c r="BS28" s="278">
        <v>0</v>
      </c>
      <c r="BT28" s="280">
        <v>0</v>
      </c>
      <c r="BU28" s="281">
        <v>0</v>
      </c>
      <c r="BV28" s="281">
        <v>31</v>
      </c>
      <c r="BW28" s="281">
        <v>4</v>
      </c>
      <c r="BX28" s="281">
        <v>12</v>
      </c>
      <c r="BY28" s="281">
        <v>0</v>
      </c>
      <c r="BZ28" s="278">
        <v>47</v>
      </c>
      <c r="CA28" s="283">
        <v>47</v>
      </c>
      <c r="CB28" s="277">
        <v>0</v>
      </c>
      <c r="CC28" s="281">
        <v>0</v>
      </c>
      <c r="CD28" s="278">
        <v>0</v>
      </c>
      <c r="CE28" s="280">
        <v>0</v>
      </c>
      <c r="CF28" s="281">
        <v>0</v>
      </c>
      <c r="CG28" s="281">
        <v>0</v>
      </c>
      <c r="CH28" s="281">
        <v>0</v>
      </c>
      <c r="CI28" s="281">
        <v>0</v>
      </c>
      <c r="CJ28" s="281">
        <v>0</v>
      </c>
      <c r="CK28" s="278">
        <v>0</v>
      </c>
      <c r="CL28" s="283">
        <v>0</v>
      </c>
      <c r="CM28" s="277">
        <v>0</v>
      </c>
      <c r="CN28" s="281">
        <v>0</v>
      </c>
      <c r="CO28" s="278">
        <v>0</v>
      </c>
      <c r="CP28" s="280">
        <v>0</v>
      </c>
      <c r="CQ28" s="281">
        <v>0</v>
      </c>
      <c r="CR28" s="281">
        <v>0</v>
      </c>
      <c r="CS28" s="281">
        <v>0</v>
      </c>
      <c r="CT28" s="281">
        <v>0</v>
      </c>
      <c r="CU28" s="281">
        <v>0</v>
      </c>
      <c r="CV28" s="278">
        <v>0</v>
      </c>
      <c r="CW28" s="283">
        <v>0</v>
      </c>
      <c r="CX28" s="277">
        <v>0</v>
      </c>
      <c r="CY28" s="281">
        <v>0</v>
      </c>
      <c r="CZ28" s="278">
        <v>0</v>
      </c>
      <c r="DA28" s="280">
        <v>0</v>
      </c>
      <c r="DB28" s="281">
        <v>0</v>
      </c>
      <c r="DC28" s="281">
        <v>0</v>
      </c>
      <c r="DD28" s="281">
        <v>0</v>
      </c>
      <c r="DE28" s="281">
        <v>0</v>
      </c>
      <c r="DF28" s="281">
        <v>0</v>
      </c>
      <c r="DG28" s="278">
        <v>0</v>
      </c>
      <c r="DH28" s="283">
        <v>0</v>
      </c>
    </row>
    <row r="29" spans="2:112" ht="18.75" customHeight="1" x14ac:dyDescent="0.2">
      <c r="B29" s="262" t="s">
        <v>27</v>
      </c>
      <c r="C29" s="277">
        <v>0</v>
      </c>
      <c r="D29" s="281">
        <v>0</v>
      </c>
      <c r="E29" s="385">
        <v>0</v>
      </c>
      <c r="F29" s="280">
        <v>0</v>
      </c>
      <c r="G29" s="281">
        <v>27</v>
      </c>
      <c r="H29" s="281">
        <v>4</v>
      </c>
      <c r="I29" s="281">
        <v>264</v>
      </c>
      <c r="J29" s="281">
        <v>131</v>
      </c>
      <c r="K29" s="281">
        <v>0</v>
      </c>
      <c r="L29" s="282">
        <v>426</v>
      </c>
      <c r="M29" s="283">
        <v>426</v>
      </c>
      <c r="N29" s="277">
        <v>0</v>
      </c>
      <c r="O29" s="281">
        <v>0</v>
      </c>
      <c r="P29" s="278">
        <v>0</v>
      </c>
      <c r="Q29" s="280">
        <v>0</v>
      </c>
      <c r="R29" s="281">
        <v>0</v>
      </c>
      <c r="S29" s="281">
        <v>0</v>
      </c>
      <c r="T29" s="281">
        <v>0</v>
      </c>
      <c r="U29" s="281">
        <v>4</v>
      </c>
      <c r="V29" s="281">
        <v>9</v>
      </c>
      <c r="W29" s="278">
        <v>13</v>
      </c>
      <c r="X29" s="283">
        <v>13</v>
      </c>
      <c r="Y29" s="277">
        <v>8</v>
      </c>
      <c r="Z29" s="281">
        <v>21</v>
      </c>
      <c r="AA29" s="278">
        <v>29</v>
      </c>
      <c r="AB29" s="280">
        <v>0</v>
      </c>
      <c r="AC29" s="281">
        <v>58</v>
      </c>
      <c r="AD29" s="281">
        <v>55</v>
      </c>
      <c r="AE29" s="281">
        <v>23</v>
      </c>
      <c r="AF29" s="281">
        <v>19</v>
      </c>
      <c r="AG29" s="281">
        <v>25</v>
      </c>
      <c r="AH29" s="278">
        <v>180</v>
      </c>
      <c r="AI29" s="283">
        <v>209</v>
      </c>
      <c r="AJ29" s="277">
        <v>0</v>
      </c>
      <c r="AK29" s="281">
        <v>0</v>
      </c>
      <c r="AL29" s="278">
        <v>0</v>
      </c>
      <c r="AM29" s="280">
        <v>0</v>
      </c>
      <c r="AN29" s="281">
        <v>0</v>
      </c>
      <c r="AO29" s="281">
        <v>27</v>
      </c>
      <c r="AP29" s="281">
        <v>0</v>
      </c>
      <c r="AQ29" s="281">
        <v>0</v>
      </c>
      <c r="AR29" s="281">
        <v>0</v>
      </c>
      <c r="AS29" s="278">
        <v>27</v>
      </c>
      <c r="AT29" s="283">
        <v>27</v>
      </c>
      <c r="AU29" s="277">
        <v>0</v>
      </c>
      <c r="AV29" s="281">
        <v>0</v>
      </c>
      <c r="AW29" s="278">
        <v>0</v>
      </c>
      <c r="AX29" s="280">
        <v>0</v>
      </c>
      <c r="AY29" s="281">
        <v>53</v>
      </c>
      <c r="AZ29" s="281">
        <v>63</v>
      </c>
      <c r="BA29" s="281">
        <v>64</v>
      </c>
      <c r="BB29" s="281">
        <v>34</v>
      </c>
      <c r="BC29" s="281">
        <v>16</v>
      </c>
      <c r="BD29" s="282">
        <v>230</v>
      </c>
      <c r="BE29" s="283">
        <v>230</v>
      </c>
      <c r="BF29" s="277">
        <v>0</v>
      </c>
      <c r="BG29" s="281">
        <v>0</v>
      </c>
      <c r="BH29" s="278">
        <v>0</v>
      </c>
      <c r="BI29" s="280">
        <v>0</v>
      </c>
      <c r="BJ29" s="281">
        <v>12</v>
      </c>
      <c r="BK29" s="281">
        <v>25</v>
      </c>
      <c r="BL29" s="281">
        <v>5</v>
      </c>
      <c r="BM29" s="281">
        <v>0</v>
      </c>
      <c r="BN29" s="281">
        <v>0</v>
      </c>
      <c r="BO29" s="278">
        <v>42</v>
      </c>
      <c r="BP29" s="283">
        <v>42</v>
      </c>
      <c r="BQ29" s="277">
        <v>0</v>
      </c>
      <c r="BR29" s="281">
        <v>0</v>
      </c>
      <c r="BS29" s="278">
        <v>0</v>
      </c>
      <c r="BT29" s="280">
        <v>0</v>
      </c>
      <c r="BU29" s="281">
        <v>0</v>
      </c>
      <c r="BV29" s="281">
        <v>0</v>
      </c>
      <c r="BW29" s="281">
        <v>12</v>
      </c>
      <c r="BX29" s="281">
        <v>0</v>
      </c>
      <c r="BY29" s="281">
        <v>3</v>
      </c>
      <c r="BZ29" s="278">
        <v>15</v>
      </c>
      <c r="CA29" s="283">
        <v>15</v>
      </c>
      <c r="CB29" s="277">
        <v>0</v>
      </c>
      <c r="CC29" s="281">
        <v>0</v>
      </c>
      <c r="CD29" s="278">
        <v>0</v>
      </c>
      <c r="CE29" s="280">
        <v>0</v>
      </c>
      <c r="CF29" s="281">
        <v>7</v>
      </c>
      <c r="CG29" s="281">
        <v>0</v>
      </c>
      <c r="CH29" s="281">
        <v>0</v>
      </c>
      <c r="CI29" s="281">
        <v>0</v>
      </c>
      <c r="CJ29" s="281">
        <v>0</v>
      </c>
      <c r="CK29" s="278">
        <v>7</v>
      </c>
      <c r="CL29" s="283">
        <v>7</v>
      </c>
      <c r="CM29" s="277">
        <v>0</v>
      </c>
      <c r="CN29" s="281">
        <v>0</v>
      </c>
      <c r="CO29" s="278">
        <v>0</v>
      </c>
      <c r="CP29" s="280">
        <v>0</v>
      </c>
      <c r="CQ29" s="281">
        <v>0</v>
      </c>
      <c r="CR29" s="281">
        <v>0</v>
      </c>
      <c r="CS29" s="281">
        <v>0</v>
      </c>
      <c r="CT29" s="281">
        <v>0</v>
      </c>
      <c r="CU29" s="281">
        <v>0</v>
      </c>
      <c r="CV29" s="278">
        <v>0</v>
      </c>
      <c r="CW29" s="283">
        <v>0</v>
      </c>
      <c r="CX29" s="277">
        <v>0</v>
      </c>
      <c r="CY29" s="281">
        <v>0</v>
      </c>
      <c r="CZ29" s="278">
        <v>0</v>
      </c>
      <c r="DA29" s="280">
        <v>0</v>
      </c>
      <c r="DB29" s="281">
        <v>0</v>
      </c>
      <c r="DC29" s="281">
        <v>0</v>
      </c>
      <c r="DD29" s="281">
        <v>0</v>
      </c>
      <c r="DE29" s="281">
        <v>0</v>
      </c>
      <c r="DF29" s="281">
        <v>0</v>
      </c>
      <c r="DG29" s="278">
        <v>0</v>
      </c>
      <c r="DH29" s="283">
        <v>0</v>
      </c>
    </row>
    <row r="30" spans="2:112" ht="18.75" customHeight="1" x14ac:dyDescent="0.2">
      <c r="B30" s="262" t="s">
        <v>28</v>
      </c>
      <c r="C30" s="277">
        <v>0</v>
      </c>
      <c r="D30" s="281">
        <v>0</v>
      </c>
      <c r="E30" s="385">
        <v>0</v>
      </c>
      <c r="F30" s="280">
        <v>0</v>
      </c>
      <c r="G30" s="281">
        <v>0</v>
      </c>
      <c r="H30" s="281">
        <v>8</v>
      </c>
      <c r="I30" s="281">
        <v>0</v>
      </c>
      <c r="J30" s="281">
        <v>0</v>
      </c>
      <c r="K30" s="281">
        <v>0</v>
      </c>
      <c r="L30" s="282">
        <v>8</v>
      </c>
      <c r="M30" s="283">
        <v>8</v>
      </c>
      <c r="N30" s="277">
        <v>0</v>
      </c>
      <c r="O30" s="281">
        <v>0</v>
      </c>
      <c r="P30" s="278">
        <v>0</v>
      </c>
      <c r="Q30" s="280">
        <v>0</v>
      </c>
      <c r="R30" s="281">
        <v>0</v>
      </c>
      <c r="S30" s="281">
        <v>0</v>
      </c>
      <c r="T30" s="281">
        <v>0</v>
      </c>
      <c r="U30" s="281">
        <v>0</v>
      </c>
      <c r="V30" s="281">
        <v>0</v>
      </c>
      <c r="W30" s="278">
        <v>0</v>
      </c>
      <c r="X30" s="283">
        <v>0</v>
      </c>
      <c r="Y30" s="277">
        <v>0</v>
      </c>
      <c r="Z30" s="281">
        <v>0</v>
      </c>
      <c r="AA30" s="278">
        <v>0</v>
      </c>
      <c r="AB30" s="280">
        <v>0</v>
      </c>
      <c r="AC30" s="281">
        <v>0</v>
      </c>
      <c r="AD30" s="281">
        <v>13</v>
      </c>
      <c r="AE30" s="281">
        <v>0</v>
      </c>
      <c r="AF30" s="281">
        <v>0</v>
      </c>
      <c r="AG30" s="281">
        <v>0</v>
      </c>
      <c r="AH30" s="278">
        <v>13</v>
      </c>
      <c r="AI30" s="283">
        <v>13</v>
      </c>
      <c r="AJ30" s="277">
        <v>0</v>
      </c>
      <c r="AK30" s="281">
        <v>0</v>
      </c>
      <c r="AL30" s="278">
        <v>0</v>
      </c>
      <c r="AM30" s="280">
        <v>0</v>
      </c>
      <c r="AN30" s="281">
        <v>0</v>
      </c>
      <c r="AO30" s="281">
        <v>0</v>
      </c>
      <c r="AP30" s="281">
        <v>0</v>
      </c>
      <c r="AQ30" s="281">
        <v>0</v>
      </c>
      <c r="AR30" s="281">
        <v>0</v>
      </c>
      <c r="AS30" s="278">
        <v>0</v>
      </c>
      <c r="AT30" s="283">
        <v>0</v>
      </c>
      <c r="AU30" s="277">
        <v>0</v>
      </c>
      <c r="AV30" s="281">
        <v>0</v>
      </c>
      <c r="AW30" s="278">
        <v>0</v>
      </c>
      <c r="AX30" s="280">
        <v>0</v>
      </c>
      <c r="AY30" s="281">
        <v>23</v>
      </c>
      <c r="AZ30" s="281">
        <v>0</v>
      </c>
      <c r="BA30" s="281">
        <v>0</v>
      </c>
      <c r="BB30" s="281">
        <v>0</v>
      </c>
      <c r="BC30" s="281">
        <v>0</v>
      </c>
      <c r="BD30" s="282">
        <v>23</v>
      </c>
      <c r="BE30" s="283">
        <v>23</v>
      </c>
      <c r="BF30" s="277">
        <v>0</v>
      </c>
      <c r="BG30" s="281">
        <v>0</v>
      </c>
      <c r="BH30" s="278">
        <v>0</v>
      </c>
      <c r="BI30" s="280">
        <v>0</v>
      </c>
      <c r="BJ30" s="281">
        <v>0</v>
      </c>
      <c r="BK30" s="281">
        <v>9</v>
      </c>
      <c r="BL30" s="281">
        <v>0</v>
      </c>
      <c r="BM30" s="281">
        <v>0</v>
      </c>
      <c r="BN30" s="281">
        <v>0</v>
      </c>
      <c r="BO30" s="278">
        <v>9</v>
      </c>
      <c r="BP30" s="283">
        <v>9</v>
      </c>
      <c r="BQ30" s="277">
        <v>0</v>
      </c>
      <c r="BR30" s="281">
        <v>0</v>
      </c>
      <c r="BS30" s="278">
        <v>0</v>
      </c>
      <c r="BT30" s="280">
        <v>0</v>
      </c>
      <c r="BU30" s="281">
        <v>0</v>
      </c>
      <c r="BV30" s="281">
        <v>0</v>
      </c>
      <c r="BW30" s="281">
        <v>0</v>
      </c>
      <c r="BX30" s="281">
        <v>0</v>
      </c>
      <c r="BY30" s="281">
        <v>3</v>
      </c>
      <c r="BZ30" s="278">
        <v>3</v>
      </c>
      <c r="CA30" s="283">
        <v>3</v>
      </c>
      <c r="CB30" s="277">
        <v>0</v>
      </c>
      <c r="CC30" s="281">
        <v>0</v>
      </c>
      <c r="CD30" s="278">
        <v>0</v>
      </c>
      <c r="CE30" s="280">
        <v>0</v>
      </c>
      <c r="CF30" s="281">
        <v>0</v>
      </c>
      <c r="CG30" s="281">
        <v>0</v>
      </c>
      <c r="CH30" s="281">
        <v>0</v>
      </c>
      <c r="CI30" s="281">
        <v>0</v>
      </c>
      <c r="CJ30" s="281">
        <v>0</v>
      </c>
      <c r="CK30" s="278">
        <v>0</v>
      </c>
      <c r="CL30" s="283">
        <v>0</v>
      </c>
      <c r="CM30" s="277">
        <v>0</v>
      </c>
      <c r="CN30" s="281">
        <v>0</v>
      </c>
      <c r="CO30" s="278">
        <v>0</v>
      </c>
      <c r="CP30" s="280">
        <v>0</v>
      </c>
      <c r="CQ30" s="281">
        <v>0</v>
      </c>
      <c r="CR30" s="281">
        <v>0</v>
      </c>
      <c r="CS30" s="281">
        <v>0</v>
      </c>
      <c r="CT30" s="281">
        <v>0</v>
      </c>
      <c r="CU30" s="281">
        <v>0</v>
      </c>
      <c r="CV30" s="278">
        <v>0</v>
      </c>
      <c r="CW30" s="283">
        <v>0</v>
      </c>
      <c r="CX30" s="277">
        <v>0</v>
      </c>
      <c r="CY30" s="281">
        <v>0</v>
      </c>
      <c r="CZ30" s="278">
        <v>0</v>
      </c>
      <c r="DA30" s="280">
        <v>0</v>
      </c>
      <c r="DB30" s="281">
        <v>0</v>
      </c>
      <c r="DC30" s="281">
        <v>0</v>
      </c>
      <c r="DD30" s="281">
        <v>0</v>
      </c>
      <c r="DE30" s="281">
        <v>0</v>
      </c>
      <c r="DF30" s="281">
        <v>0</v>
      </c>
      <c r="DG30" s="278">
        <v>0</v>
      </c>
      <c r="DH30" s="283">
        <v>0</v>
      </c>
    </row>
    <row r="31" spans="2:112" ht="18.75" customHeight="1" x14ac:dyDescent="0.2">
      <c r="B31" s="262" t="s">
        <v>29</v>
      </c>
      <c r="C31" s="277">
        <v>0</v>
      </c>
      <c r="D31" s="281">
        <v>0</v>
      </c>
      <c r="E31" s="385">
        <v>0</v>
      </c>
      <c r="F31" s="280">
        <v>0</v>
      </c>
      <c r="G31" s="281">
        <v>39</v>
      </c>
      <c r="H31" s="281">
        <v>0</v>
      </c>
      <c r="I31" s="281">
        <v>0</v>
      </c>
      <c r="J31" s="281">
        <v>63</v>
      </c>
      <c r="K31" s="281">
        <v>0</v>
      </c>
      <c r="L31" s="282">
        <v>102</v>
      </c>
      <c r="M31" s="283">
        <v>102</v>
      </c>
      <c r="N31" s="277">
        <v>0</v>
      </c>
      <c r="O31" s="281">
        <v>0</v>
      </c>
      <c r="P31" s="278">
        <v>0</v>
      </c>
      <c r="Q31" s="280">
        <v>0</v>
      </c>
      <c r="R31" s="281">
        <v>0</v>
      </c>
      <c r="S31" s="281">
        <v>0</v>
      </c>
      <c r="T31" s="281">
        <v>0</v>
      </c>
      <c r="U31" s="281">
        <v>0</v>
      </c>
      <c r="V31" s="281">
        <v>6</v>
      </c>
      <c r="W31" s="278">
        <v>6</v>
      </c>
      <c r="X31" s="283">
        <v>6</v>
      </c>
      <c r="Y31" s="277">
        <v>0</v>
      </c>
      <c r="Z31" s="281">
        <v>2</v>
      </c>
      <c r="AA31" s="278">
        <v>2</v>
      </c>
      <c r="AB31" s="280">
        <v>0</v>
      </c>
      <c r="AC31" s="281">
        <v>0</v>
      </c>
      <c r="AD31" s="281">
        <v>0</v>
      </c>
      <c r="AE31" s="281">
        <v>12</v>
      </c>
      <c r="AF31" s="281">
        <v>1</v>
      </c>
      <c r="AG31" s="281">
        <v>4</v>
      </c>
      <c r="AH31" s="278">
        <v>17</v>
      </c>
      <c r="AI31" s="283">
        <v>19</v>
      </c>
      <c r="AJ31" s="277">
        <v>0</v>
      </c>
      <c r="AK31" s="281">
        <v>0</v>
      </c>
      <c r="AL31" s="278">
        <v>0</v>
      </c>
      <c r="AM31" s="280">
        <v>0</v>
      </c>
      <c r="AN31" s="281">
        <v>21</v>
      </c>
      <c r="AO31" s="281">
        <v>0</v>
      </c>
      <c r="AP31" s="281">
        <v>0</v>
      </c>
      <c r="AQ31" s="281">
        <v>0</v>
      </c>
      <c r="AR31" s="281">
        <v>0</v>
      </c>
      <c r="AS31" s="278">
        <v>21</v>
      </c>
      <c r="AT31" s="283">
        <v>21</v>
      </c>
      <c r="AU31" s="277">
        <v>0</v>
      </c>
      <c r="AV31" s="281">
        <v>0</v>
      </c>
      <c r="AW31" s="278">
        <v>0</v>
      </c>
      <c r="AX31" s="280">
        <v>0</v>
      </c>
      <c r="AY31" s="281">
        <v>45</v>
      </c>
      <c r="AZ31" s="281">
        <v>8</v>
      </c>
      <c r="BA31" s="281">
        <v>11</v>
      </c>
      <c r="BB31" s="281">
        <v>0</v>
      </c>
      <c r="BC31" s="281">
        <v>7</v>
      </c>
      <c r="BD31" s="282">
        <v>71</v>
      </c>
      <c r="BE31" s="283">
        <v>71</v>
      </c>
      <c r="BF31" s="277">
        <v>0</v>
      </c>
      <c r="BG31" s="281">
        <v>0</v>
      </c>
      <c r="BH31" s="278">
        <v>0</v>
      </c>
      <c r="BI31" s="280">
        <v>0</v>
      </c>
      <c r="BJ31" s="281">
        <v>5</v>
      </c>
      <c r="BK31" s="281">
        <v>0</v>
      </c>
      <c r="BL31" s="281">
        <v>4</v>
      </c>
      <c r="BM31" s="281">
        <v>8</v>
      </c>
      <c r="BN31" s="281">
        <v>0</v>
      </c>
      <c r="BO31" s="278">
        <v>17</v>
      </c>
      <c r="BP31" s="283">
        <v>17</v>
      </c>
      <c r="BQ31" s="277">
        <v>0</v>
      </c>
      <c r="BR31" s="281">
        <v>0</v>
      </c>
      <c r="BS31" s="278">
        <v>0</v>
      </c>
      <c r="BT31" s="280">
        <v>0</v>
      </c>
      <c r="BU31" s="281">
        <v>0</v>
      </c>
      <c r="BV31" s="281">
        <v>0</v>
      </c>
      <c r="BW31" s="281">
        <v>2</v>
      </c>
      <c r="BX31" s="281">
        <v>0</v>
      </c>
      <c r="BY31" s="281">
        <v>8</v>
      </c>
      <c r="BZ31" s="278">
        <v>10</v>
      </c>
      <c r="CA31" s="283">
        <v>10</v>
      </c>
      <c r="CB31" s="277">
        <v>0</v>
      </c>
      <c r="CC31" s="281">
        <v>0</v>
      </c>
      <c r="CD31" s="278">
        <v>0</v>
      </c>
      <c r="CE31" s="280">
        <v>0</v>
      </c>
      <c r="CF31" s="281">
        <v>0</v>
      </c>
      <c r="CG31" s="281">
        <v>0</v>
      </c>
      <c r="CH31" s="281">
        <v>0</v>
      </c>
      <c r="CI31" s="281">
        <v>0</v>
      </c>
      <c r="CJ31" s="281">
        <v>0</v>
      </c>
      <c r="CK31" s="278">
        <v>0</v>
      </c>
      <c r="CL31" s="283">
        <v>0</v>
      </c>
      <c r="CM31" s="277">
        <v>0</v>
      </c>
      <c r="CN31" s="281">
        <v>0</v>
      </c>
      <c r="CO31" s="278">
        <v>0</v>
      </c>
      <c r="CP31" s="280">
        <v>0</v>
      </c>
      <c r="CQ31" s="281">
        <v>0</v>
      </c>
      <c r="CR31" s="281">
        <v>0</v>
      </c>
      <c r="CS31" s="281">
        <v>0</v>
      </c>
      <c r="CT31" s="281">
        <v>0</v>
      </c>
      <c r="CU31" s="281">
        <v>0</v>
      </c>
      <c r="CV31" s="278">
        <v>0</v>
      </c>
      <c r="CW31" s="283">
        <v>0</v>
      </c>
      <c r="CX31" s="277">
        <v>0</v>
      </c>
      <c r="CY31" s="281">
        <v>0</v>
      </c>
      <c r="CZ31" s="278">
        <v>0</v>
      </c>
      <c r="DA31" s="280">
        <v>0</v>
      </c>
      <c r="DB31" s="281">
        <v>0</v>
      </c>
      <c r="DC31" s="281">
        <v>0</v>
      </c>
      <c r="DD31" s="281">
        <v>0</v>
      </c>
      <c r="DE31" s="281">
        <v>0</v>
      </c>
      <c r="DF31" s="281">
        <v>0</v>
      </c>
      <c r="DG31" s="278">
        <v>0</v>
      </c>
      <c r="DH31" s="283">
        <v>0</v>
      </c>
    </row>
    <row r="32" spans="2:112" ht="18.75" customHeight="1" x14ac:dyDescent="0.2">
      <c r="B32" s="262" t="s">
        <v>30</v>
      </c>
      <c r="C32" s="277">
        <v>0</v>
      </c>
      <c r="D32" s="281">
        <v>0</v>
      </c>
      <c r="E32" s="385">
        <v>0</v>
      </c>
      <c r="F32" s="280">
        <v>0</v>
      </c>
      <c r="G32" s="281">
        <v>31</v>
      </c>
      <c r="H32" s="281">
        <v>22</v>
      </c>
      <c r="I32" s="281">
        <v>8</v>
      </c>
      <c r="J32" s="281">
        <v>33</v>
      </c>
      <c r="K32" s="281">
        <v>17</v>
      </c>
      <c r="L32" s="282">
        <v>111</v>
      </c>
      <c r="M32" s="283">
        <v>111</v>
      </c>
      <c r="N32" s="277">
        <v>0</v>
      </c>
      <c r="O32" s="281">
        <v>0</v>
      </c>
      <c r="P32" s="278">
        <v>0</v>
      </c>
      <c r="Q32" s="280">
        <v>0</v>
      </c>
      <c r="R32" s="281">
        <v>0</v>
      </c>
      <c r="S32" s="281">
        <v>0</v>
      </c>
      <c r="T32" s="281">
        <v>0</v>
      </c>
      <c r="U32" s="281">
        <v>9</v>
      </c>
      <c r="V32" s="281">
        <v>4</v>
      </c>
      <c r="W32" s="278">
        <v>13</v>
      </c>
      <c r="X32" s="283">
        <v>13</v>
      </c>
      <c r="Y32" s="277">
        <v>0</v>
      </c>
      <c r="Z32" s="281">
        <v>0</v>
      </c>
      <c r="AA32" s="278">
        <v>0</v>
      </c>
      <c r="AB32" s="280">
        <v>0</v>
      </c>
      <c r="AC32" s="281">
        <v>3</v>
      </c>
      <c r="AD32" s="281">
        <v>0</v>
      </c>
      <c r="AE32" s="281">
        <v>0</v>
      </c>
      <c r="AF32" s="281">
        <v>8</v>
      </c>
      <c r="AG32" s="281">
        <v>4</v>
      </c>
      <c r="AH32" s="278">
        <v>15</v>
      </c>
      <c r="AI32" s="283">
        <v>15</v>
      </c>
      <c r="AJ32" s="277">
        <v>0</v>
      </c>
      <c r="AK32" s="281">
        <v>0</v>
      </c>
      <c r="AL32" s="278">
        <v>0</v>
      </c>
      <c r="AM32" s="280">
        <v>0</v>
      </c>
      <c r="AN32" s="281">
        <v>0</v>
      </c>
      <c r="AO32" s="281">
        <v>0</v>
      </c>
      <c r="AP32" s="281">
        <v>0</v>
      </c>
      <c r="AQ32" s="281">
        <v>0</v>
      </c>
      <c r="AR32" s="281">
        <v>0</v>
      </c>
      <c r="AS32" s="278">
        <v>0</v>
      </c>
      <c r="AT32" s="283">
        <v>0</v>
      </c>
      <c r="AU32" s="277">
        <v>0</v>
      </c>
      <c r="AV32" s="281">
        <v>0</v>
      </c>
      <c r="AW32" s="278">
        <v>0</v>
      </c>
      <c r="AX32" s="280">
        <v>0</v>
      </c>
      <c r="AY32" s="281">
        <v>7</v>
      </c>
      <c r="AZ32" s="281">
        <v>0</v>
      </c>
      <c r="BA32" s="281">
        <v>0</v>
      </c>
      <c r="BB32" s="281">
        <v>15</v>
      </c>
      <c r="BC32" s="281">
        <v>0</v>
      </c>
      <c r="BD32" s="282">
        <v>22</v>
      </c>
      <c r="BE32" s="283">
        <v>22</v>
      </c>
      <c r="BF32" s="277">
        <v>0</v>
      </c>
      <c r="BG32" s="281">
        <v>0</v>
      </c>
      <c r="BH32" s="278">
        <v>0</v>
      </c>
      <c r="BI32" s="280">
        <v>0</v>
      </c>
      <c r="BJ32" s="281">
        <v>7</v>
      </c>
      <c r="BK32" s="281">
        <v>0</v>
      </c>
      <c r="BL32" s="281">
        <v>0</v>
      </c>
      <c r="BM32" s="281">
        <v>0</v>
      </c>
      <c r="BN32" s="281">
        <v>0</v>
      </c>
      <c r="BO32" s="278">
        <v>7</v>
      </c>
      <c r="BP32" s="283">
        <v>7</v>
      </c>
      <c r="BQ32" s="277">
        <v>0</v>
      </c>
      <c r="BR32" s="281">
        <v>0</v>
      </c>
      <c r="BS32" s="278">
        <v>0</v>
      </c>
      <c r="BT32" s="280">
        <v>0</v>
      </c>
      <c r="BU32" s="281">
        <v>4</v>
      </c>
      <c r="BV32" s="281">
        <v>0</v>
      </c>
      <c r="BW32" s="281">
        <v>0</v>
      </c>
      <c r="BX32" s="281">
        <v>4</v>
      </c>
      <c r="BY32" s="281">
        <v>0</v>
      </c>
      <c r="BZ32" s="278">
        <v>8</v>
      </c>
      <c r="CA32" s="283">
        <v>8</v>
      </c>
      <c r="CB32" s="277">
        <v>0</v>
      </c>
      <c r="CC32" s="281">
        <v>0</v>
      </c>
      <c r="CD32" s="278">
        <v>0</v>
      </c>
      <c r="CE32" s="280">
        <v>0</v>
      </c>
      <c r="CF32" s="281">
        <v>0</v>
      </c>
      <c r="CG32" s="281">
        <v>0</v>
      </c>
      <c r="CH32" s="281">
        <v>0</v>
      </c>
      <c r="CI32" s="281">
        <v>0</v>
      </c>
      <c r="CJ32" s="281">
        <v>0</v>
      </c>
      <c r="CK32" s="278">
        <v>0</v>
      </c>
      <c r="CL32" s="283">
        <v>0</v>
      </c>
      <c r="CM32" s="277">
        <v>0</v>
      </c>
      <c r="CN32" s="281">
        <v>0</v>
      </c>
      <c r="CO32" s="278">
        <v>0</v>
      </c>
      <c r="CP32" s="280">
        <v>0</v>
      </c>
      <c r="CQ32" s="281">
        <v>0</v>
      </c>
      <c r="CR32" s="281">
        <v>0</v>
      </c>
      <c r="CS32" s="281">
        <v>0</v>
      </c>
      <c r="CT32" s="281">
        <v>0</v>
      </c>
      <c r="CU32" s="281">
        <v>0</v>
      </c>
      <c r="CV32" s="278">
        <v>0</v>
      </c>
      <c r="CW32" s="283">
        <v>0</v>
      </c>
      <c r="CX32" s="277">
        <v>0</v>
      </c>
      <c r="CY32" s="281">
        <v>0</v>
      </c>
      <c r="CZ32" s="278">
        <v>0</v>
      </c>
      <c r="DA32" s="280">
        <v>0</v>
      </c>
      <c r="DB32" s="281">
        <v>0</v>
      </c>
      <c r="DC32" s="281">
        <v>0</v>
      </c>
      <c r="DD32" s="281">
        <v>0</v>
      </c>
      <c r="DE32" s="281">
        <v>0</v>
      </c>
      <c r="DF32" s="281">
        <v>0</v>
      </c>
      <c r="DG32" s="278">
        <v>0</v>
      </c>
      <c r="DH32" s="283">
        <v>0</v>
      </c>
    </row>
    <row r="33" spans="2:112" ht="18.75" customHeight="1" x14ac:dyDescent="0.2">
      <c r="B33" s="262" t="s">
        <v>31</v>
      </c>
      <c r="C33" s="277">
        <v>0</v>
      </c>
      <c r="D33" s="281">
        <v>0</v>
      </c>
      <c r="E33" s="385">
        <v>0</v>
      </c>
      <c r="F33" s="280">
        <v>0</v>
      </c>
      <c r="G33" s="281">
        <v>21</v>
      </c>
      <c r="H33" s="281">
        <v>15</v>
      </c>
      <c r="I33" s="281">
        <v>0</v>
      </c>
      <c r="J33" s="281">
        <v>0</v>
      </c>
      <c r="K33" s="281">
        <v>0</v>
      </c>
      <c r="L33" s="282">
        <v>36</v>
      </c>
      <c r="M33" s="283">
        <v>36</v>
      </c>
      <c r="N33" s="277">
        <v>0</v>
      </c>
      <c r="O33" s="281">
        <v>0</v>
      </c>
      <c r="P33" s="278">
        <v>0</v>
      </c>
      <c r="Q33" s="280">
        <v>0</v>
      </c>
      <c r="R33" s="281">
        <v>0</v>
      </c>
      <c r="S33" s="281">
        <v>4</v>
      </c>
      <c r="T33" s="281">
        <v>8</v>
      </c>
      <c r="U33" s="281">
        <v>0</v>
      </c>
      <c r="V33" s="281">
        <v>0</v>
      </c>
      <c r="W33" s="278">
        <v>12</v>
      </c>
      <c r="X33" s="283">
        <v>12</v>
      </c>
      <c r="Y33" s="277">
        <v>0</v>
      </c>
      <c r="Z33" s="281">
        <v>0</v>
      </c>
      <c r="AA33" s="278">
        <v>0</v>
      </c>
      <c r="AB33" s="280">
        <v>0</v>
      </c>
      <c r="AC33" s="281">
        <v>8</v>
      </c>
      <c r="AD33" s="281">
        <v>0</v>
      </c>
      <c r="AE33" s="281">
        <v>3</v>
      </c>
      <c r="AF33" s="281">
        <v>5</v>
      </c>
      <c r="AG33" s="281">
        <v>0</v>
      </c>
      <c r="AH33" s="278">
        <v>16</v>
      </c>
      <c r="AI33" s="283">
        <v>16</v>
      </c>
      <c r="AJ33" s="277">
        <v>0</v>
      </c>
      <c r="AK33" s="281">
        <v>0</v>
      </c>
      <c r="AL33" s="278">
        <v>0</v>
      </c>
      <c r="AM33" s="280">
        <v>0</v>
      </c>
      <c r="AN33" s="281">
        <v>23</v>
      </c>
      <c r="AO33" s="281">
        <v>15</v>
      </c>
      <c r="AP33" s="281">
        <v>0</v>
      </c>
      <c r="AQ33" s="281">
        <v>12</v>
      </c>
      <c r="AR33" s="281">
        <v>0</v>
      </c>
      <c r="AS33" s="278">
        <v>50</v>
      </c>
      <c r="AT33" s="283">
        <v>50</v>
      </c>
      <c r="AU33" s="277">
        <v>0</v>
      </c>
      <c r="AV33" s="281">
        <v>0</v>
      </c>
      <c r="AW33" s="278">
        <v>0</v>
      </c>
      <c r="AX33" s="280">
        <v>0</v>
      </c>
      <c r="AY33" s="281">
        <v>18</v>
      </c>
      <c r="AZ33" s="281">
        <v>51</v>
      </c>
      <c r="BA33" s="281">
        <v>0</v>
      </c>
      <c r="BB33" s="281">
        <v>0</v>
      </c>
      <c r="BC33" s="281">
        <v>0</v>
      </c>
      <c r="BD33" s="282">
        <v>69</v>
      </c>
      <c r="BE33" s="283">
        <v>69</v>
      </c>
      <c r="BF33" s="277">
        <v>0</v>
      </c>
      <c r="BG33" s="281">
        <v>0</v>
      </c>
      <c r="BH33" s="278">
        <v>0</v>
      </c>
      <c r="BI33" s="280">
        <v>0</v>
      </c>
      <c r="BJ33" s="281">
        <v>0</v>
      </c>
      <c r="BK33" s="281">
        <v>31</v>
      </c>
      <c r="BL33" s="281">
        <v>0</v>
      </c>
      <c r="BM33" s="281">
        <v>8</v>
      </c>
      <c r="BN33" s="281">
        <v>0</v>
      </c>
      <c r="BO33" s="278">
        <v>39</v>
      </c>
      <c r="BP33" s="283">
        <v>39</v>
      </c>
      <c r="BQ33" s="277">
        <v>0</v>
      </c>
      <c r="BR33" s="281">
        <v>0</v>
      </c>
      <c r="BS33" s="278">
        <v>0</v>
      </c>
      <c r="BT33" s="280">
        <v>0</v>
      </c>
      <c r="BU33" s="281">
        <v>7</v>
      </c>
      <c r="BV33" s="281">
        <v>10</v>
      </c>
      <c r="BW33" s="281">
        <v>0</v>
      </c>
      <c r="BX33" s="281">
        <v>0</v>
      </c>
      <c r="BY33" s="281">
        <v>0</v>
      </c>
      <c r="BZ33" s="278">
        <v>17</v>
      </c>
      <c r="CA33" s="283">
        <v>17</v>
      </c>
      <c r="CB33" s="277">
        <v>0</v>
      </c>
      <c r="CC33" s="281">
        <v>0</v>
      </c>
      <c r="CD33" s="278">
        <v>0</v>
      </c>
      <c r="CE33" s="280">
        <v>0</v>
      </c>
      <c r="CF33" s="281">
        <v>0</v>
      </c>
      <c r="CG33" s="281">
        <v>0</v>
      </c>
      <c r="CH33" s="281">
        <v>0</v>
      </c>
      <c r="CI33" s="281">
        <v>0</v>
      </c>
      <c r="CJ33" s="281">
        <v>0</v>
      </c>
      <c r="CK33" s="278">
        <v>0</v>
      </c>
      <c r="CL33" s="283">
        <v>0</v>
      </c>
      <c r="CM33" s="277">
        <v>0</v>
      </c>
      <c r="CN33" s="281">
        <v>0</v>
      </c>
      <c r="CO33" s="278">
        <v>0</v>
      </c>
      <c r="CP33" s="280">
        <v>0</v>
      </c>
      <c r="CQ33" s="281">
        <v>0</v>
      </c>
      <c r="CR33" s="281">
        <v>0</v>
      </c>
      <c r="CS33" s="281">
        <v>0</v>
      </c>
      <c r="CT33" s="281">
        <v>0</v>
      </c>
      <c r="CU33" s="281">
        <v>0</v>
      </c>
      <c r="CV33" s="278">
        <v>0</v>
      </c>
      <c r="CW33" s="283">
        <v>0</v>
      </c>
      <c r="CX33" s="277">
        <v>0</v>
      </c>
      <c r="CY33" s="281">
        <v>0</v>
      </c>
      <c r="CZ33" s="278">
        <v>0</v>
      </c>
      <c r="DA33" s="280">
        <v>0</v>
      </c>
      <c r="DB33" s="281">
        <v>0</v>
      </c>
      <c r="DC33" s="281">
        <v>0</v>
      </c>
      <c r="DD33" s="281">
        <v>0</v>
      </c>
      <c r="DE33" s="281">
        <v>0</v>
      </c>
      <c r="DF33" s="281">
        <v>0</v>
      </c>
      <c r="DG33" s="278">
        <v>0</v>
      </c>
      <c r="DH33" s="283">
        <v>0</v>
      </c>
    </row>
    <row r="34" spans="2:112" ht="18.75" customHeight="1" x14ac:dyDescent="0.2">
      <c r="B34" s="262" t="s">
        <v>32</v>
      </c>
      <c r="C34" s="277">
        <v>0</v>
      </c>
      <c r="D34" s="281">
        <v>0</v>
      </c>
      <c r="E34" s="385">
        <v>0</v>
      </c>
      <c r="F34" s="280">
        <v>0</v>
      </c>
      <c r="G34" s="281">
        <v>4</v>
      </c>
      <c r="H34" s="281">
        <v>40</v>
      </c>
      <c r="I34" s="281">
        <v>17</v>
      </c>
      <c r="J34" s="281">
        <v>131</v>
      </c>
      <c r="K34" s="281">
        <v>0</v>
      </c>
      <c r="L34" s="282">
        <v>192</v>
      </c>
      <c r="M34" s="283">
        <v>192</v>
      </c>
      <c r="N34" s="277">
        <v>0</v>
      </c>
      <c r="O34" s="281">
        <v>0</v>
      </c>
      <c r="P34" s="278">
        <v>0</v>
      </c>
      <c r="Q34" s="280">
        <v>0</v>
      </c>
      <c r="R34" s="281">
        <v>0</v>
      </c>
      <c r="S34" s="281">
        <v>0</v>
      </c>
      <c r="T34" s="281">
        <v>0</v>
      </c>
      <c r="U34" s="281">
        <v>0</v>
      </c>
      <c r="V34" s="281">
        <v>0</v>
      </c>
      <c r="W34" s="278">
        <v>0</v>
      </c>
      <c r="X34" s="283">
        <v>0</v>
      </c>
      <c r="Y34" s="277">
        <v>0</v>
      </c>
      <c r="Z34" s="281">
        <v>2</v>
      </c>
      <c r="AA34" s="278">
        <v>2</v>
      </c>
      <c r="AB34" s="280">
        <v>0</v>
      </c>
      <c r="AC34" s="281">
        <v>18</v>
      </c>
      <c r="AD34" s="281">
        <v>0</v>
      </c>
      <c r="AE34" s="281">
        <v>14</v>
      </c>
      <c r="AF34" s="281">
        <v>4</v>
      </c>
      <c r="AG34" s="281">
        <v>0</v>
      </c>
      <c r="AH34" s="278">
        <v>36</v>
      </c>
      <c r="AI34" s="283">
        <v>38</v>
      </c>
      <c r="AJ34" s="277">
        <v>0</v>
      </c>
      <c r="AK34" s="281">
        <v>0</v>
      </c>
      <c r="AL34" s="278">
        <v>0</v>
      </c>
      <c r="AM34" s="280">
        <v>0</v>
      </c>
      <c r="AN34" s="281">
        <v>0</v>
      </c>
      <c r="AO34" s="281">
        <v>27</v>
      </c>
      <c r="AP34" s="281">
        <v>0</v>
      </c>
      <c r="AQ34" s="281">
        <v>0</v>
      </c>
      <c r="AR34" s="281">
        <v>0</v>
      </c>
      <c r="AS34" s="278">
        <v>27</v>
      </c>
      <c r="AT34" s="283">
        <v>27</v>
      </c>
      <c r="AU34" s="277">
        <v>0</v>
      </c>
      <c r="AV34" s="281">
        <v>0</v>
      </c>
      <c r="AW34" s="278">
        <v>0</v>
      </c>
      <c r="AX34" s="280">
        <v>0</v>
      </c>
      <c r="AY34" s="281">
        <v>34</v>
      </c>
      <c r="AZ34" s="281">
        <v>9</v>
      </c>
      <c r="BA34" s="281">
        <v>4</v>
      </c>
      <c r="BB34" s="281">
        <v>0</v>
      </c>
      <c r="BC34" s="281">
        <v>11</v>
      </c>
      <c r="BD34" s="282">
        <v>58</v>
      </c>
      <c r="BE34" s="283">
        <v>58</v>
      </c>
      <c r="BF34" s="277">
        <v>0</v>
      </c>
      <c r="BG34" s="281">
        <v>0</v>
      </c>
      <c r="BH34" s="278">
        <v>0</v>
      </c>
      <c r="BI34" s="280">
        <v>0</v>
      </c>
      <c r="BJ34" s="281">
        <v>15</v>
      </c>
      <c r="BK34" s="281">
        <v>0</v>
      </c>
      <c r="BL34" s="281">
        <v>0</v>
      </c>
      <c r="BM34" s="281">
        <v>0</v>
      </c>
      <c r="BN34" s="281">
        <v>7</v>
      </c>
      <c r="BO34" s="278">
        <v>22</v>
      </c>
      <c r="BP34" s="283">
        <v>22</v>
      </c>
      <c r="BQ34" s="277">
        <v>0</v>
      </c>
      <c r="BR34" s="281">
        <v>0</v>
      </c>
      <c r="BS34" s="278">
        <v>0</v>
      </c>
      <c r="BT34" s="280">
        <v>0</v>
      </c>
      <c r="BU34" s="281">
        <v>2</v>
      </c>
      <c r="BV34" s="281">
        <v>0</v>
      </c>
      <c r="BW34" s="281">
        <v>3</v>
      </c>
      <c r="BX34" s="281">
        <v>0</v>
      </c>
      <c r="BY34" s="281">
        <v>6</v>
      </c>
      <c r="BZ34" s="278">
        <v>11</v>
      </c>
      <c r="CA34" s="283">
        <v>11</v>
      </c>
      <c r="CB34" s="277">
        <v>0</v>
      </c>
      <c r="CC34" s="281">
        <v>0</v>
      </c>
      <c r="CD34" s="278">
        <v>0</v>
      </c>
      <c r="CE34" s="280">
        <v>0</v>
      </c>
      <c r="CF34" s="281">
        <v>4</v>
      </c>
      <c r="CG34" s="281">
        <v>0</v>
      </c>
      <c r="CH34" s="281">
        <v>0</v>
      </c>
      <c r="CI34" s="281">
        <v>0</v>
      </c>
      <c r="CJ34" s="281">
        <v>0</v>
      </c>
      <c r="CK34" s="278">
        <v>4</v>
      </c>
      <c r="CL34" s="283">
        <v>4</v>
      </c>
      <c r="CM34" s="277">
        <v>0</v>
      </c>
      <c r="CN34" s="281">
        <v>0</v>
      </c>
      <c r="CO34" s="278">
        <v>0</v>
      </c>
      <c r="CP34" s="280">
        <v>0</v>
      </c>
      <c r="CQ34" s="281">
        <v>0</v>
      </c>
      <c r="CR34" s="281">
        <v>0</v>
      </c>
      <c r="CS34" s="281">
        <v>0</v>
      </c>
      <c r="CT34" s="281">
        <v>0</v>
      </c>
      <c r="CU34" s="281">
        <v>0</v>
      </c>
      <c r="CV34" s="278">
        <v>0</v>
      </c>
      <c r="CW34" s="283">
        <v>0</v>
      </c>
      <c r="CX34" s="277">
        <v>0</v>
      </c>
      <c r="CY34" s="281">
        <v>0</v>
      </c>
      <c r="CZ34" s="278">
        <v>0</v>
      </c>
      <c r="DA34" s="280">
        <v>0</v>
      </c>
      <c r="DB34" s="281">
        <v>0</v>
      </c>
      <c r="DC34" s="281">
        <v>0</v>
      </c>
      <c r="DD34" s="281">
        <v>0</v>
      </c>
      <c r="DE34" s="281">
        <v>0</v>
      </c>
      <c r="DF34" s="281">
        <v>0</v>
      </c>
      <c r="DG34" s="278">
        <v>0</v>
      </c>
      <c r="DH34" s="283">
        <v>0</v>
      </c>
    </row>
    <row r="35" spans="2:112" ht="18.75" customHeight="1" x14ac:dyDescent="0.2">
      <c r="B35" s="262" t="s">
        <v>33</v>
      </c>
      <c r="C35" s="277">
        <v>0</v>
      </c>
      <c r="D35" s="281">
        <v>0</v>
      </c>
      <c r="E35" s="385">
        <v>0</v>
      </c>
      <c r="F35" s="280">
        <v>0</v>
      </c>
      <c r="G35" s="281">
        <v>8</v>
      </c>
      <c r="H35" s="281">
        <v>0</v>
      </c>
      <c r="I35" s="281">
        <v>0</v>
      </c>
      <c r="J35" s="281">
        <v>0</v>
      </c>
      <c r="K35" s="281">
        <v>0</v>
      </c>
      <c r="L35" s="282">
        <v>8</v>
      </c>
      <c r="M35" s="283">
        <v>8</v>
      </c>
      <c r="N35" s="277">
        <v>0</v>
      </c>
      <c r="O35" s="281">
        <v>0</v>
      </c>
      <c r="P35" s="278">
        <v>0</v>
      </c>
      <c r="Q35" s="280">
        <v>0</v>
      </c>
      <c r="R35" s="281">
        <v>0</v>
      </c>
      <c r="S35" s="281">
        <v>0</v>
      </c>
      <c r="T35" s="281">
        <v>0</v>
      </c>
      <c r="U35" s="281">
        <v>0</v>
      </c>
      <c r="V35" s="281">
        <v>0</v>
      </c>
      <c r="W35" s="278">
        <v>0</v>
      </c>
      <c r="X35" s="283">
        <v>0</v>
      </c>
      <c r="Y35" s="277">
        <v>0</v>
      </c>
      <c r="Z35" s="281">
        <v>0</v>
      </c>
      <c r="AA35" s="278">
        <v>0</v>
      </c>
      <c r="AB35" s="280">
        <v>0</v>
      </c>
      <c r="AC35" s="281">
        <v>18</v>
      </c>
      <c r="AD35" s="281">
        <v>0</v>
      </c>
      <c r="AE35" s="281">
        <v>0</v>
      </c>
      <c r="AF35" s="281">
        <v>0</v>
      </c>
      <c r="AG35" s="281">
        <v>0</v>
      </c>
      <c r="AH35" s="278">
        <v>18</v>
      </c>
      <c r="AI35" s="283">
        <v>18</v>
      </c>
      <c r="AJ35" s="277">
        <v>17</v>
      </c>
      <c r="AK35" s="281">
        <v>21</v>
      </c>
      <c r="AL35" s="278">
        <v>38</v>
      </c>
      <c r="AM35" s="280">
        <v>0</v>
      </c>
      <c r="AN35" s="281">
        <v>3</v>
      </c>
      <c r="AO35" s="281">
        <v>0</v>
      </c>
      <c r="AP35" s="281">
        <v>0</v>
      </c>
      <c r="AQ35" s="281">
        <v>0</v>
      </c>
      <c r="AR35" s="281">
        <v>0</v>
      </c>
      <c r="AS35" s="278">
        <v>3</v>
      </c>
      <c r="AT35" s="283">
        <v>41</v>
      </c>
      <c r="AU35" s="277">
        <v>0</v>
      </c>
      <c r="AV35" s="281">
        <v>0</v>
      </c>
      <c r="AW35" s="278">
        <v>0</v>
      </c>
      <c r="AX35" s="280">
        <v>0</v>
      </c>
      <c r="AY35" s="281">
        <v>4</v>
      </c>
      <c r="AZ35" s="281">
        <v>0</v>
      </c>
      <c r="BA35" s="281">
        <v>0</v>
      </c>
      <c r="BB35" s="281">
        <v>0</v>
      </c>
      <c r="BC35" s="281">
        <v>0</v>
      </c>
      <c r="BD35" s="282">
        <v>4</v>
      </c>
      <c r="BE35" s="283">
        <v>4</v>
      </c>
      <c r="BF35" s="277">
        <v>0</v>
      </c>
      <c r="BG35" s="281">
        <v>0</v>
      </c>
      <c r="BH35" s="278">
        <v>0</v>
      </c>
      <c r="BI35" s="280">
        <v>0</v>
      </c>
      <c r="BJ35" s="281">
        <v>3</v>
      </c>
      <c r="BK35" s="281">
        <v>7</v>
      </c>
      <c r="BL35" s="281">
        <v>0</v>
      </c>
      <c r="BM35" s="281">
        <v>0</v>
      </c>
      <c r="BN35" s="281">
        <v>0</v>
      </c>
      <c r="BO35" s="278">
        <v>10</v>
      </c>
      <c r="BP35" s="283">
        <v>10</v>
      </c>
      <c r="BQ35" s="277">
        <v>0</v>
      </c>
      <c r="BR35" s="281">
        <v>0</v>
      </c>
      <c r="BS35" s="278">
        <v>0</v>
      </c>
      <c r="BT35" s="280">
        <v>0</v>
      </c>
      <c r="BU35" s="281">
        <v>0</v>
      </c>
      <c r="BV35" s="281">
        <v>0</v>
      </c>
      <c r="BW35" s="281">
        <v>0</v>
      </c>
      <c r="BX35" s="281">
        <v>0</v>
      </c>
      <c r="BY35" s="281">
        <v>0</v>
      </c>
      <c r="BZ35" s="278">
        <v>0</v>
      </c>
      <c r="CA35" s="283">
        <v>0</v>
      </c>
      <c r="CB35" s="277">
        <v>0</v>
      </c>
      <c r="CC35" s="281">
        <v>0</v>
      </c>
      <c r="CD35" s="278">
        <v>0</v>
      </c>
      <c r="CE35" s="280">
        <v>0</v>
      </c>
      <c r="CF35" s="281">
        <v>0</v>
      </c>
      <c r="CG35" s="281">
        <v>0</v>
      </c>
      <c r="CH35" s="281">
        <v>6</v>
      </c>
      <c r="CI35" s="281">
        <v>0</v>
      </c>
      <c r="CJ35" s="281">
        <v>0</v>
      </c>
      <c r="CK35" s="278">
        <v>6</v>
      </c>
      <c r="CL35" s="283">
        <v>6</v>
      </c>
      <c r="CM35" s="277">
        <v>0</v>
      </c>
      <c r="CN35" s="281">
        <v>0</v>
      </c>
      <c r="CO35" s="278">
        <v>0</v>
      </c>
      <c r="CP35" s="280">
        <v>0</v>
      </c>
      <c r="CQ35" s="281">
        <v>0</v>
      </c>
      <c r="CR35" s="281">
        <v>0</v>
      </c>
      <c r="CS35" s="281">
        <v>0</v>
      </c>
      <c r="CT35" s="281">
        <v>0</v>
      </c>
      <c r="CU35" s="281">
        <v>0</v>
      </c>
      <c r="CV35" s="278">
        <v>0</v>
      </c>
      <c r="CW35" s="283">
        <v>0</v>
      </c>
      <c r="CX35" s="277">
        <v>0</v>
      </c>
      <c r="CY35" s="281">
        <v>0</v>
      </c>
      <c r="CZ35" s="278">
        <v>0</v>
      </c>
      <c r="DA35" s="280">
        <v>0</v>
      </c>
      <c r="DB35" s="281">
        <v>0</v>
      </c>
      <c r="DC35" s="281">
        <v>0</v>
      </c>
      <c r="DD35" s="281">
        <v>0</v>
      </c>
      <c r="DE35" s="281">
        <v>0</v>
      </c>
      <c r="DF35" s="281">
        <v>0</v>
      </c>
      <c r="DG35" s="278">
        <v>0</v>
      </c>
      <c r="DH35" s="283">
        <v>0</v>
      </c>
    </row>
    <row r="36" spans="2:112" ht="18.75" customHeight="1" x14ac:dyDescent="0.2">
      <c r="B36" s="262" t="s">
        <v>34</v>
      </c>
      <c r="C36" s="277">
        <v>0</v>
      </c>
      <c r="D36" s="281">
        <v>0</v>
      </c>
      <c r="E36" s="385">
        <v>0</v>
      </c>
      <c r="F36" s="280">
        <v>0</v>
      </c>
      <c r="G36" s="281">
        <v>4</v>
      </c>
      <c r="H36" s="281">
        <v>0</v>
      </c>
      <c r="I36" s="281">
        <v>0</v>
      </c>
      <c r="J36" s="281">
        <v>0</v>
      </c>
      <c r="K36" s="281">
        <v>0</v>
      </c>
      <c r="L36" s="282">
        <v>4</v>
      </c>
      <c r="M36" s="283">
        <v>4</v>
      </c>
      <c r="N36" s="277">
        <v>0</v>
      </c>
      <c r="O36" s="281">
        <v>0</v>
      </c>
      <c r="P36" s="278">
        <v>0</v>
      </c>
      <c r="Q36" s="280">
        <v>0</v>
      </c>
      <c r="R36" s="281">
        <v>0</v>
      </c>
      <c r="S36" s="281">
        <v>0</v>
      </c>
      <c r="T36" s="281">
        <v>0</v>
      </c>
      <c r="U36" s="281">
        <v>0</v>
      </c>
      <c r="V36" s="281">
        <v>0</v>
      </c>
      <c r="W36" s="278">
        <v>0</v>
      </c>
      <c r="X36" s="283">
        <v>0</v>
      </c>
      <c r="Y36" s="277">
        <v>0</v>
      </c>
      <c r="Z36" s="281">
        <v>9</v>
      </c>
      <c r="AA36" s="278">
        <v>9</v>
      </c>
      <c r="AB36" s="280">
        <v>0</v>
      </c>
      <c r="AC36" s="281">
        <v>0</v>
      </c>
      <c r="AD36" s="281">
        <v>2</v>
      </c>
      <c r="AE36" s="281">
        <v>0</v>
      </c>
      <c r="AF36" s="281">
        <v>0</v>
      </c>
      <c r="AG36" s="281">
        <v>0</v>
      </c>
      <c r="AH36" s="278">
        <v>2</v>
      </c>
      <c r="AI36" s="283">
        <v>11</v>
      </c>
      <c r="AJ36" s="277">
        <v>0</v>
      </c>
      <c r="AK36" s="281">
        <v>0</v>
      </c>
      <c r="AL36" s="278">
        <v>0</v>
      </c>
      <c r="AM36" s="280">
        <v>0</v>
      </c>
      <c r="AN36" s="281">
        <v>0</v>
      </c>
      <c r="AO36" s="281">
        <v>20</v>
      </c>
      <c r="AP36" s="281">
        <v>2</v>
      </c>
      <c r="AQ36" s="281">
        <v>0</v>
      </c>
      <c r="AR36" s="281">
        <v>0</v>
      </c>
      <c r="AS36" s="278">
        <v>22</v>
      </c>
      <c r="AT36" s="283">
        <v>22</v>
      </c>
      <c r="AU36" s="277">
        <v>0</v>
      </c>
      <c r="AV36" s="281">
        <v>0</v>
      </c>
      <c r="AW36" s="278">
        <v>0</v>
      </c>
      <c r="AX36" s="280">
        <v>0</v>
      </c>
      <c r="AY36" s="281">
        <v>0</v>
      </c>
      <c r="AZ36" s="281">
        <v>0</v>
      </c>
      <c r="BA36" s="281">
        <v>0</v>
      </c>
      <c r="BB36" s="281">
        <v>0</v>
      </c>
      <c r="BC36" s="281">
        <v>0</v>
      </c>
      <c r="BD36" s="282">
        <v>0</v>
      </c>
      <c r="BE36" s="283">
        <v>0</v>
      </c>
      <c r="BF36" s="277">
        <v>0</v>
      </c>
      <c r="BG36" s="281">
        <v>0</v>
      </c>
      <c r="BH36" s="278">
        <v>0</v>
      </c>
      <c r="BI36" s="280">
        <v>0</v>
      </c>
      <c r="BJ36" s="281">
        <v>7</v>
      </c>
      <c r="BK36" s="281">
        <v>7</v>
      </c>
      <c r="BL36" s="281">
        <v>0</v>
      </c>
      <c r="BM36" s="281">
        <v>0</v>
      </c>
      <c r="BN36" s="281">
        <v>0</v>
      </c>
      <c r="BO36" s="278">
        <v>14</v>
      </c>
      <c r="BP36" s="283">
        <v>14</v>
      </c>
      <c r="BQ36" s="277">
        <v>0</v>
      </c>
      <c r="BR36" s="281">
        <v>0</v>
      </c>
      <c r="BS36" s="278">
        <v>0</v>
      </c>
      <c r="BT36" s="280">
        <v>0</v>
      </c>
      <c r="BU36" s="281">
        <v>0</v>
      </c>
      <c r="BV36" s="281">
        <v>0</v>
      </c>
      <c r="BW36" s="281">
        <v>0</v>
      </c>
      <c r="BX36" s="281">
        <v>0</v>
      </c>
      <c r="BY36" s="281">
        <v>0</v>
      </c>
      <c r="BZ36" s="278">
        <v>0</v>
      </c>
      <c r="CA36" s="283">
        <v>0</v>
      </c>
      <c r="CB36" s="277">
        <v>0</v>
      </c>
      <c r="CC36" s="281">
        <v>0</v>
      </c>
      <c r="CD36" s="278">
        <v>0</v>
      </c>
      <c r="CE36" s="280">
        <v>0</v>
      </c>
      <c r="CF36" s="281">
        <v>0</v>
      </c>
      <c r="CG36" s="281">
        <v>0</v>
      </c>
      <c r="CH36" s="281">
        <v>0</v>
      </c>
      <c r="CI36" s="281">
        <v>0</v>
      </c>
      <c r="CJ36" s="281">
        <v>0</v>
      </c>
      <c r="CK36" s="278">
        <v>0</v>
      </c>
      <c r="CL36" s="283">
        <v>0</v>
      </c>
      <c r="CM36" s="277">
        <v>0</v>
      </c>
      <c r="CN36" s="281">
        <v>0</v>
      </c>
      <c r="CO36" s="278">
        <v>0</v>
      </c>
      <c r="CP36" s="280">
        <v>0</v>
      </c>
      <c r="CQ36" s="281">
        <v>0</v>
      </c>
      <c r="CR36" s="281">
        <v>0</v>
      </c>
      <c r="CS36" s="281">
        <v>0</v>
      </c>
      <c r="CT36" s="281">
        <v>0</v>
      </c>
      <c r="CU36" s="281">
        <v>0</v>
      </c>
      <c r="CV36" s="278">
        <v>0</v>
      </c>
      <c r="CW36" s="283">
        <v>0</v>
      </c>
      <c r="CX36" s="277">
        <v>0</v>
      </c>
      <c r="CY36" s="281">
        <v>0</v>
      </c>
      <c r="CZ36" s="278">
        <v>0</v>
      </c>
      <c r="DA36" s="280">
        <v>0</v>
      </c>
      <c r="DB36" s="281">
        <v>0</v>
      </c>
      <c r="DC36" s="281">
        <v>0</v>
      </c>
      <c r="DD36" s="281">
        <v>0</v>
      </c>
      <c r="DE36" s="281">
        <v>0</v>
      </c>
      <c r="DF36" s="281">
        <v>0</v>
      </c>
      <c r="DG36" s="278">
        <v>0</v>
      </c>
      <c r="DH36" s="283">
        <v>0</v>
      </c>
    </row>
    <row r="37" spans="2:112" ht="18.75" customHeight="1" x14ac:dyDescent="0.2">
      <c r="B37" s="262" t="s">
        <v>35</v>
      </c>
      <c r="C37" s="277">
        <v>0</v>
      </c>
      <c r="D37" s="281">
        <v>0</v>
      </c>
      <c r="E37" s="385">
        <v>0</v>
      </c>
      <c r="F37" s="280">
        <v>0</v>
      </c>
      <c r="G37" s="281">
        <v>112</v>
      </c>
      <c r="H37" s="281">
        <v>9</v>
      </c>
      <c r="I37" s="281">
        <v>71</v>
      </c>
      <c r="J37" s="281">
        <v>0</v>
      </c>
      <c r="K37" s="281">
        <v>80</v>
      </c>
      <c r="L37" s="282">
        <v>272</v>
      </c>
      <c r="M37" s="283">
        <v>272</v>
      </c>
      <c r="N37" s="277">
        <v>0</v>
      </c>
      <c r="O37" s="281">
        <v>0</v>
      </c>
      <c r="P37" s="278">
        <v>0</v>
      </c>
      <c r="Q37" s="280">
        <v>0</v>
      </c>
      <c r="R37" s="281">
        <v>0</v>
      </c>
      <c r="S37" s="281">
        <v>0</v>
      </c>
      <c r="T37" s="281">
        <v>0</v>
      </c>
      <c r="U37" s="281">
        <v>0</v>
      </c>
      <c r="V37" s="281">
        <v>9</v>
      </c>
      <c r="W37" s="278">
        <v>9</v>
      </c>
      <c r="X37" s="283">
        <v>9</v>
      </c>
      <c r="Y37" s="277">
        <v>0</v>
      </c>
      <c r="Z37" s="281">
        <v>0</v>
      </c>
      <c r="AA37" s="278">
        <v>0</v>
      </c>
      <c r="AB37" s="280">
        <v>0</v>
      </c>
      <c r="AC37" s="281">
        <v>13</v>
      </c>
      <c r="AD37" s="281">
        <v>0</v>
      </c>
      <c r="AE37" s="281">
        <v>0</v>
      </c>
      <c r="AF37" s="281">
        <v>0</v>
      </c>
      <c r="AG37" s="281">
        <v>0</v>
      </c>
      <c r="AH37" s="278">
        <v>13</v>
      </c>
      <c r="AI37" s="283">
        <v>13</v>
      </c>
      <c r="AJ37" s="277">
        <v>0</v>
      </c>
      <c r="AK37" s="281">
        <v>0</v>
      </c>
      <c r="AL37" s="278">
        <v>0</v>
      </c>
      <c r="AM37" s="280">
        <v>0</v>
      </c>
      <c r="AN37" s="281">
        <v>22</v>
      </c>
      <c r="AO37" s="281">
        <v>12</v>
      </c>
      <c r="AP37" s="281">
        <v>24</v>
      </c>
      <c r="AQ37" s="281">
        <v>0</v>
      </c>
      <c r="AR37" s="281">
        <v>0</v>
      </c>
      <c r="AS37" s="278">
        <v>58</v>
      </c>
      <c r="AT37" s="283">
        <v>58</v>
      </c>
      <c r="AU37" s="277">
        <v>0</v>
      </c>
      <c r="AV37" s="281">
        <v>0</v>
      </c>
      <c r="AW37" s="278">
        <v>0</v>
      </c>
      <c r="AX37" s="280">
        <v>0</v>
      </c>
      <c r="AY37" s="281">
        <v>127</v>
      </c>
      <c r="AZ37" s="281">
        <v>67</v>
      </c>
      <c r="BA37" s="281">
        <v>12</v>
      </c>
      <c r="BB37" s="281">
        <v>0</v>
      </c>
      <c r="BC37" s="281">
        <v>0</v>
      </c>
      <c r="BD37" s="282">
        <v>206</v>
      </c>
      <c r="BE37" s="283">
        <v>206</v>
      </c>
      <c r="BF37" s="277">
        <v>0</v>
      </c>
      <c r="BG37" s="281">
        <v>0</v>
      </c>
      <c r="BH37" s="278">
        <v>0</v>
      </c>
      <c r="BI37" s="280">
        <v>0</v>
      </c>
      <c r="BJ37" s="281">
        <v>9</v>
      </c>
      <c r="BK37" s="281">
        <v>0</v>
      </c>
      <c r="BL37" s="281">
        <v>0</v>
      </c>
      <c r="BM37" s="281">
        <v>17</v>
      </c>
      <c r="BN37" s="281">
        <v>0</v>
      </c>
      <c r="BO37" s="278">
        <v>26</v>
      </c>
      <c r="BP37" s="283">
        <v>26</v>
      </c>
      <c r="BQ37" s="277">
        <v>0</v>
      </c>
      <c r="BR37" s="281">
        <v>0</v>
      </c>
      <c r="BS37" s="278">
        <v>0</v>
      </c>
      <c r="BT37" s="280">
        <v>0</v>
      </c>
      <c r="BU37" s="281">
        <v>0</v>
      </c>
      <c r="BV37" s="281">
        <v>0</v>
      </c>
      <c r="BW37" s="281">
        <v>4</v>
      </c>
      <c r="BX37" s="281">
        <v>0</v>
      </c>
      <c r="BY37" s="281">
        <v>0</v>
      </c>
      <c r="BZ37" s="278">
        <v>4</v>
      </c>
      <c r="CA37" s="283">
        <v>4</v>
      </c>
      <c r="CB37" s="277">
        <v>0</v>
      </c>
      <c r="CC37" s="281">
        <v>0</v>
      </c>
      <c r="CD37" s="278">
        <v>0</v>
      </c>
      <c r="CE37" s="280">
        <v>0</v>
      </c>
      <c r="CF37" s="281">
        <v>0</v>
      </c>
      <c r="CG37" s="281">
        <v>0</v>
      </c>
      <c r="CH37" s="281">
        <v>0</v>
      </c>
      <c r="CI37" s="281">
        <v>0</v>
      </c>
      <c r="CJ37" s="281">
        <v>0</v>
      </c>
      <c r="CK37" s="278">
        <v>0</v>
      </c>
      <c r="CL37" s="283">
        <v>0</v>
      </c>
      <c r="CM37" s="277">
        <v>0</v>
      </c>
      <c r="CN37" s="281">
        <v>0</v>
      </c>
      <c r="CO37" s="278">
        <v>0</v>
      </c>
      <c r="CP37" s="280">
        <v>0</v>
      </c>
      <c r="CQ37" s="281">
        <v>0</v>
      </c>
      <c r="CR37" s="281">
        <v>0</v>
      </c>
      <c r="CS37" s="281">
        <v>0</v>
      </c>
      <c r="CT37" s="281">
        <v>0</v>
      </c>
      <c r="CU37" s="281">
        <v>0</v>
      </c>
      <c r="CV37" s="278">
        <v>0</v>
      </c>
      <c r="CW37" s="283">
        <v>0</v>
      </c>
      <c r="CX37" s="277">
        <v>0</v>
      </c>
      <c r="CY37" s="281">
        <v>0</v>
      </c>
      <c r="CZ37" s="278">
        <v>0</v>
      </c>
      <c r="DA37" s="280">
        <v>0</v>
      </c>
      <c r="DB37" s="281">
        <v>0</v>
      </c>
      <c r="DC37" s="281">
        <v>0</v>
      </c>
      <c r="DD37" s="281">
        <v>0</v>
      </c>
      <c r="DE37" s="281">
        <v>0</v>
      </c>
      <c r="DF37" s="281">
        <v>0</v>
      </c>
      <c r="DG37" s="278">
        <v>0</v>
      </c>
      <c r="DH37" s="283">
        <v>0</v>
      </c>
    </row>
    <row r="38" spans="2:112" ht="18.75" customHeight="1" x14ac:dyDescent="0.2">
      <c r="B38" s="262" t="s">
        <v>36</v>
      </c>
      <c r="C38" s="277">
        <v>0</v>
      </c>
      <c r="D38" s="281">
        <v>0</v>
      </c>
      <c r="E38" s="385">
        <v>0</v>
      </c>
      <c r="F38" s="280">
        <v>0</v>
      </c>
      <c r="G38" s="281">
        <v>50</v>
      </c>
      <c r="H38" s="281">
        <v>34</v>
      </c>
      <c r="I38" s="281">
        <v>0</v>
      </c>
      <c r="J38" s="281">
        <v>0</v>
      </c>
      <c r="K38" s="281">
        <v>0</v>
      </c>
      <c r="L38" s="282">
        <v>84</v>
      </c>
      <c r="M38" s="283">
        <v>84</v>
      </c>
      <c r="N38" s="277">
        <v>0</v>
      </c>
      <c r="O38" s="281">
        <v>0</v>
      </c>
      <c r="P38" s="278">
        <v>0</v>
      </c>
      <c r="Q38" s="280">
        <v>0</v>
      </c>
      <c r="R38" s="281">
        <v>0</v>
      </c>
      <c r="S38" s="281">
        <v>0</v>
      </c>
      <c r="T38" s="281">
        <v>0</v>
      </c>
      <c r="U38" s="281">
        <v>4</v>
      </c>
      <c r="V38" s="281">
        <v>0</v>
      </c>
      <c r="W38" s="278">
        <v>4</v>
      </c>
      <c r="X38" s="283">
        <v>4</v>
      </c>
      <c r="Y38" s="277">
        <v>0</v>
      </c>
      <c r="Z38" s="281">
        <v>0</v>
      </c>
      <c r="AA38" s="278">
        <v>0</v>
      </c>
      <c r="AB38" s="280">
        <v>0</v>
      </c>
      <c r="AC38" s="281">
        <v>13</v>
      </c>
      <c r="AD38" s="281">
        <v>0</v>
      </c>
      <c r="AE38" s="281">
        <v>15</v>
      </c>
      <c r="AF38" s="281">
        <v>13</v>
      </c>
      <c r="AG38" s="281">
        <v>0</v>
      </c>
      <c r="AH38" s="278">
        <v>41</v>
      </c>
      <c r="AI38" s="283">
        <v>41</v>
      </c>
      <c r="AJ38" s="277">
        <v>0</v>
      </c>
      <c r="AK38" s="281">
        <v>0</v>
      </c>
      <c r="AL38" s="278">
        <v>0</v>
      </c>
      <c r="AM38" s="280">
        <v>0</v>
      </c>
      <c r="AN38" s="281">
        <v>0</v>
      </c>
      <c r="AO38" s="281">
        <v>0</v>
      </c>
      <c r="AP38" s="281">
        <v>0</v>
      </c>
      <c r="AQ38" s="281">
        <v>0</v>
      </c>
      <c r="AR38" s="281">
        <v>0</v>
      </c>
      <c r="AS38" s="278">
        <v>0</v>
      </c>
      <c r="AT38" s="283">
        <v>0</v>
      </c>
      <c r="AU38" s="277">
        <v>0</v>
      </c>
      <c r="AV38" s="281">
        <v>0</v>
      </c>
      <c r="AW38" s="278">
        <v>0</v>
      </c>
      <c r="AX38" s="280">
        <v>0</v>
      </c>
      <c r="AY38" s="281">
        <v>11</v>
      </c>
      <c r="AZ38" s="281">
        <v>23</v>
      </c>
      <c r="BA38" s="281">
        <v>0</v>
      </c>
      <c r="BB38" s="281">
        <v>3</v>
      </c>
      <c r="BC38" s="281">
        <v>0</v>
      </c>
      <c r="BD38" s="282">
        <v>37</v>
      </c>
      <c r="BE38" s="283">
        <v>37</v>
      </c>
      <c r="BF38" s="277">
        <v>0</v>
      </c>
      <c r="BG38" s="281">
        <v>0</v>
      </c>
      <c r="BH38" s="278">
        <v>0</v>
      </c>
      <c r="BI38" s="280">
        <v>0</v>
      </c>
      <c r="BJ38" s="281">
        <v>0</v>
      </c>
      <c r="BK38" s="281">
        <v>10</v>
      </c>
      <c r="BL38" s="281">
        <v>0</v>
      </c>
      <c r="BM38" s="281">
        <v>0</v>
      </c>
      <c r="BN38" s="281">
        <v>0</v>
      </c>
      <c r="BO38" s="278">
        <v>10</v>
      </c>
      <c r="BP38" s="283">
        <v>10</v>
      </c>
      <c r="BQ38" s="277">
        <v>0</v>
      </c>
      <c r="BR38" s="281">
        <v>0</v>
      </c>
      <c r="BS38" s="278">
        <v>0</v>
      </c>
      <c r="BT38" s="280">
        <v>0</v>
      </c>
      <c r="BU38" s="281">
        <v>26</v>
      </c>
      <c r="BV38" s="281">
        <v>0</v>
      </c>
      <c r="BW38" s="281">
        <v>30</v>
      </c>
      <c r="BX38" s="281">
        <v>5</v>
      </c>
      <c r="BY38" s="281">
        <v>0</v>
      </c>
      <c r="BZ38" s="278">
        <v>61</v>
      </c>
      <c r="CA38" s="283">
        <v>61</v>
      </c>
      <c r="CB38" s="277">
        <v>0</v>
      </c>
      <c r="CC38" s="281">
        <v>0</v>
      </c>
      <c r="CD38" s="278">
        <v>0</v>
      </c>
      <c r="CE38" s="280">
        <v>0</v>
      </c>
      <c r="CF38" s="281">
        <v>0</v>
      </c>
      <c r="CG38" s="281">
        <v>0</v>
      </c>
      <c r="CH38" s="281">
        <v>0</v>
      </c>
      <c r="CI38" s="281">
        <v>0</v>
      </c>
      <c r="CJ38" s="281">
        <v>0</v>
      </c>
      <c r="CK38" s="278">
        <v>0</v>
      </c>
      <c r="CL38" s="283">
        <v>0</v>
      </c>
      <c r="CM38" s="277">
        <v>0</v>
      </c>
      <c r="CN38" s="281">
        <v>0</v>
      </c>
      <c r="CO38" s="278">
        <v>0</v>
      </c>
      <c r="CP38" s="280">
        <v>0</v>
      </c>
      <c r="CQ38" s="281">
        <v>0</v>
      </c>
      <c r="CR38" s="281">
        <v>0</v>
      </c>
      <c r="CS38" s="281">
        <v>0</v>
      </c>
      <c r="CT38" s="281">
        <v>0</v>
      </c>
      <c r="CU38" s="281">
        <v>0</v>
      </c>
      <c r="CV38" s="278">
        <v>0</v>
      </c>
      <c r="CW38" s="283">
        <v>0</v>
      </c>
      <c r="CX38" s="277">
        <v>0</v>
      </c>
      <c r="CY38" s="281">
        <v>0</v>
      </c>
      <c r="CZ38" s="278">
        <v>0</v>
      </c>
      <c r="DA38" s="280">
        <v>0</v>
      </c>
      <c r="DB38" s="281">
        <v>0</v>
      </c>
      <c r="DC38" s="281">
        <v>0</v>
      </c>
      <c r="DD38" s="281">
        <v>0</v>
      </c>
      <c r="DE38" s="281">
        <v>0</v>
      </c>
      <c r="DF38" s="281">
        <v>0</v>
      </c>
      <c r="DG38" s="278">
        <v>0</v>
      </c>
      <c r="DH38" s="283">
        <v>0</v>
      </c>
    </row>
    <row r="39" spans="2:112" ht="18.75" customHeight="1" thickBot="1" x14ac:dyDescent="0.25">
      <c r="B39" s="263" t="s">
        <v>37</v>
      </c>
      <c r="C39" s="284">
        <v>0</v>
      </c>
      <c r="D39" s="288">
        <v>0</v>
      </c>
      <c r="E39" s="386">
        <v>0</v>
      </c>
      <c r="F39" s="287">
        <v>0</v>
      </c>
      <c r="G39" s="288">
        <v>0</v>
      </c>
      <c r="H39" s="288">
        <v>0</v>
      </c>
      <c r="I39" s="288">
        <v>0</v>
      </c>
      <c r="J39" s="288">
        <v>0</v>
      </c>
      <c r="K39" s="288">
        <v>1</v>
      </c>
      <c r="L39" s="289">
        <v>1</v>
      </c>
      <c r="M39" s="290">
        <v>1</v>
      </c>
      <c r="N39" s="284">
        <v>0</v>
      </c>
      <c r="O39" s="288">
        <v>0</v>
      </c>
      <c r="P39" s="285">
        <v>0</v>
      </c>
      <c r="Q39" s="287">
        <v>0</v>
      </c>
      <c r="R39" s="288">
        <v>0</v>
      </c>
      <c r="S39" s="288">
        <v>0</v>
      </c>
      <c r="T39" s="288">
        <v>0</v>
      </c>
      <c r="U39" s="288">
        <v>0</v>
      </c>
      <c r="V39" s="288">
        <v>0</v>
      </c>
      <c r="W39" s="285">
        <v>0</v>
      </c>
      <c r="X39" s="290">
        <v>0</v>
      </c>
      <c r="Y39" s="284">
        <v>0</v>
      </c>
      <c r="Z39" s="288">
        <v>0</v>
      </c>
      <c r="AA39" s="285">
        <v>0</v>
      </c>
      <c r="AB39" s="287">
        <v>0</v>
      </c>
      <c r="AC39" s="288">
        <v>0</v>
      </c>
      <c r="AD39" s="288">
        <v>0</v>
      </c>
      <c r="AE39" s="288">
        <v>0</v>
      </c>
      <c r="AF39" s="288">
        <v>0</v>
      </c>
      <c r="AG39" s="288">
        <v>0</v>
      </c>
      <c r="AH39" s="285">
        <v>0</v>
      </c>
      <c r="AI39" s="290">
        <v>0</v>
      </c>
      <c r="AJ39" s="284">
        <v>0</v>
      </c>
      <c r="AK39" s="288">
        <v>0</v>
      </c>
      <c r="AL39" s="285">
        <v>0</v>
      </c>
      <c r="AM39" s="287">
        <v>0</v>
      </c>
      <c r="AN39" s="288">
        <v>15</v>
      </c>
      <c r="AO39" s="288">
        <v>8</v>
      </c>
      <c r="AP39" s="288">
        <v>0</v>
      </c>
      <c r="AQ39" s="288">
        <v>0</v>
      </c>
      <c r="AR39" s="288">
        <v>0</v>
      </c>
      <c r="AS39" s="285">
        <v>23</v>
      </c>
      <c r="AT39" s="290">
        <v>23</v>
      </c>
      <c r="AU39" s="284">
        <v>0</v>
      </c>
      <c r="AV39" s="288">
        <v>0</v>
      </c>
      <c r="AW39" s="285">
        <v>0</v>
      </c>
      <c r="AX39" s="287">
        <v>0</v>
      </c>
      <c r="AY39" s="288">
        <v>3</v>
      </c>
      <c r="AZ39" s="288">
        <v>11</v>
      </c>
      <c r="BA39" s="288">
        <v>0</v>
      </c>
      <c r="BB39" s="288">
        <v>0</v>
      </c>
      <c r="BC39" s="288">
        <v>0</v>
      </c>
      <c r="BD39" s="289">
        <v>14</v>
      </c>
      <c r="BE39" s="290">
        <v>14</v>
      </c>
      <c r="BF39" s="284">
        <v>0</v>
      </c>
      <c r="BG39" s="288">
        <v>0</v>
      </c>
      <c r="BH39" s="285">
        <v>0</v>
      </c>
      <c r="BI39" s="287">
        <v>0</v>
      </c>
      <c r="BJ39" s="288">
        <v>0</v>
      </c>
      <c r="BK39" s="288">
        <v>0</v>
      </c>
      <c r="BL39" s="288">
        <v>0</v>
      </c>
      <c r="BM39" s="288">
        <v>0</v>
      </c>
      <c r="BN39" s="288">
        <v>0</v>
      </c>
      <c r="BO39" s="285">
        <v>0</v>
      </c>
      <c r="BP39" s="290">
        <v>0</v>
      </c>
      <c r="BQ39" s="284">
        <v>0</v>
      </c>
      <c r="BR39" s="288">
        <v>0</v>
      </c>
      <c r="BS39" s="285">
        <v>0</v>
      </c>
      <c r="BT39" s="287">
        <v>0</v>
      </c>
      <c r="BU39" s="288">
        <v>0</v>
      </c>
      <c r="BV39" s="288">
        <v>0</v>
      </c>
      <c r="BW39" s="288">
        <v>0</v>
      </c>
      <c r="BX39" s="288">
        <v>0</v>
      </c>
      <c r="BY39" s="288">
        <v>0</v>
      </c>
      <c r="BZ39" s="285">
        <v>0</v>
      </c>
      <c r="CA39" s="290">
        <v>0</v>
      </c>
      <c r="CB39" s="284">
        <v>0</v>
      </c>
      <c r="CC39" s="288">
        <v>0</v>
      </c>
      <c r="CD39" s="285">
        <v>0</v>
      </c>
      <c r="CE39" s="287">
        <v>0</v>
      </c>
      <c r="CF39" s="288">
        <v>0</v>
      </c>
      <c r="CG39" s="288">
        <v>0</v>
      </c>
      <c r="CH39" s="288">
        <v>0</v>
      </c>
      <c r="CI39" s="288">
        <v>0</v>
      </c>
      <c r="CJ39" s="288">
        <v>0</v>
      </c>
      <c r="CK39" s="285">
        <v>0</v>
      </c>
      <c r="CL39" s="290">
        <v>0</v>
      </c>
      <c r="CM39" s="284">
        <v>0</v>
      </c>
      <c r="CN39" s="288">
        <v>0</v>
      </c>
      <c r="CO39" s="285">
        <v>0</v>
      </c>
      <c r="CP39" s="287">
        <v>0</v>
      </c>
      <c r="CQ39" s="288">
        <v>0</v>
      </c>
      <c r="CR39" s="288">
        <v>0</v>
      </c>
      <c r="CS39" s="288">
        <v>0</v>
      </c>
      <c r="CT39" s="288">
        <v>0</v>
      </c>
      <c r="CU39" s="288">
        <v>0</v>
      </c>
      <c r="CV39" s="285">
        <v>0</v>
      </c>
      <c r="CW39" s="290">
        <v>0</v>
      </c>
      <c r="CX39" s="284">
        <v>0</v>
      </c>
      <c r="CY39" s="288">
        <v>0</v>
      </c>
      <c r="CZ39" s="285">
        <v>0</v>
      </c>
      <c r="DA39" s="287">
        <v>0</v>
      </c>
      <c r="DB39" s="288">
        <v>0</v>
      </c>
      <c r="DC39" s="288">
        <v>0</v>
      </c>
      <c r="DD39" s="288">
        <v>0</v>
      </c>
      <c r="DE39" s="288">
        <v>0</v>
      </c>
      <c r="DF39" s="288">
        <v>0</v>
      </c>
      <c r="DG39" s="285">
        <v>0</v>
      </c>
      <c r="DH39" s="290">
        <v>0</v>
      </c>
    </row>
    <row r="40" spans="2:112" ht="27" customHeight="1" x14ac:dyDescent="0.2">
      <c r="C40" s="256" t="s">
        <v>127</v>
      </c>
    </row>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6"/>
    <col min="6" max="6" width="7.77734375" style="256" customWidth="1"/>
    <col min="7" max="7" width="9" style="256"/>
    <col min="8" max="8" width="10.6640625" style="256" customWidth="1"/>
    <col min="9" max="16" width="9" style="256"/>
    <col min="17" max="17" width="7.88671875" style="256" customWidth="1"/>
    <col min="18" max="27" width="9" style="256"/>
    <col min="28" max="28" width="7.77734375" style="256" customWidth="1"/>
    <col min="29" max="38" width="9" style="256"/>
    <col min="39" max="39" width="7.5546875" style="256" customWidth="1"/>
    <col min="40" max="49" width="9" style="256"/>
    <col min="50" max="50" width="7.77734375" style="256" customWidth="1"/>
    <col min="51" max="60" width="9" style="256"/>
    <col min="61" max="61" width="7.44140625" style="256" customWidth="1"/>
    <col min="62" max="71" width="9" style="256"/>
    <col min="72" max="72" width="7.33203125" style="256" customWidth="1"/>
    <col min="73" max="82" width="9" style="256"/>
    <col min="83" max="83" width="7.44140625" style="256" customWidth="1"/>
    <col min="84" max="93" width="9" style="256"/>
    <col min="94" max="94" width="7.6640625" style="256" customWidth="1"/>
    <col min="95" max="16384" width="9" style="256"/>
  </cols>
  <sheetData>
    <row r="1" spans="2:112" ht="24" customHeight="1" x14ac:dyDescent="0.2">
      <c r="B1" s="291" t="s">
        <v>123</v>
      </c>
      <c r="J1" s="528">
        <f>第１表!F2</f>
        <v>4</v>
      </c>
      <c r="K1" s="528"/>
      <c r="L1" s="248">
        <f>第１表!G2</f>
        <v>9</v>
      </c>
      <c r="M1" s="529">
        <f>IF(L1&lt;3,L1+12-2,L1-2)</f>
        <v>7</v>
      </c>
      <c r="N1" s="529"/>
    </row>
    <row r="2" spans="2:112" ht="24" customHeight="1" thickBot="1" x14ac:dyDescent="0.25">
      <c r="B2" s="291" t="s">
        <v>154</v>
      </c>
    </row>
    <row r="3" spans="2:112" ht="13.8"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8</v>
      </c>
      <c r="CC3" s="547"/>
      <c r="CD3" s="547"/>
      <c r="CE3" s="547"/>
      <c r="CF3" s="547"/>
      <c r="CG3" s="547"/>
      <c r="CH3" s="547"/>
      <c r="CI3" s="547"/>
      <c r="CJ3" s="547"/>
      <c r="CK3" s="547"/>
      <c r="CL3" s="548"/>
      <c r="CM3" s="546" t="s">
        <v>161</v>
      </c>
      <c r="CN3" s="547"/>
      <c r="CO3" s="547"/>
      <c r="CP3" s="547"/>
      <c r="CQ3" s="547"/>
      <c r="CR3" s="547"/>
      <c r="CS3" s="547"/>
      <c r="CT3" s="547"/>
      <c r="CU3" s="547"/>
      <c r="CV3" s="547"/>
      <c r="CW3" s="548"/>
      <c r="CX3" s="546" t="s">
        <v>157</v>
      </c>
      <c r="CY3" s="547"/>
      <c r="CZ3" s="547"/>
      <c r="DA3" s="547"/>
      <c r="DB3" s="547"/>
      <c r="DC3" s="547"/>
      <c r="DD3" s="547"/>
      <c r="DE3" s="547"/>
      <c r="DF3" s="547"/>
      <c r="DG3" s="547"/>
      <c r="DH3" s="548"/>
    </row>
    <row r="4" spans="2:112" x14ac:dyDescent="0.2">
      <c r="B4" s="550"/>
      <c r="C4" s="554" t="s">
        <v>61</v>
      </c>
      <c r="D4" s="533"/>
      <c r="E4" s="534"/>
      <c r="F4" s="535" t="s">
        <v>62</v>
      </c>
      <c r="G4" s="533"/>
      <c r="H4" s="533"/>
      <c r="I4" s="533"/>
      <c r="J4" s="533"/>
      <c r="K4" s="533"/>
      <c r="L4" s="536"/>
      <c r="M4" s="530" t="s">
        <v>52</v>
      </c>
      <c r="N4" s="554" t="s">
        <v>61</v>
      </c>
      <c r="O4" s="533"/>
      <c r="P4" s="534"/>
      <c r="Q4" s="535" t="s">
        <v>62</v>
      </c>
      <c r="R4" s="533"/>
      <c r="S4" s="533"/>
      <c r="T4" s="533"/>
      <c r="U4" s="533"/>
      <c r="V4" s="533"/>
      <c r="W4" s="534"/>
      <c r="X4" s="530" t="s">
        <v>52</v>
      </c>
      <c r="Y4" s="532" t="s">
        <v>61</v>
      </c>
      <c r="Z4" s="533"/>
      <c r="AA4" s="536"/>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6"/>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row>
    <row r="5" spans="2:112" ht="28.5" customHeight="1" thickBot="1" x14ac:dyDescent="0.25">
      <c r="B5" s="551"/>
      <c r="C5" s="265" t="s">
        <v>43</v>
      </c>
      <c r="D5" s="266" t="s">
        <v>44</v>
      </c>
      <c r="E5" s="267" t="s">
        <v>45</v>
      </c>
      <c r="F5" s="268" t="s">
        <v>83</v>
      </c>
      <c r="G5" s="260" t="s">
        <v>47</v>
      </c>
      <c r="H5" s="260" t="s">
        <v>48</v>
      </c>
      <c r="I5" s="260" t="s">
        <v>49</v>
      </c>
      <c r="J5" s="260" t="s">
        <v>50</v>
      </c>
      <c r="K5" s="260" t="s">
        <v>51</v>
      </c>
      <c r="L5" s="269" t="s">
        <v>45</v>
      </c>
      <c r="M5" s="531"/>
      <c r="N5" s="265" t="s">
        <v>43</v>
      </c>
      <c r="O5" s="260" t="s">
        <v>44</v>
      </c>
      <c r="P5" s="266" t="s">
        <v>45</v>
      </c>
      <c r="Q5" s="268" t="s">
        <v>83</v>
      </c>
      <c r="R5" s="260" t="s">
        <v>47</v>
      </c>
      <c r="S5" s="260" t="s">
        <v>48</v>
      </c>
      <c r="T5" s="260" t="s">
        <v>49</v>
      </c>
      <c r="U5" s="260" t="s">
        <v>50</v>
      </c>
      <c r="V5" s="260" t="s">
        <v>51</v>
      </c>
      <c r="W5" s="266" t="s">
        <v>45</v>
      </c>
      <c r="X5" s="531"/>
      <c r="Y5" s="351" t="s">
        <v>43</v>
      </c>
      <c r="Z5" s="260" t="s">
        <v>44</v>
      </c>
      <c r="AA5" s="269" t="s">
        <v>45</v>
      </c>
      <c r="AB5" s="268" t="s">
        <v>83</v>
      </c>
      <c r="AC5" s="260" t="s">
        <v>47</v>
      </c>
      <c r="AD5" s="260" t="s">
        <v>48</v>
      </c>
      <c r="AE5" s="260" t="s">
        <v>49</v>
      </c>
      <c r="AF5" s="260" t="s">
        <v>50</v>
      </c>
      <c r="AG5" s="260" t="s">
        <v>51</v>
      </c>
      <c r="AH5" s="266" t="s">
        <v>45</v>
      </c>
      <c r="AI5" s="531"/>
      <c r="AJ5" s="351" t="s">
        <v>43</v>
      </c>
      <c r="AK5" s="260" t="s">
        <v>44</v>
      </c>
      <c r="AL5" s="266" t="s">
        <v>45</v>
      </c>
      <c r="AM5" s="268" t="s">
        <v>83</v>
      </c>
      <c r="AN5" s="260" t="s">
        <v>47</v>
      </c>
      <c r="AO5" s="260" t="s">
        <v>48</v>
      </c>
      <c r="AP5" s="260" t="s">
        <v>49</v>
      </c>
      <c r="AQ5" s="260" t="s">
        <v>50</v>
      </c>
      <c r="AR5" s="260" t="s">
        <v>51</v>
      </c>
      <c r="AS5" s="266" t="s">
        <v>45</v>
      </c>
      <c r="AT5" s="531"/>
      <c r="AU5" s="351" t="s">
        <v>43</v>
      </c>
      <c r="AV5" s="260" t="s">
        <v>44</v>
      </c>
      <c r="AW5" s="269" t="s">
        <v>45</v>
      </c>
      <c r="AX5" s="268" t="s">
        <v>83</v>
      </c>
      <c r="AY5" s="260" t="s">
        <v>47</v>
      </c>
      <c r="AZ5" s="260" t="s">
        <v>48</v>
      </c>
      <c r="BA5" s="260" t="s">
        <v>49</v>
      </c>
      <c r="BB5" s="260" t="s">
        <v>50</v>
      </c>
      <c r="BC5" s="260" t="s">
        <v>51</v>
      </c>
      <c r="BD5" s="269" t="s">
        <v>45</v>
      </c>
      <c r="BE5" s="531"/>
      <c r="BF5" s="351" t="s">
        <v>43</v>
      </c>
      <c r="BG5" s="260" t="s">
        <v>44</v>
      </c>
      <c r="BH5" s="266" t="s">
        <v>45</v>
      </c>
      <c r="BI5" s="268" t="s">
        <v>83</v>
      </c>
      <c r="BJ5" s="260" t="s">
        <v>47</v>
      </c>
      <c r="BK5" s="260" t="s">
        <v>48</v>
      </c>
      <c r="BL5" s="260" t="s">
        <v>49</v>
      </c>
      <c r="BM5" s="260" t="s">
        <v>50</v>
      </c>
      <c r="BN5" s="260" t="s">
        <v>51</v>
      </c>
      <c r="BO5" s="266" t="s">
        <v>45</v>
      </c>
      <c r="BP5" s="531"/>
      <c r="BQ5" s="351" t="s">
        <v>43</v>
      </c>
      <c r="BR5" s="260" t="s">
        <v>44</v>
      </c>
      <c r="BS5" s="266" t="s">
        <v>45</v>
      </c>
      <c r="BT5" s="268" t="s">
        <v>83</v>
      </c>
      <c r="BU5" s="260" t="s">
        <v>47</v>
      </c>
      <c r="BV5" s="260" t="s">
        <v>48</v>
      </c>
      <c r="BW5" s="260" t="s">
        <v>49</v>
      </c>
      <c r="BX5" s="260" t="s">
        <v>50</v>
      </c>
      <c r="BY5" s="260" t="s">
        <v>51</v>
      </c>
      <c r="BZ5" s="266" t="s">
        <v>45</v>
      </c>
      <c r="CA5" s="531"/>
      <c r="CB5" s="351" t="s">
        <v>43</v>
      </c>
      <c r="CC5" s="260" t="s">
        <v>44</v>
      </c>
      <c r="CD5" s="266" t="s">
        <v>45</v>
      </c>
      <c r="CE5" s="268" t="s">
        <v>83</v>
      </c>
      <c r="CF5" s="260" t="s">
        <v>47</v>
      </c>
      <c r="CG5" s="260" t="s">
        <v>48</v>
      </c>
      <c r="CH5" s="260" t="s">
        <v>49</v>
      </c>
      <c r="CI5" s="260" t="s">
        <v>50</v>
      </c>
      <c r="CJ5" s="260" t="s">
        <v>51</v>
      </c>
      <c r="CK5" s="266" t="s">
        <v>45</v>
      </c>
      <c r="CL5" s="531"/>
      <c r="CM5" s="366" t="s">
        <v>43</v>
      </c>
      <c r="CN5" s="260" t="s">
        <v>44</v>
      </c>
      <c r="CO5" s="266" t="s">
        <v>45</v>
      </c>
      <c r="CP5" s="268" t="s">
        <v>83</v>
      </c>
      <c r="CQ5" s="260" t="s">
        <v>47</v>
      </c>
      <c r="CR5" s="260" t="s">
        <v>48</v>
      </c>
      <c r="CS5" s="260" t="s">
        <v>49</v>
      </c>
      <c r="CT5" s="260" t="s">
        <v>50</v>
      </c>
      <c r="CU5" s="260" t="s">
        <v>51</v>
      </c>
      <c r="CV5" s="266" t="s">
        <v>45</v>
      </c>
      <c r="CW5" s="531"/>
      <c r="CX5" s="366" t="s">
        <v>43</v>
      </c>
      <c r="CY5" s="260" t="s">
        <v>44</v>
      </c>
      <c r="CZ5" s="266" t="s">
        <v>45</v>
      </c>
      <c r="DA5" s="268" t="s">
        <v>83</v>
      </c>
      <c r="DB5" s="260" t="s">
        <v>47</v>
      </c>
      <c r="DC5" s="260" t="s">
        <v>48</v>
      </c>
      <c r="DD5" s="260" t="s">
        <v>49</v>
      </c>
      <c r="DE5" s="260" t="s">
        <v>50</v>
      </c>
      <c r="DF5" s="260" t="s">
        <v>51</v>
      </c>
      <c r="DG5" s="266" t="s">
        <v>45</v>
      </c>
      <c r="DH5" s="531"/>
    </row>
    <row r="6" spans="2:112" ht="18.75" customHeight="1" x14ac:dyDescent="0.2">
      <c r="B6" s="261" t="s">
        <v>4</v>
      </c>
      <c r="C6" s="270">
        <v>0</v>
      </c>
      <c r="D6" s="271">
        <v>0</v>
      </c>
      <c r="E6" s="272">
        <v>0</v>
      </c>
      <c r="F6" s="273">
        <v>0</v>
      </c>
      <c r="G6" s="274">
        <v>11944</v>
      </c>
      <c r="H6" s="274">
        <v>18407</v>
      </c>
      <c r="I6" s="274">
        <v>17918</v>
      </c>
      <c r="J6" s="274">
        <v>23956</v>
      </c>
      <c r="K6" s="274">
        <v>26178</v>
      </c>
      <c r="L6" s="275">
        <v>98403</v>
      </c>
      <c r="M6" s="276">
        <v>98403</v>
      </c>
      <c r="N6" s="270">
        <v>0</v>
      </c>
      <c r="O6" s="274">
        <v>12</v>
      </c>
      <c r="P6" s="271">
        <v>12</v>
      </c>
      <c r="Q6" s="273">
        <v>0</v>
      </c>
      <c r="R6" s="274">
        <v>39</v>
      </c>
      <c r="S6" s="274">
        <v>146</v>
      </c>
      <c r="T6" s="274">
        <v>249</v>
      </c>
      <c r="U6" s="274">
        <v>658</v>
      </c>
      <c r="V6" s="274">
        <v>1266</v>
      </c>
      <c r="W6" s="271">
        <v>2358</v>
      </c>
      <c r="X6" s="276">
        <v>2370</v>
      </c>
      <c r="Y6" s="270">
        <v>1098</v>
      </c>
      <c r="Z6" s="274">
        <v>2897</v>
      </c>
      <c r="AA6" s="271">
        <v>3995</v>
      </c>
      <c r="AB6" s="273">
        <v>0</v>
      </c>
      <c r="AC6" s="274">
        <v>8081</v>
      </c>
      <c r="AD6" s="274">
        <v>12440</v>
      </c>
      <c r="AE6" s="274">
        <v>7479</v>
      </c>
      <c r="AF6" s="274">
        <v>6897</v>
      </c>
      <c r="AG6" s="274">
        <v>5842</v>
      </c>
      <c r="AH6" s="271">
        <v>40739</v>
      </c>
      <c r="AI6" s="276">
        <v>44734</v>
      </c>
      <c r="AJ6" s="270">
        <v>160</v>
      </c>
      <c r="AK6" s="274">
        <v>497</v>
      </c>
      <c r="AL6" s="271">
        <v>657</v>
      </c>
      <c r="AM6" s="273">
        <v>0</v>
      </c>
      <c r="AN6" s="274">
        <v>989</v>
      </c>
      <c r="AO6" s="274">
        <v>1805</v>
      </c>
      <c r="AP6" s="274">
        <v>1103</v>
      </c>
      <c r="AQ6" s="274">
        <v>1304</v>
      </c>
      <c r="AR6" s="274">
        <v>557</v>
      </c>
      <c r="AS6" s="271">
        <v>5758</v>
      </c>
      <c r="AT6" s="276">
        <v>6415</v>
      </c>
      <c r="AU6" s="270">
        <v>0</v>
      </c>
      <c r="AV6" s="274">
        <v>0</v>
      </c>
      <c r="AW6" s="271">
        <v>0</v>
      </c>
      <c r="AX6" s="273">
        <v>0</v>
      </c>
      <c r="AY6" s="274">
        <v>10786</v>
      </c>
      <c r="AZ6" s="274">
        <v>9949</v>
      </c>
      <c r="BA6" s="274">
        <v>5354</v>
      </c>
      <c r="BB6" s="274">
        <v>3621</v>
      </c>
      <c r="BC6" s="274">
        <v>1420</v>
      </c>
      <c r="BD6" s="275">
        <v>31130</v>
      </c>
      <c r="BE6" s="276">
        <v>31130</v>
      </c>
      <c r="BF6" s="270">
        <v>0</v>
      </c>
      <c r="BG6" s="274">
        <v>0</v>
      </c>
      <c r="BH6" s="271">
        <v>0</v>
      </c>
      <c r="BI6" s="273">
        <v>0</v>
      </c>
      <c r="BJ6" s="274">
        <v>2188</v>
      </c>
      <c r="BK6" s="274">
        <v>3135</v>
      </c>
      <c r="BL6" s="274">
        <v>2051</v>
      </c>
      <c r="BM6" s="274">
        <v>1402</v>
      </c>
      <c r="BN6" s="274">
        <v>474</v>
      </c>
      <c r="BO6" s="271">
        <v>9250</v>
      </c>
      <c r="BP6" s="276">
        <v>9250</v>
      </c>
      <c r="BQ6" s="270">
        <v>24</v>
      </c>
      <c r="BR6" s="274">
        <v>63</v>
      </c>
      <c r="BS6" s="271">
        <v>87</v>
      </c>
      <c r="BT6" s="273">
        <v>0</v>
      </c>
      <c r="BU6" s="274">
        <v>1276</v>
      </c>
      <c r="BV6" s="274">
        <v>1773</v>
      </c>
      <c r="BW6" s="274">
        <v>2537</v>
      </c>
      <c r="BX6" s="274">
        <v>2216</v>
      </c>
      <c r="BY6" s="274">
        <v>1117</v>
      </c>
      <c r="BZ6" s="271">
        <v>8919</v>
      </c>
      <c r="CA6" s="276">
        <v>9006</v>
      </c>
      <c r="CB6" s="270">
        <v>5</v>
      </c>
      <c r="CC6" s="274">
        <v>30</v>
      </c>
      <c r="CD6" s="271">
        <v>35</v>
      </c>
      <c r="CE6" s="273">
        <v>0</v>
      </c>
      <c r="CF6" s="274">
        <v>135</v>
      </c>
      <c r="CG6" s="274">
        <v>317</v>
      </c>
      <c r="CH6" s="274">
        <v>297</v>
      </c>
      <c r="CI6" s="274">
        <v>341</v>
      </c>
      <c r="CJ6" s="274">
        <v>163</v>
      </c>
      <c r="CK6" s="271">
        <v>1253</v>
      </c>
      <c r="CL6" s="276">
        <v>1288</v>
      </c>
      <c r="CM6" s="270">
        <v>0</v>
      </c>
      <c r="CN6" s="274">
        <v>0</v>
      </c>
      <c r="CO6" s="271">
        <v>0</v>
      </c>
      <c r="CP6" s="273">
        <v>0</v>
      </c>
      <c r="CQ6" s="274">
        <v>0</v>
      </c>
      <c r="CR6" s="274">
        <v>0</v>
      </c>
      <c r="CS6" s="274">
        <v>0</v>
      </c>
      <c r="CT6" s="274">
        <v>0</v>
      </c>
      <c r="CU6" s="274">
        <v>0</v>
      </c>
      <c r="CV6" s="271">
        <v>0</v>
      </c>
      <c r="CW6" s="276">
        <v>0</v>
      </c>
      <c r="CX6" s="270">
        <v>0</v>
      </c>
      <c r="CY6" s="274">
        <v>0</v>
      </c>
      <c r="CZ6" s="271">
        <v>0</v>
      </c>
      <c r="DA6" s="273">
        <v>0</v>
      </c>
      <c r="DB6" s="274">
        <v>0</v>
      </c>
      <c r="DC6" s="274">
        <v>0</v>
      </c>
      <c r="DD6" s="274">
        <v>0</v>
      </c>
      <c r="DE6" s="274">
        <v>0</v>
      </c>
      <c r="DF6" s="274">
        <v>0</v>
      </c>
      <c r="DG6" s="271">
        <v>0</v>
      </c>
      <c r="DH6" s="276">
        <v>0</v>
      </c>
    </row>
    <row r="7" spans="2:112" ht="18.75" customHeight="1" x14ac:dyDescent="0.2">
      <c r="B7" s="262" t="s">
        <v>5</v>
      </c>
      <c r="C7" s="277">
        <v>0</v>
      </c>
      <c r="D7" s="278">
        <v>0</v>
      </c>
      <c r="E7" s="279">
        <v>0</v>
      </c>
      <c r="F7" s="280">
        <v>0</v>
      </c>
      <c r="G7" s="281">
        <v>4312</v>
      </c>
      <c r="H7" s="281">
        <v>9125</v>
      </c>
      <c r="I7" s="281">
        <v>6999</v>
      </c>
      <c r="J7" s="281">
        <v>9845</v>
      </c>
      <c r="K7" s="281">
        <v>9824</v>
      </c>
      <c r="L7" s="282">
        <v>40105</v>
      </c>
      <c r="M7" s="283">
        <v>40105</v>
      </c>
      <c r="N7" s="277">
        <v>0</v>
      </c>
      <c r="O7" s="281">
        <v>4</v>
      </c>
      <c r="P7" s="278">
        <v>4</v>
      </c>
      <c r="Q7" s="280">
        <v>0</v>
      </c>
      <c r="R7" s="281">
        <v>1</v>
      </c>
      <c r="S7" s="281">
        <v>62</v>
      </c>
      <c r="T7" s="281">
        <v>99</v>
      </c>
      <c r="U7" s="281">
        <v>292</v>
      </c>
      <c r="V7" s="281">
        <v>524</v>
      </c>
      <c r="W7" s="278">
        <v>978</v>
      </c>
      <c r="X7" s="283">
        <v>982</v>
      </c>
      <c r="Y7" s="277">
        <v>526</v>
      </c>
      <c r="Z7" s="281">
        <v>1440</v>
      </c>
      <c r="AA7" s="278">
        <v>1966</v>
      </c>
      <c r="AB7" s="280">
        <v>0</v>
      </c>
      <c r="AC7" s="281">
        <v>3085</v>
      </c>
      <c r="AD7" s="281">
        <v>7149</v>
      </c>
      <c r="AE7" s="281">
        <v>3517</v>
      </c>
      <c r="AF7" s="281">
        <v>3340</v>
      </c>
      <c r="AG7" s="281">
        <v>2654</v>
      </c>
      <c r="AH7" s="278">
        <v>19745</v>
      </c>
      <c r="AI7" s="283">
        <v>21711</v>
      </c>
      <c r="AJ7" s="277">
        <v>66</v>
      </c>
      <c r="AK7" s="281">
        <v>328</v>
      </c>
      <c r="AL7" s="278">
        <v>394</v>
      </c>
      <c r="AM7" s="280">
        <v>0</v>
      </c>
      <c r="AN7" s="281">
        <v>259</v>
      </c>
      <c r="AO7" s="281">
        <v>892</v>
      </c>
      <c r="AP7" s="281">
        <v>453</v>
      </c>
      <c r="AQ7" s="281">
        <v>585</v>
      </c>
      <c r="AR7" s="281">
        <v>228</v>
      </c>
      <c r="AS7" s="278">
        <v>2417</v>
      </c>
      <c r="AT7" s="283">
        <v>2811</v>
      </c>
      <c r="AU7" s="277">
        <v>0</v>
      </c>
      <c r="AV7" s="281">
        <v>0</v>
      </c>
      <c r="AW7" s="278">
        <v>0</v>
      </c>
      <c r="AX7" s="280">
        <v>0</v>
      </c>
      <c r="AY7" s="281">
        <v>3582</v>
      </c>
      <c r="AZ7" s="281">
        <v>4169</v>
      </c>
      <c r="BA7" s="281">
        <v>2206</v>
      </c>
      <c r="BB7" s="281">
        <v>1425</v>
      </c>
      <c r="BC7" s="281">
        <v>577</v>
      </c>
      <c r="BD7" s="282">
        <v>11959</v>
      </c>
      <c r="BE7" s="283">
        <v>11959</v>
      </c>
      <c r="BF7" s="277">
        <v>0</v>
      </c>
      <c r="BG7" s="281">
        <v>0</v>
      </c>
      <c r="BH7" s="278">
        <v>0</v>
      </c>
      <c r="BI7" s="280">
        <v>0</v>
      </c>
      <c r="BJ7" s="281">
        <v>697</v>
      </c>
      <c r="BK7" s="281">
        <v>1711</v>
      </c>
      <c r="BL7" s="281">
        <v>1052</v>
      </c>
      <c r="BM7" s="281">
        <v>626</v>
      </c>
      <c r="BN7" s="281">
        <v>249</v>
      </c>
      <c r="BO7" s="278">
        <v>4335</v>
      </c>
      <c r="BP7" s="283">
        <v>4335</v>
      </c>
      <c r="BQ7" s="277">
        <v>2</v>
      </c>
      <c r="BR7" s="281">
        <v>40</v>
      </c>
      <c r="BS7" s="278">
        <v>42</v>
      </c>
      <c r="BT7" s="280">
        <v>0</v>
      </c>
      <c r="BU7" s="281">
        <v>626</v>
      </c>
      <c r="BV7" s="281">
        <v>923</v>
      </c>
      <c r="BW7" s="281">
        <v>1052</v>
      </c>
      <c r="BX7" s="281">
        <v>924</v>
      </c>
      <c r="BY7" s="281">
        <v>498</v>
      </c>
      <c r="BZ7" s="278">
        <v>4023</v>
      </c>
      <c r="CA7" s="283">
        <v>4065</v>
      </c>
      <c r="CB7" s="277">
        <v>0</v>
      </c>
      <c r="CC7" s="281">
        <v>16</v>
      </c>
      <c r="CD7" s="278">
        <v>16</v>
      </c>
      <c r="CE7" s="280">
        <v>0</v>
      </c>
      <c r="CF7" s="281">
        <v>87</v>
      </c>
      <c r="CG7" s="281">
        <v>196</v>
      </c>
      <c r="CH7" s="281">
        <v>181</v>
      </c>
      <c r="CI7" s="281">
        <v>238</v>
      </c>
      <c r="CJ7" s="281">
        <v>109</v>
      </c>
      <c r="CK7" s="278">
        <v>811</v>
      </c>
      <c r="CL7" s="283">
        <v>827</v>
      </c>
      <c r="CM7" s="277">
        <v>0</v>
      </c>
      <c r="CN7" s="281">
        <v>0</v>
      </c>
      <c r="CO7" s="278">
        <v>0</v>
      </c>
      <c r="CP7" s="280">
        <v>0</v>
      </c>
      <c r="CQ7" s="281">
        <v>0</v>
      </c>
      <c r="CR7" s="281">
        <v>0</v>
      </c>
      <c r="CS7" s="281">
        <v>0</v>
      </c>
      <c r="CT7" s="281">
        <v>0</v>
      </c>
      <c r="CU7" s="281">
        <v>0</v>
      </c>
      <c r="CV7" s="278">
        <v>0</v>
      </c>
      <c r="CW7" s="283">
        <v>0</v>
      </c>
      <c r="CX7" s="277">
        <v>0</v>
      </c>
      <c r="CY7" s="281">
        <v>0</v>
      </c>
      <c r="CZ7" s="278">
        <v>0</v>
      </c>
      <c r="DA7" s="280">
        <v>0</v>
      </c>
      <c r="DB7" s="281">
        <v>0</v>
      </c>
      <c r="DC7" s="281">
        <v>0</v>
      </c>
      <c r="DD7" s="281">
        <v>0</v>
      </c>
      <c r="DE7" s="281">
        <v>0</v>
      </c>
      <c r="DF7" s="281">
        <v>0</v>
      </c>
      <c r="DG7" s="278">
        <v>0</v>
      </c>
      <c r="DH7" s="283">
        <v>0</v>
      </c>
    </row>
    <row r="8" spans="2:112" ht="18.75" customHeight="1" x14ac:dyDescent="0.2">
      <c r="B8" s="262" t="s">
        <v>6</v>
      </c>
      <c r="C8" s="277">
        <v>0</v>
      </c>
      <c r="D8" s="278">
        <v>0</v>
      </c>
      <c r="E8" s="279">
        <v>0</v>
      </c>
      <c r="F8" s="280">
        <v>0</v>
      </c>
      <c r="G8" s="281">
        <v>2099</v>
      </c>
      <c r="H8" s="281">
        <v>2389</v>
      </c>
      <c r="I8" s="281">
        <v>2513</v>
      </c>
      <c r="J8" s="281">
        <v>4385</v>
      </c>
      <c r="K8" s="281">
        <v>4542</v>
      </c>
      <c r="L8" s="282">
        <v>15928</v>
      </c>
      <c r="M8" s="283">
        <v>15928</v>
      </c>
      <c r="N8" s="277">
        <v>0</v>
      </c>
      <c r="O8" s="281">
        <v>8</v>
      </c>
      <c r="P8" s="278">
        <v>8</v>
      </c>
      <c r="Q8" s="280">
        <v>0</v>
      </c>
      <c r="R8" s="281">
        <v>5</v>
      </c>
      <c r="S8" s="281">
        <v>17</v>
      </c>
      <c r="T8" s="281">
        <v>37</v>
      </c>
      <c r="U8" s="281">
        <v>127</v>
      </c>
      <c r="V8" s="281">
        <v>164</v>
      </c>
      <c r="W8" s="278">
        <v>350</v>
      </c>
      <c r="X8" s="283">
        <v>358</v>
      </c>
      <c r="Y8" s="277">
        <v>181</v>
      </c>
      <c r="Z8" s="281">
        <v>521</v>
      </c>
      <c r="AA8" s="278">
        <v>702</v>
      </c>
      <c r="AB8" s="280">
        <v>0</v>
      </c>
      <c r="AC8" s="281">
        <v>2035</v>
      </c>
      <c r="AD8" s="281">
        <v>1956</v>
      </c>
      <c r="AE8" s="281">
        <v>1454</v>
      </c>
      <c r="AF8" s="281">
        <v>1261</v>
      </c>
      <c r="AG8" s="281">
        <v>1140</v>
      </c>
      <c r="AH8" s="278">
        <v>7846</v>
      </c>
      <c r="AI8" s="283">
        <v>8548</v>
      </c>
      <c r="AJ8" s="277">
        <v>30</v>
      </c>
      <c r="AK8" s="281">
        <v>12</v>
      </c>
      <c r="AL8" s="278">
        <v>42</v>
      </c>
      <c r="AM8" s="280">
        <v>0</v>
      </c>
      <c r="AN8" s="281">
        <v>229</v>
      </c>
      <c r="AO8" s="281">
        <v>256</v>
      </c>
      <c r="AP8" s="281">
        <v>174</v>
      </c>
      <c r="AQ8" s="281">
        <v>149</v>
      </c>
      <c r="AR8" s="281">
        <v>35</v>
      </c>
      <c r="AS8" s="278">
        <v>843</v>
      </c>
      <c r="AT8" s="283">
        <v>885</v>
      </c>
      <c r="AU8" s="277">
        <v>0</v>
      </c>
      <c r="AV8" s="281">
        <v>0</v>
      </c>
      <c r="AW8" s="278">
        <v>0</v>
      </c>
      <c r="AX8" s="280">
        <v>0</v>
      </c>
      <c r="AY8" s="281">
        <v>2193</v>
      </c>
      <c r="AZ8" s="281">
        <v>1489</v>
      </c>
      <c r="BA8" s="281">
        <v>766</v>
      </c>
      <c r="BB8" s="281">
        <v>637</v>
      </c>
      <c r="BC8" s="281">
        <v>222</v>
      </c>
      <c r="BD8" s="282">
        <v>5307</v>
      </c>
      <c r="BE8" s="283">
        <v>5307</v>
      </c>
      <c r="BF8" s="277">
        <v>0</v>
      </c>
      <c r="BG8" s="281">
        <v>0</v>
      </c>
      <c r="BH8" s="278">
        <v>0</v>
      </c>
      <c r="BI8" s="280">
        <v>0</v>
      </c>
      <c r="BJ8" s="281">
        <v>352</v>
      </c>
      <c r="BK8" s="281">
        <v>337</v>
      </c>
      <c r="BL8" s="281">
        <v>235</v>
      </c>
      <c r="BM8" s="281">
        <v>285</v>
      </c>
      <c r="BN8" s="281">
        <v>54</v>
      </c>
      <c r="BO8" s="278">
        <v>1263</v>
      </c>
      <c r="BP8" s="283">
        <v>1263</v>
      </c>
      <c r="BQ8" s="277">
        <v>0</v>
      </c>
      <c r="BR8" s="281">
        <v>3</v>
      </c>
      <c r="BS8" s="278">
        <v>3</v>
      </c>
      <c r="BT8" s="280">
        <v>0</v>
      </c>
      <c r="BU8" s="281">
        <v>74</v>
      </c>
      <c r="BV8" s="281">
        <v>206</v>
      </c>
      <c r="BW8" s="281">
        <v>292</v>
      </c>
      <c r="BX8" s="281">
        <v>251</v>
      </c>
      <c r="BY8" s="281">
        <v>90</v>
      </c>
      <c r="BZ8" s="278">
        <v>913</v>
      </c>
      <c r="CA8" s="283">
        <v>916</v>
      </c>
      <c r="CB8" s="277">
        <v>0</v>
      </c>
      <c r="CC8" s="281">
        <v>0</v>
      </c>
      <c r="CD8" s="278">
        <v>0</v>
      </c>
      <c r="CE8" s="280">
        <v>0</v>
      </c>
      <c r="CF8" s="281">
        <v>22</v>
      </c>
      <c r="CG8" s="281">
        <v>34</v>
      </c>
      <c r="CH8" s="281">
        <v>30</v>
      </c>
      <c r="CI8" s="281">
        <v>59</v>
      </c>
      <c r="CJ8" s="281">
        <v>14</v>
      </c>
      <c r="CK8" s="278">
        <v>159</v>
      </c>
      <c r="CL8" s="283">
        <v>159</v>
      </c>
      <c r="CM8" s="277">
        <v>0</v>
      </c>
      <c r="CN8" s="281">
        <v>0</v>
      </c>
      <c r="CO8" s="278">
        <v>0</v>
      </c>
      <c r="CP8" s="280">
        <v>0</v>
      </c>
      <c r="CQ8" s="281">
        <v>0</v>
      </c>
      <c r="CR8" s="281">
        <v>0</v>
      </c>
      <c r="CS8" s="281">
        <v>0</v>
      </c>
      <c r="CT8" s="281">
        <v>0</v>
      </c>
      <c r="CU8" s="281">
        <v>0</v>
      </c>
      <c r="CV8" s="278">
        <v>0</v>
      </c>
      <c r="CW8" s="283">
        <v>0</v>
      </c>
      <c r="CX8" s="277">
        <v>0</v>
      </c>
      <c r="CY8" s="281">
        <v>0</v>
      </c>
      <c r="CZ8" s="278">
        <v>0</v>
      </c>
      <c r="DA8" s="280">
        <v>0</v>
      </c>
      <c r="DB8" s="281">
        <v>0</v>
      </c>
      <c r="DC8" s="281">
        <v>0</v>
      </c>
      <c r="DD8" s="281">
        <v>0</v>
      </c>
      <c r="DE8" s="281">
        <v>0</v>
      </c>
      <c r="DF8" s="281">
        <v>0</v>
      </c>
      <c r="DG8" s="278">
        <v>0</v>
      </c>
      <c r="DH8" s="283">
        <v>0</v>
      </c>
    </row>
    <row r="9" spans="2:112" ht="18.75" customHeight="1" x14ac:dyDescent="0.2">
      <c r="B9" s="262" t="s">
        <v>14</v>
      </c>
      <c r="C9" s="277">
        <v>0</v>
      </c>
      <c r="D9" s="278">
        <v>0</v>
      </c>
      <c r="E9" s="279">
        <v>0</v>
      </c>
      <c r="F9" s="280">
        <v>0</v>
      </c>
      <c r="G9" s="281">
        <v>688</v>
      </c>
      <c r="H9" s="281">
        <v>1043</v>
      </c>
      <c r="I9" s="281">
        <v>1240</v>
      </c>
      <c r="J9" s="281">
        <v>1566</v>
      </c>
      <c r="K9" s="281">
        <v>2187</v>
      </c>
      <c r="L9" s="282">
        <v>6724</v>
      </c>
      <c r="M9" s="283">
        <v>6724</v>
      </c>
      <c r="N9" s="277">
        <v>0</v>
      </c>
      <c r="O9" s="281">
        <v>0</v>
      </c>
      <c r="P9" s="278">
        <v>0</v>
      </c>
      <c r="Q9" s="280">
        <v>0</v>
      </c>
      <c r="R9" s="281">
        <v>0</v>
      </c>
      <c r="S9" s="281">
        <v>4</v>
      </c>
      <c r="T9" s="281">
        <v>18</v>
      </c>
      <c r="U9" s="281">
        <v>47</v>
      </c>
      <c r="V9" s="281">
        <v>116</v>
      </c>
      <c r="W9" s="278">
        <v>185</v>
      </c>
      <c r="X9" s="283">
        <v>185</v>
      </c>
      <c r="Y9" s="277">
        <v>28</v>
      </c>
      <c r="Z9" s="281">
        <v>235</v>
      </c>
      <c r="AA9" s="278">
        <v>263</v>
      </c>
      <c r="AB9" s="280">
        <v>0</v>
      </c>
      <c r="AC9" s="281">
        <v>312</v>
      </c>
      <c r="AD9" s="281">
        <v>704</v>
      </c>
      <c r="AE9" s="281">
        <v>413</v>
      </c>
      <c r="AF9" s="281">
        <v>616</v>
      </c>
      <c r="AG9" s="281">
        <v>462</v>
      </c>
      <c r="AH9" s="278">
        <v>2507</v>
      </c>
      <c r="AI9" s="283">
        <v>2770</v>
      </c>
      <c r="AJ9" s="277">
        <v>0</v>
      </c>
      <c r="AK9" s="281">
        <v>32</v>
      </c>
      <c r="AL9" s="278">
        <v>32</v>
      </c>
      <c r="AM9" s="280">
        <v>0</v>
      </c>
      <c r="AN9" s="281">
        <v>18</v>
      </c>
      <c r="AO9" s="281">
        <v>53</v>
      </c>
      <c r="AP9" s="281">
        <v>14</v>
      </c>
      <c r="AQ9" s="281">
        <v>115</v>
      </c>
      <c r="AR9" s="281">
        <v>8</v>
      </c>
      <c r="AS9" s="278">
        <v>208</v>
      </c>
      <c r="AT9" s="283">
        <v>240</v>
      </c>
      <c r="AU9" s="277">
        <v>0</v>
      </c>
      <c r="AV9" s="281">
        <v>0</v>
      </c>
      <c r="AW9" s="278">
        <v>0</v>
      </c>
      <c r="AX9" s="280">
        <v>0</v>
      </c>
      <c r="AY9" s="281">
        <v>803</v>
      </c>
      <c r="AZ9" s="281">
        <v>630</v>
      </c>
      <c r="BA9" s="281">
        <v>490</v>
      </c>
      <c r="BB9" s="281">
        <v>186</v>
      </c>
      <c r="BC9" s="281">
        <v>185</v>
      </c>
      <c r="BD9" s="282">
        <v>2294</v>
      </c>
      <c r="BE9" s="283">
        <v>2294</v>
      </c>
      <c r="BF9" s="277">
        <v>0</v>
      </c>
      <c r="BG9" s="281">
        <v>0</v>
      </c>
      <c r="BH9" s="278">
        <v>0</v>
      </c>
      <c r="BI9" s="280">
        <v>0</v>
      </c>
      <c r="BJ9" s="281">
        <v>81</v>
      </c>
      <c r="BK9" s="281">
        <v>98</v>
      </c>
      <c r="BL9" s="281">
        <v>76</v>
      </c>
      <c r="BM9" s="281">
        <v>55</v>
      </c>
      <c r="BN9" s="281">
        <v>20</v>
      </c>
      <c r="BO9" s="278">
        <v>330</v>
      </c>
      <c r="BP9" s="283">
        <v>330</v>
      </c>
      <c r="BQ9" s="277">
        <v>4</v>
      </c>
      <c r="BR9" s="281">
        <v>2</v>
      </c>
      <c r="BS9" s="278">
        <v>6</v>
      </c>
      <c r="BT9" s="280">
        <v>0</v>
      </c>
      <c r="BU9" s="281">
        <v>134</v>
      </c>
      <c r="BV9" s="281">
        <v>128</v>
      </c>
      <c r="BW9" s="281">
        <v>155</v>
      </c>
      <c r="BX9" s="281">
        <v>176</v>
      </c>
      <c r="BY9" s="281">
        <v>126</v>
      </c>
      <c r="BZ9" s="278">
        <v>719</v>
      </c>
      <c r="CA9" s="283">
        <v>725</v>
      </c>
      <c r="CB9" s="277">
        <v>0</v>
      </c>
      <c r="CC9" s="281">
        <v>0</v>
      </c>
      <c r="CD9" s="278">
        <v>0</v>
      </c>
      <c r="CE9" s="280">
        <v>0</v>
      </c>
      <c r="CF9" s="281">
        <v>0</v>
      </c>
      <c r="CG9" s="281">
        <v>4</v>
      </c>
      <c r="CH9" s="281">
        <v>0</v>
      </c>
      <c r="CI9" s="281">
        <v>0</v>
      </c>
      <c r="CJ9" s="281">
        <v>0</v>
      </c>
      <c r="CK9" s="278">
        <v>4</v>
      </c>
      <c r="CL9" s="283">
        <v>4</v>
      </c>
      <c r="CM9" s="277">
        <v>0</v>
      </c>
      <c r="CN9" s="281">
        <v>0</v>
      </c>
      <c r="CO9" s="278">
        <v>0</v>
      </c>
      <c r="CP9" s="280">
        <v>0</v>
      </c>
      <c r="CQ9" s="281">
        <v>0</v>
      </c>
      <c r="CR9" s="281">
        <v>0</v>
      </c>
      <c r="CS9" s="281">
        <v>0</v>
      </c>
      <c r="CT9" s="281">
        <v>0</v>
      </c>
      <c r="CU9" s="281">
        <v>0</v>
      </c>
      <c r="CV9" s="278">
        <v>0</v>
      </c>
      <c r="CW9" s="283">
        <v>0</v>
      </c>
      <c r="CX9" s="277">
        <v>0</v>
      </c>
      <c r="CY9" s="281">
        <v>0</v>
      </c>
      <c r="CZ9" s="278">
        <v>0</v>
      </c>
      <c r="DA9" s="280">
        <v>0</v>
      </c>
      <c r="DB9" s="281">
        <v>0</v>
      </c>
      <c r="DC9" s="281">
        <v>0</v>
      </c>
      <c r="DD9" s="281">
        <v>0</v>
      </c>
      <c r="DE9" s="281">
        <v>0</v>
      </c>
      <c r="DF9" s="281">
        <v>0</v>
      </c>
      <c r="DG9" s="278">
        <v>0</v>
      </c>
      <c r="DH9" s="283">
        <v>0</v>
      </c>
    </row>
    <row r="10" spans="2:112" ht="18.75" customHeight="1" x14ac:dyDescent="0.2">
      <c r="B10" s="262" t="s">
        <v>7</v>
      </c>
      <c r="C10" s="277">
        <v>0</v>
      </c>
      <c r="D10" s="278">
        <v>0</v>
      </c>
      <c r="E10" s="279">
        <v>0</v>
      </c>
      <c r="F10" s="280">
        <v>0</v>
      </c>
      <c r="G10" s="281">
        <v>595</v>
      </c>
      <c r="H10" s="281">
        <v>906</v>
      </c>
      <c r="I10" s="281">
        <v>700</v>
      </c>
      <c r="J10" s="281">
        <v>348</v>
      </c>
      <c r="K10" s="281">
        <v>1249</v>
      </c>
      <c r="L10" s="282">
        <v>3798</v>
      </c>
      <c r="M10" s="283">
        <v>3798</v>
      </c>
      <c r="N10" s="277">
        <v>0</v>
      </c>
      <c r="O10" s="281">
        <v>0</v>
      </c>
      <c r="P10" s="278">
        <v>0</v>
      </c>
      <c r="Q10" s="280">
        <v>0</v>
      </c>
      <c r="R10" s="281">
        <v>6</v>
      </c>
      <c r="S10" s="281">
        <v>20</v>
      </c>
      <c r="T10" s="281">
        <v>15</v>
      </c>
      <c r="U10" s="281">
        <v>12</v>
      </c>
      <c r="V10" s="281">
        <v>38</v>
      </c>
      <c r="W10" s="278">
        <v>91</v>
      </c>
      <c r="X10" s="283">
        <v>91</v>
      </c>
      <c r="Y10" s="277">
        <v>0</v>
      </c>
      <c r="Z10" s="281">
        <v>27</v>
      </c>
      <c r="AA10" s="278">
        <v>27</v>
      </c>
      <c r="AB10" s="280">
        <v>0</v>
      </c>
      <c r="AC10" s="281">
        <v>260</v>
      </c>
      <c r="AD10" s="281">
        <v>264</v>
      </c>
      <c r="AE10" s="281">
        <v>203</v>
      </c>
      <c r="AF10" s="281">
        <v>157</v>
      </c>
      <c r="AG10" s="281">
        <v>198</v>
      </c>
      <c r="AH10" s="278">
        <v>1082</v>
      </c>
      <c r="AI10" s="283">
        <v>1109</v>
      </c>
      <c r="AJ10" s="277">
        <v>0</v>
      </c>
      <c r="AK10" s="281">
        <v>0</v>
      </c>
      <c r="AL10" s="278">
        <v>0</v>
      </c>
      <c r="AM10" s="280">
        <v>0</v>
      </c>
      <c r="AN10" s="281">
        <v>28</v>
      </c>
      <c r="AO10" s="281">
        <v>70</v>
      </c>
      <c r="AP10" s="281">
        <v>64</v>
      </c>
      <c r="AQ10" s="281">
        <v>15</v>
      </c>
      <c r="AR10" s="281">
        <v>28</v>
      </c>
      <c r="AS10" s="278">
        <v>205</v>
      </c>
      <c r="AT10" s="283">
        <v>205</v>
      </c>
      <c r="AU10" s="277">
        <v>0</v>
      </c>
      <c r="AV10" s="281">
        <v>0</v>
      </c>
      <c r="AW10" s="278">
        <v>0</v>
      </c>
      <c r="AX10" s="280">
        <v>0</v>
      </c>
      <c r="AY10" s="281">
        <v>547</v>
      </c>
      <c r="AZ10" s="281">
        <v>334</v>
      </c>
      <c r="BA10" s="281">
        <v>136</v>
      </c>
      <c r="BB10" s="281">
        <v>42</v>
      </c>
      <c r="BC10" s="281">
        <v>58</v>
      </c>
      <c r="BD10" s="282">
        <v>1117</v>
      </c>
      <c r="BE10" s="283">
        <v>1117</v>
      </c>
      <c r="BF10" s="277">
        <v>0</v>
      </c>
      <c r="BG10" s="281">
        <v>0</v>
      </c>
      <c r="BH10" s="278">
        <v>0</v>
      </c>
      <c r="BI10" s="280">
        <v>0</v>
      </c>
      <c r="BJ10" s="281">
        <v>150</v>
      </c>
      <c r="BK10" s="281">
        <v>46</v>
      </c>
      <c r="BL10" s="281">
        <v>77</v>
      </c>
      <c r="BM10" s="281">
        <v>2</v>
      </c>
      <c r="BN10" s="281">
        <v>11</v>
      </c>
      <c r="BO10" s="278">
        <v>286</v>
      </c>
      <c r="BP10" s="283">
        <v>286</v>
      </c>
      <c r="BQ10" s="277">
        <v>0</v>
      </c>
      <c r="BR10" s="281">
        <v>0</v>
      </c>
      <c r="BS10" s="278">
        <v>0</v>
      </c>
      <c r="BT10" s="280">
        <v>0</v>
      </c>
      <c r="BU10" s="281">
        <v>41</v>
      </c>
      <c r="BV10" s="281">
        <v>44</v>
      </c>
      <c r="BW10" s="281">
        <v>115</v>
      </c>
      <c r="BX10" s="281">
        <v>28</v>
      </c>
      <c r="BY10" s="281">
        <v>23</v>
      </c>
      <c r="BZ10" s="278">
        <v>251</v>
      </c>
      <c r="CA10" s="283">
        <v>251</v>
      </c>
      <c r="CB10" s="277">
        <v>0</v>
      </c>
      <c r="CC10" s="281">
        <v>0</v>
      </c>
      <c r="CD10" s="278">
        <v>0</v>
      </c>
      <c r="CE10" s="280">
        <v>0</v>
      </c>
      <c r="CF10" s="281">
        <v>0</v>
      </c>
      <c r="CG10" s="281">
        <v>15</v>
      </c>
      <c r="CH10" s="281">
        <v>6</v>
      </c>
      <c r="CI10" s="281">
        <v>0</v>
      </c>
      <c r="CJ10" s="281">
        <v>6</v>
      </c>
      <c r="CK10" s="278">
        <v>27</v>
      </c>
      <c r="CL10" s="283">
        <v>27</v>
      </c>
      <c r="CM10" s="277">
        <v>0</v>
      </c>
      <c r="CN10" s="281">
        <v>0</v>
      </c>
      <c r="CO10" s="278">
        <v>0</v>
      </c>
      <c r="CP10" s="280">
        <v>0</v>
      </c>
      <c r="CQ10" s="281">
        <v>0</v>
      </c>
      <c r="CR10" s="281">
        <v>0</v>
      </c>
      <c r="CS10" s="281">
        <v>0</v>
      </c>
      <c r="CT10" s="281">
        <v>0</v>
      </c>
      <c r="CU10" s="281">
        <v>0</v>
      </c>
      <c r="CV10" s="278">
        <v>0</v>
      </c>
      <c r="CW10" s="283">
        <v>0</v>
      </c>
      <c r="CX10" s="277">
        <v>0</v>
      </c>
      <c r="CY10" s="281">
        <v>0</v>
      </c>
      <c r="CZ10" s="278">
        <v>0</v>
      </c>
      <c r="DA10" s="280">
        <v>0</v>
      </c>
      <c r="DB10" s="281">
        <v>0</v>
      </c>
      <c r="DC10" s="281">
        <v>0</v>
      </c>
      <c r="DD10" s="281">
        <v>0</v>
      </c>
      <c r="DE10" s="281">
        <v>0</v>
      </c>
      <c r="DF10" s="281">
        <v>0</v>
      </c>
      <c r="DG10" s="278">
        <v>0</v>
      </c>
      <c r="DH10" s="283">
        <v>0</v>
      </c>
    </row>
    <row r="11" spans="2:112" ht="18.75" customHeight="1" x14ac:dyDescent="0.2">
      <c r="B11" s="262" t="s">
        <v>8</v>
      </c>
      <c r="C11" s="277">
        <v>0</v>
      </c>
      <c r="D11" s="278">
        <v>0</v>
      </c>
      <c r="E11" s="279">
        <v>0</v>
      </c>
      <c r="F11" s="280">
        <v>0</v>
      </c>
      <c r="G11" s="281">
        <v>246</v>
      </c>
      <c r="H11" s="281">
        <v>498</v>
      </c>
      <c r="I11" s="281">
        <v>200</v>
      </c>
      <c r="J11" s="281">
        <v>320</v>
      </c>
      <c r="K11" s="281">
        <v>586</v>
      </c>
      <c r="L11" s="282">
        <v>1850</v>
      </c>
      <c r="M11" s="283">
        <v>1850</v>
      </c>
      <c r="N11" s="277">
        <v>0</v>
      </c>
      <c r="O11" s="281">
        <v>0</v>
      </c>
      <c r="P11" s="278">
        <v>0</v>
      </c>
      <c r="Q11" s="280">
        <v>0</v>
      </c>
      <c r="R11" s="281">
        <v>0</v>
      </c>
      <c r="S11" s="281">
        <v>0</v>
      </c>
      <c r="T11" s="281">
        <v>1</v>
      </c>
      <c r="U11" s="281">
        <v>23</v>
      </c>
      <c r="V11" s="281">
        <v>13</v>
      </c>
      <c r="W11" s="278">
        <v>37</v>
      </c>
      <c r="X11" s="283">
        <v>37</v>
      </c>
      <c r="Y11" s="277">
        <v>5</v>
      </c>
      <c r="Z11" s="281">
        <v>0</v>
      </c>
      <c r="AA11" s="278">
        <v>5</v>
      </c>
      <c r="AB11" s="280">
        <v>0</v>
      </c>
      <c r="AC11" s="281">
        <v>65</v>
      </c>
      <c r="AD11" s="281">
        <v>96</v>
      </c>
      <c r="AE11" s="281">
        <v>49</v>
      </c>
      <c r="AF11" s="281">
        <v>92</v>
      </c>
      <c r="AG11" s="281">
        <v>34</v>
      </c>
      <c r="AH11" s="278">
        <v>336</v>
      </c>
      <c r="AI11" s="283">
        <v>341</v>
      </c>
      <c r="AJ11" s="277">
        <v>0</v>
      </c>
      <c r="AK11" s="281">
        <v>4</v>
      </c>
      <c r="AL11" s="278">
        <v>4</v>
      </c>
      <c r="AM11" s="280">
        <v>0</v>
      </c>
      <c r="AN11" s="281">
        <v>22</v>
      </c>
      <c r="AO11" s="281">
        <v>55</v>
      </c>
      <c r="AP11" s="281">
        <v>40</v>
      </c>
      <c r="AQ11" s="281">
        <v>84</v>
      </c>
      <c r="AR11" s="281">
        <v>27</v>
      </c>
      <c r="AS11" s="278">
        <v>228</v>
      </c>
      <c r="AT11" s="283">
        <v>232</v>
      </c>
      <c r="AU11" s="277">
        <v>0</v>
      </c>
      <c r="AV11" s="281">
        <v>0</v>
      </c>
      <c r="AW11" s="278">
        <v>0</v>
      </c>
      <c r="AX11" s="280">
        <v>0</v>
      </c>
      <c r="AY11" s="281">
        <v>211</v>
      </c>
      <c r="AZ11" s="281">
        <v>247</v>
      </c>
      <c r="BA11" s="281">
        <v>72</v>
      </c>
      <c r="BB11" s="281">
        <v>99</v>
      </c>
      <c r="BC11" s="281">
        <v>15</v>
      </c>
      <c r="BD11" s="282">
        <v>644</v>
      </c>
      <c r="BE11" s="283">
        <v>644</v>
      </c>
      <c r="BF11" s="277">
        <v>0</v>
      </c>
      <c r="BG11" s="281">
        <v>0</v>
      </c>
      <c r="BH11" s="278">
        <v>0</v>
      </c>
      <c r="BI11" s="280">
        <v>0</v>
      </c>
      <c r="BJ11" s="281">
        <v>119</v>
      </c>
      <c r="BK11" s="281">
        <v>70</v>
      </c>
      <c r="BL11" s="281">
        <v>28</v>
      </c>
      <c r="BM11" s="281">
        <v>52</v>
      </c>
      <c r="BN11" s="281">
        <v>12</v>
      </c>
      <c r="BO11" s="278">
        <v>281</v>
      </c>
      <c r="BP11" s="283">
        <v>281</v>
      </c>
      <c r="BQ11" s="277">
        <v>0</v>
      </c>
      <c r="BR11" s="281">
        <v>0</v>
      </c>
      <c r="BS11" s="278">
        <v>0</v>
      </c>
      <c r="BT11" s="280">
        <v>0</v>
      </c>
      <c r="BU11" s="281">
        <v>11</v>
      </c>
      <c r="BV11" s="281">
        <v>25</v>
      </c>
      <c r="BW11" s="281">
        <v>42</v>
      </c>
      <c r="BX11" s="281">
        <v>39</v>
      </c>
      <c r="BY11" s="281">
        <v>2</v>
      </c>
      <c r="BZ11" s="278">
        <v>119</v>
      </c>
      <c r="CA11" s="283">
        <v>119</v>
      </c>
      <c r="CB11" s="277">
        <v>0</v>
      </c>
      <c r="CC11" s="281">
        <v>0</v>
      </c>
      <c r="CD11" s="278">
        <v>0</v>
      </c>
      <c r="CE11" s="280">
        <v>0</v>
      </c>
      <c r="CF11" s="281">
        <v>0</v>
      </c>
      <c r="CG11" s="281">
        <v>0</v>
      </c>
      <c r="CH11" s="281">
        <v>0</v>
      </c>
      <c r="CI11" s="281">
        <v>0</v>
      </c>
      <c r="CJ11" s="281">
        <v>0</v>
      </c>
      <c r="CK11" s="278">
        <v>0</v>
      </c>
      <c r="CL11" s="283">
        <v>0</v>
      </c>
      <c r="CM11" s="277">
        <v>0</v>
      </c>
      <c r="CN11" s="281">
        <v>0</v>
      </c>
      <c r="CO11" s="278">
        <v>0</v>
      </c>
      <c r="CP11" s="280">
        <v>0</v>
      </c>
      <c r="CQ11" s="281">
        <v>0</v>
      </c>
      <c r="CR11" s="281">
        <v>0</v>
      </c>
      <c r="CS11" s="281">
        <v>0</v>
      </c>
      <c r="CT11" s="281">
        <v>0</v>
      </c>
      <c r="CU11" s="281">
        <v>0</v>
      </c>
      <c r="CV11" s="278">
        <v>0</v>
      </c>
      <c r="CW11" s="283">
        <v>0</v>
      </c>
      <c r="CX11" s="277">
        <v>0</v>
      </c>
      <c r="CY11" s="281">
        <v>0</v>
      </c>
      <c r="CZ11" s="278">
        <v>0</v>
      </c>
      <c r="DA11" s="280">
        <v>0</v>
      </c>
      <c r="DB11" s="281">
        <v>0</v>
      </c>
      <c r="DC11" s="281">
        <v>0</v>
      </c>
      <c r="DD11" s="281">
        <v>0</v>
      </c>
      <c r="DE11" s="281">
        <v>0</v>
      </c>
      <c r="DF11" s="281">
        <v>0</v>
      </c>
      <c r="DG11" s="278">
        <v>0</v>
      </c>
      <c r="DH11" s="283">
        <v>0</v>
      </c>
    </row>
    <row r="12" spans="2:112" ht="18.75" customHeight="1" x14ac:dyDescent="0.2">
      <c r="B12" s="262" t="s">
        <v>9</v>
      </c>
      <c r="C12" s="277">
        <v>0</v>
      </c>
      <c r="D12" s="278">
        <v>0</v>
      </c>
      <c r="E12" s="279">
        <v>0</v>
      </c>
      <c r="F12" s="280">
        <v>0</v>
      </c>
      <c r="G12" s="281">
        <v>752</v>
      </c>
      <c r="H12" s="281">
        <v>671</v>
      </c>
      <c r="I12" s="281">
        <v>1009</v>
      </c>
      <c r="J12" s="281">
        <v>1209</v>
      </c>
      <c r="K12" s="281">
        <v>1644</v>
      </c>
      <c r="L12" s="282">
        <v>5285</v>
      </c>
      <c r="M12" s="283">
        <v>5285</v>
      </c>
      <c r="N12" s="277">
        <v>0</v>
      </c>
      <c r="O12" s="281">
        <v>0</v>
      </c>
      <c r="P12" s="278">
        <v>0</v>
      </c>
      <c r="Q12" s="280">
        <v>0</v>
      </c>
      <c r="R12" s="281">
        <v>18</v>
      </c>
      <c r="S12" s="281">
        <v>0</v>
      </c>
      <c r="T12" s="281">
        <v>17</v>
      </c>
      <c r="U12" s="281">
        <v>30</v>
      </c>
      <c r="V12" s="281">
        <v>68</v>
      </c>
      <c r="W12" s="278">
        <v>133</v>
      </c>
      <c r="X12" s="283">
        <v>133</v>
      </c>
      <c r="Y12" s="277">
        <v>35</v>
      </c>
      <c r="Z12" s="281">
        <v>96</v>
      </c>
      <c r="AA12" s="278">
        <v>131</v>
      </c>
      <c r="AB12" s="280">
        <v>0</v>
      </c>
      <c r="AC12" s="281">
        <v>543</v>
      </c>
      <c r="AD12" s="281">
        <v>319</v>
      </c>
      <c r="AE12" s="281">
        <v>348</v>
      </c>
      <c r="AF12" s="281">
        <v>290</v>
      </c>
      <c r="AG12" s="281">
        <v>129</v>
      </c>
      <c r="AH12" s="278">
        <v>1629</v>
      </c>
      <c r="AI12" s="283">
        <v>1760</v>
      </c>
      <c r="AJ12" s="277">
        <v>0</v>
      </c>
      <c r="AK12" s="281">
        <v>18</v>
      </c>
      <c r="AL12" s="278">
        <v>18</v>
      </c>
      <c r="AM12" s="280">
        <v>0</v>
      </c>
      <c r="AN12" s="281">
        <v>65</v>
      </c>
      <c r="AO12" s="281">
        <v>75</v>
      </c>
      <c r="AP12" s="281">
        <v>88</v>
      </c>
      <c r="AQ12" s="281">
        <v>84</v>
      </c>
      <c r="AR12" s="281">
        <v>60</v>
      </c>
      <c r="AS12" s="278">
        <v>372</v>
      </c>
      <c r="AT12" s="283">
        <v>390</v>
      </c>
      <c r="AU12" s="277">
        <v>0</v>
      </c>
      <c r="AV12" s="281">
        <v>0</v>
      </c>
      <c r="AW12" s="278">
        <v>0</v>
      </c>
      <c r="AX12" s="280">
        <v>0</v>
      </c>
      <c r="AY12" s="281">
        <v>348</v>
      </c>
      <c r="AZ12" s="281">
        <v>335</v>
      </c>
      <c r="BA12" s="281">
        <v>229</v>
      </c>
      <c r="BB12" s="281">
        <v>119</v>
      </c>
      <c r="BC12" s="281">
        <v>85</v>
      </c>
      <c r="BD12" s="282">
        <v>1116</v>
      </c>
      <c r="BE12" s="283">
        <v>1116</v>
      </c>
      <c r="BF12" s="277">
        <v>0</v>
      </c>
      <c r="BG12" s="281">
        <v>0</v>
      </c>
      <c r="BH12" s="278">
        <v>0</v>
      </c>
      <c r="BI12" s="280">
        <v>0</v>
      </c>
      <c r="BJ12" s="281">
        <v>96</v>
      </c>
      <c r="BK12" s="281">
        <v>64</v>
      </c>
      <c r="BL12" s="281">
        <v>42</v>
      </c>
      <c r="BM12" s="281">
        <v>55</v>
      </c>
      <c r="BN12" s="281">
        <v>6</v>
      </c>
      <c r="BO12" s="278">
        <v>263</v>
      </c>
      <c r="BP12" s="283">
        <v>263</v>
      </c>
      <c r="BQ12" s="277">
        <v>11</v>
      </c>
      <c r="BR12" s="281">
        <v>0</v>
      </c>
      <c r="BS12" s="278">
        <v>11</v>
      </c>
      <c r="BT12" s="280">
        <v>0</v>
      </c>
      <c r="BU12" s="281">
        <v>59</v>
      </c>
      <c r="BV12" s="281">
        <v>115</v>
      </c>
      <c r="BW12" s="281">
        <v>80</v>
      </c>
      <c r="BX12" s="281">
        <v>123</v>
      </c>
      <c r="BY12" s="281">
        <v>50</v>
      </c>
      <c r="BZ12" s="278">
        <v>427</v>
      </c>
      <c r="CA12" s="283">
        <v>438</v>
      </c>
      <c r="CB12" s="277">
        <v>5</v>
      </c>
      <c r="CC12" s="281">
        <v>0</v>
      </c>
      <c r="CD12" s="278">
        <v>5</v>
      </c>
      <c r="CE12" s="280">
        <v>0</v>
      </c>
      <c r="CF12" s="281">
        <v>0</v>
      </c>
      <c r="CG12" s="281">
        <v>0</v>
      </c>
      <c r="CH12" s="281">
        <v>15</v>
      </c>
      <c r="CI12" s="281">
        <v>5</v>
      </c>
      <c r="CJ12" s="281">
        <v>9</v>
      </c>
      <c r="CK12" s="278">
        <v>29</v>
      </c>
      <c r="CL12" s="283">
        <v>34</v>
      </c>
      <c r="CM12" s="277">
        <v>0</v>
      </c>
      <c r="CN12" s="281">
        <v>0</v>
      </c>
      <c r="CO12" s="278">
        <v>0</v>
      </c>
      <c r="CP12" s="280">
        <v>0</v>
      </c>
      <c r="CQ12" s="281">
        <v>0</v>
      </c>
      <c r="CR12" s="281">
        <v>0</v>
      </c>
      <c r="CS12" s="281">
        <v>0</v>
      </c>
      <c r="CT12" s="281">
        <v>0</v>
      </c>
      <c r="CU12" s="281">
        <v>0</v>
      </c>
      <c r="CV12" s="278">
        <v>0</v>
      </c>
      <c r="CW12" s="283">
        <v>0</v>
      </c>
      <c r="CX12" s="277">
        <v>0</v>
      </c>
      <c r="CY12" s="281">
        <v>0</v>
      </c>
      <c r="CZ12" s="278">
        <v>0</v>
      </c>
      <c r="DA12" s="280">
        <v>0</v>
      </c>
      <c r="DB12" s="281">
        <v>0</v>
      </c>
      <c r="DC12" s="281">
        <v>0</v>
      </c>
      <c r="DD12" s="281">
        <v>0</v>
      </c>
      <c r="DE12" s="281">
        <v>0</v>
      </c>
      <c r="DF12" s="281">
        <v>0</v>
      </c>
      <c r="DG12" s="278">
        <v>0</v>
      </c>
      <c r="DH12" s="283">
        <v>0</v>
      </c>
    </row>
    <row r="13" spans="2:112" ht="18.75" customHeight="1" x14ac:dyDescent="0.2">
      <c r="B13" s="262" t="s">
        <v>10</v>
      </c>
      <c r="C13" s="277">
        <v>0</v>
      </c>
      <c r="D13" s="278">
        <v>0</v>
      </c>
      <c r="E13" s="279">
        <v>0</v>
      </c>
      <c r="F13" s="280">
        <v>0</v>
      </c>
      <c r="G13" s="281">
        <v>1245</v>
      </c>
      <c r="H13" s="281">
        <v>1139</v>
      </c>
      <c r="I13" s="281">
        <v>1347</v>
      </c>
      <c r="J13" s="281">
        <v>1618</v>
      </c>
      <c r="K13" s="281">
        <v>1601</v>
      </c>
      <c r="L13" s="282">
        <v>6950</v>
      </c>
      <c r="M13" s="283">
        <v>6950</v>
      </c>
      <c r="N13" s="277">
        <v>0</v>
      </c>
      <c r="O13" s="281">
        <v>0</v>
      </c>
      <c r="P13" s="278">
        <v>0</v>
      </c>
      <c r="Q13" s="280">
        <v>0</v>
      </c>
      <c r="R13" s="281">
        <v>9</v>
      </c>
      <c r="S13" s="281">
        <v>16</v>
      </c>
      <c r="T13" s="281">
        <v>0</v>
      </c>
      <c r="U13" s="281">
        <v>17</v>
      </c>
      <c r="V13" s="281">
        <v>52</v>
      </c>
      <c r="W13" s="278">
        <v>94</v>
      </c>
      <c r="X13" s="283">
        <v>94</v>
      </c>
      <c r="Y13" s="277">
        <v>67</v>
      </c>
      <c r="Z13" s="281">
        <v>190</v>
      </c>
      <c r="AA13" s="278">
        <v>257</v>
      </c>
      <c r="AB13" s="280">
        <v>0</v>
      </c>
      <c r="AC13" s="281">
        <v>546</v>
      </c>
      <c r="AD13" s="281">
        <v>407</v>
      </c>
      <c r="AE13" s="281">
        <v>210</v>
      </c>
      <c r="AF13" s="281">
        <v>150</v>
      </c>
      <c r="AG13" s="281">
        <v>231</v>
      </c>
      <c r="AH13" s="278">
        <v>1544</v>
      </c>
      <c r="AI13" s="283">
        <v>1801</v>
      </c>
      <c r="AJ13" s="277">
        <v>32</v>
      </c>
      <c r="AK13" s="281">
        <v>68</v>
      </c>
      <c r="AL13" s="278">
        <v>100</v>
      </c>
      <c r="AM13" s="280">
        <v>0</v>
      </c>
      <c r="AN13" s="281">
        <v>31</v>
      </c>
      <c r="AO13" s="281">
        <v>73</v>
      </c>
      <c r="AP13" s="281">
        <v>37</v>
      </c>
      <c r="AQ13" s="281">
        <v>61</v>
      </c>
      <c r="AR13" s="281">
        <v>50</v>
      </c>
      <c r="AS13" s="278">
        <v>252</v>
      </c>
      <c r="AT13" s="283">
        <v>352</v>
      </c>
      <c r="AU13" s="277">
        <v>0</v>
      </c>
      <c r="AV13" s="281">
        <v>0</v>
      </c>
      <c r="AW13" s="278">
        <v>0</v>
      </c>
      <c r="AX13" s="280">
        <v>0</v>
      </c>
      <c r="AY13" s="281">
        <v>981</v>
      </c>
      <c r="AZ13" s="281">
        <v>606</v>
      </c>
      <c r="BA13" s="281">
        <v>299</v>
      </c>
      <c r="BB13" s="281">
        <v>130</v>
      </c>
      <c r="BC13" s="281">
        <v>38</v>
      </c>
      <c r="BD13" s="282">
        <v>2054</v>
      </c>
      <c r="BE13" s="283">
        <v>2054</v>
      </c>
      <c r="BF13" s="277">
        <v>0</v>
      </c>
      <c r="BG13" s="281">
        <v>0</v>
      </c>
      <c r="BH13" s="278">
        <v>0</v>
      </c>
      <c r="BI13" s="280">
        <v>0</v>
      </c>
      <c r="BJ13" s="281">
        <v>126</v>
      </c>
      <c r="BK13" s="281">
        <v>68</v>
      </c>
      <c r="BL13" s="281">
        <v>62</v>
      </c>
      <c r="BM13" s="281">
        <v>21</v>
      </c>
      <c r="BN13" s="281">
        <v>10</v>
      </c>
      <c r="BO13" s="278">
        <v>287</v>
      </c>
      <c r="BP13" s="283">
        <v>287</v>
      </c>
      <c r="BQ13" s="277">
        <v>0</v>
      </c>
      <c r="BR13" s="281">
        <v>8</v>
      </c>
      <c r="BS13" s="278">
        <v>8</v>
      </c>
      <c r="BT13" s="280">
        <v>0</v>
      </c>
      <c r="BU13" s="281">
        <v>95</v>
      </c>
      <c r="BV13" s="281">
        <v>38</v>
      </c>
      <c r="BW13" s="281">
        <v>190</v>
      </c>
      <c r="BX13" s="281">
        <v>82</v>
      </c>
      <c r="BY13" s="281">
        <v>33</v>
      </c>
      <c r="BZ13" s="278">
        <v>438</v>
      </c>
      <c r="CA13" s="283">
        <v>446</v>
      </c>
      <c r="CB13" s="277">
        <v>0</v>
      </c>
      <c r="CC13" s="281">
        <v>0</v>
      </c>
      <c r="CD13" s="278">
        <v>0</v>
      </c>
      <c r="CE13" s="280">
        <v>0</v>
      </c>
      <c r="CF13" s="281">
        <v>6</v>
      </c>
      <c r="CG13" s="281">
        <v>13</v>
      </c>
      <c r="CH13" s="281">
        <v>2</v>
      </c>
      <c r="CI13" s="281">
        <v>5</v>
      </c>
      <c r="CJ13" s="281">
        <v>4</v>
      </c>
      <c r="CK13" s="278">
        <v>30</v>
      </c>
      <c r="CL13" s="283">
        <v>30</v>
      </c>
      <c r="CM13" s="277">
        <v>0</v>
      </c>
      <c r="CN13" s="281">
        <v>0</v>
      </c>
      <c r="CO13" s="278">
        <v>0</v>
      </c>
      <c r="CP13" s="280">
        <v>0</v>
      </c>
      <c r="CQ13" s="281">
        <v>0</v>
      </c>
      <c r="CR13" s="281">
        <v>0</v>
      </c>
      <c r="CS13" s="281">
        <v>0</v>
      </c>
      <c r="CT13" s="281">
        <v>0</v>
      </c>
      <c r="CU13" s="281">
        <v>0</v>
      </c>
      <c r="CV13" s="278">
        <v>0</v>
      </c>
      <c r="CW13" s="283">
        <v>0</v>
      </c>
      <c r="CX13" s="277">
        <v>0</v>
      </c>
      <c r="CY13" s="281">
        <v>0</v>
      </c>
      <c r="CZ13" s="278">
        <v>0</v>
      </c>
      <c r="DA13" s="280">
        <v>0</v>
      </c>
      <c r="DB13" s="281">
        <v>0</v>
      </c>
      <c r="DC13" s="281">
        <v>0</v>
      </c>
      <c r="DD13" s="281">
        <v>0</v>
      </c>
      <c r="DE13" s="281">
        <v>0</v>
      </c>
      <c r="DF13" s="281">
        <v>0</v>
      </c>
      <c r="DG13" s="278">
        <v>0</v>
      </c>
      <c r="DH13" s="283">
        <v>0</v>
      </c>
    </row>
    <row r="14" spans="2:112" ht="18.75" customHeight="1" x14ac:dyDescent="0.2">
      <c r="B14" s="262" t="s">
        <v>11</v>
      </c>
      <c r="C14" s="277">
        <v>0</v>
      </c>
      <c r="D14" s="278">
        <v>0</v>
      </c>
      <c r="E14" s="279">
        <v>0</v>
      </c>
      <c r="F14" s="280">
        <v>0</v>
      </c>
      <c r="G14" s="281">
        <v>106</v>
      </c>
      <c r="H14" s="281">
        <v>127</v>
      </c>
      <c r="I14" s="281">
        <v>301</v>
      </c>
      <c r="J14" s="281">
        <v>314</v>
      </c>
      <c r="K14" s="281">
        <v>524</v>
      </c>
      <c r="L14" s="282">
        <v>1372</v>
      </c>
      <c r="M14" s="283">
        <v>1372</v>
      </c>
      <c r="N14" s="277">
        <v>0</v>
      </c>
      <c r="O14" s="281">
        <v>0</v>
      </c>
      <c r="P14" s="278">
        <v>0</v>
      </c>
      <c r="Q14" s="280">
        <v>0</v>
      </c>
      <c r="R14" s="281">
        <v>0</v>
      </c>
      <c r="S14" s="281">
        <v>0</v>
      </c>
      <c r="T14" s="281">
        <v>0</v>
      </c>
      <c r="U14" s="281">
        <v>22</v>
      </c>
      <c r="V14" s="281">
        <v>21</v>
      </c>
      <c r="W14" s="278">
        <v>43</v>
      </c>
      <c r="X14" s="283">
        <v>43</v>
      </c>
      <c r="Y14" s="277">
        <v>10</v>
      </c>
      <c r="Z14" s="281">
        <v>23</v>
      </c>
      <c r="AA14" s="278">
        <v>33</v>
      </c>
      <c r="AB14" s="280">
        <v>0</v>
      </c>
      <c r="AC14" s="281">
        <v>172</v>
      </c>
      <c r="AD14" s="281">
        <v>151</v>
      </c>
      <c r="AE14" s="281">
        <v>86</v>
      </c>
      <c r="AF14" s="281">
        <v>106</v>
      </c>
      <c r="AG14" s="281">
        <v>86</v>
      </c>
      <c r="AH14" s="278">
        <v>601</v>
      </c>
      <c r="AI14" s="283">
        <v>634</v>
      </c>
      <c r="AJ14" s="277">
        <v>0</v>
      </c>
      <c r="AK14" s="281">
        <v>0</v>
      </c>
      <c r="AL14" s="278">
        <v>0</v>
      </c>
      <c r="AM14" s="280">
        <v>0</v>
      </c>
      <c r="AN14" s="281">
        <v>48</v>
      </c>
      <c r="AO14" s="281">
        <v>18</v>
      </c>
      <c r="AP14" s="281">
        <v>0</v>
      </c>
      <c r="AQ14" s="281">
        <v>0</v>
      </c>
      <c r="AR14" s="281">
        <v>30</v>
      </c>
      <c r="AS14" s="278">
        <v>96</v>
      </c>
      <c r="AT14" s="283">
        <v>96</v>
      </c>
      <c r="AU14" s="277">
        <v>0</v>
      </c>
      <c r="AV14" s="281">
        <v>0</v>
      </c>
      <c r="AW14" s="278">
        <v>0</v>
      </c>
      <c r="AX14" s="280">
        <v>0</v>
      </c>
      <c r="AY14" s="281">
        <v>173</v>
      </c>
      <c r="AZ14" s="281">
        <v>117</v>
      </c>
      <c r="BA14" s="281">
        <v>119</v>
      </c>
      <c r="BB14" s="281">
        <v>110</v>
      </c>
      <c r="BC14" s="281">
        <v>21</v>
      </c>
      <c r="BD14" s="282">
        <v>540</v>
      </c>
      <c r="BE14" s="283">
        <v>540</v>
      </c>
      <c r="BF14" s="277">
        <v>0</v>
      </c>
      <c r="BG14" s="281">
        <v>0</v>
      </c>
      <c r="BH14" s="278">
        <v>0</v>
      </c>
      <c r="BI14" s="280">
        <v>0</v>
      </c>
      <c r="BJ14" s="281">
        <v>97</v>
      </c>
      <c r="BK14" s="281">
        <v>34</v>
      </c>
      <c r="BL14" s="281">
        <v>52</v>
      </c>
      <c r="BM14" s="281">
        <v>19</v>
      </c>
      <c r="BN14" s="281">
        <v>9</v>
      </c>
      <c r="BO14" s="278">
        <v>211</v>
      </c>
      <c r="BP14" s="283">
        <v>211</v>
      </c>
      <c r="BQ14" s="277">
        <v>0</v>
      </c>
      <c r="BR14" s="281">
        <v>0</v>
      </c>
      <c r="BS14" s="278">
        <v>0</v>
      </c>
      <c r="BT14" s="280">
        <v>0</v>
      </c>
      <c r="BU14" s="281">
        <v>28</v>
      </c>
      <c r="BV14" s="281">
        <v>35</v>
      </c>
      <c r="BW14" s="281">
        <v>18</v>
      </c>
      <c r="BX14" s="281">
        <v>34</v>
      </c>
      <c r="BY14" s="281">
        <v>42</v>
      </c>
      <c r="BZ14" s="278">
        <v>157</v>
      </c>
      <c r="CA14" s="283">
        <v>157</v>
      </c>
      <c r="CB14" s="277">
        <v>0</v>
      </c>
      <c r="CC14" s="281">
        <v>14</v>
      </c>
      <c r="CD14" s="278">
        <v>14</v>
      </c>
      <c r="CE14" s="280">
        <v>0</v>
      </c>
      <c r="CF14" s="281">
        <v>6</v>
      </c>
      <c r="CG14" s="281">
        <v>11</v>
      </c>
      <c r="CH14" s="281">
        <v>27</v>
      </c>
      <c r="CI14" s="281">
        <v>16</v>
      </c>
      <c r="CJ14" s="281">
        <v>0</v>
      </c>
      <c r="CK14" s="278">
        <v>60</v>
      </c>
      <c r="CL14" s="283">
        <v>74</v>
      </c>
      <c r="CM14" s="277">
        <v>0</v>
      </c>
      <c r="CN14" s="281">
        <v>0</v>
      </c>
      <c r="CO14" s="278">
        <v>0</v>
      </c>
      <c r="CP14" s="280">
        <v>0</v>
      </c>
      <c r="CQ14" s="281">
        <v>0</v>
      </c>
      <c r="CR14" s="281">
        <v>0</v>
      </c>
      <c r="CS14" s="281">
        <v>0</v>
      </c>
      <c r="CT14" s="281">
        <v>0</v>
      </c>
      <c r="CU14" s="281">
        <v>0</v>
      </c>
      <c r="CV14" s="278">
        <v>0</v>
      </c>
      <c r="CW14" s="283">
        <v>0</v>
      </c>
      <c r="CX14" s="277">
        <v>0</v>
      </c>
      <c r="CY14" s="281">
        <v>0</v>
      </c>
      <c r="CZ14" s="278">
        <v>0</v>
      </c>
      <c r="DA14" s="280">
        <v>0</v>
      </c>
      <c r="DB14" s="281">
        <v>0</v>
      </c>
      <c r="DC14" s="281">
        <v>0</v>
      </c>
      <c r="DD14" s="281">
        <v>0</v>
      </c>
      <c r="DE14" s="281">
        <v>0</v>
      </c>
      <c r="DF14" s="281">
        <v>0</v>
      </c>
      <c r="DG14" s="278">
        <v>0</v>
      </c>
      <c r="DH14" s="283">
        <v>0</v>
      </c>
    </row>
    <row r="15" spans="2:112" ht="18.75" customHeight="1" x14ac:dyDescent="0.2">
      <c r="B15" s="262" t="s">
        <v>12</v>
      </c>
      <c r="C15" s="277">
        <v>0</v>
      </c>
      <c r="D15" s="278">
        <v>0</v>
      </c>
      <c r="E15" s="279">
        <v>0</v>
      </c>
      <c r="F15" s="280">
        <v>0</v>
      </c>
      <c r="G15" s="281">
        <v>510</v>
      </c>
      <c r="H15" s="281">
        <v>428</v>
      </c>
      <c r="I15" s="281">
        <v>760</v>
      </c>
      <c r="J15" s="281">
        <v>554</v>
      </c>
      <c r="K15" s="281">
        <v>523</v>
      </c>
      <c r="L15" s="282">
        <v>2775</v>
      </c>
      <c r="M15" s="283">
        <v>2775</v>
      </c>
      <c r="N15" s="277">
        <v>0</v>
      </c>
      <c r="O15" s="281">
        <v>0</v>
      </c>
      <c r="P15" s="278">
        <v>0</v>
      </c>
      <c r="Q15" s="280">
        <v>0</v>
      </c>
      <c r="R15" s="281">
        <v>0</v>
      </c>
      <c r="S15" s="281">
        <v>5</v>
      </c>
      <c r="T15" s="281">
        <v>0</v>
      </c>
      <c r="U15" s="281">
        <v>6</v>
      </c>
      <c r="V15" s="281">
        <v>54</v>
      </c>
      <c r="W15" s="278">
        <v>65</v>
      </c>
      <c r="X15" s="283">
        <v>65</v>
      </c>
      <c r="Y15" s="277">
        <v>48</v>
      </c>
      <c r="Z15" s="281">
        <v>75</v>
      </c>
      <c r="AA15" s="278">
        <v>123</v>
      </c>
      <c r="AB15" s="280">
        <v>0</v>
      </c>
      <c r="AC15" s="281">
        <v>106</v>
      </c>
      <c r="AD15" s="281">
        <v>137</v>
      </c>
      <c r="AE15" s="281">
        <v>210</v>
      </c>
      <c r="AF15" s="281">
        <v>87</v>
      </c>
      <c r="AG15" s="281">
        <v>135</v>
      </c>
      <c r="AH15" s="278">
        <v>675</v>
      </c>
      <c r="AI15" s="283">
        <v>798</v>
      </c>
      <c r="AJ15" s="277">
        <v>0</v>
      </c>
      <c r="AK15" s="281">
        <v>0</v>
      </c>
      <c r="AL15" s="278">
        <v>0</v>
      </c>
      <c r="AM15" s="280">
        <v>0</v>
      </c>
      <c r="AN15" s="281">
        <v>35</v>
      </c>
      <c r="AO15" s="281">
        <v>22</v>
      </c>
      <c r="AP15" s="281">
        <v>0</v>
      </c>
      <c r="AQ15" s="281">
        <v>6</v>
      </c>
      <c r="AR15" s="281">
        <v>0</v>
      </c>
      <c r="AS15" s="278">
        <v>63</v>
      </c>
      <c r="AT15" s="283">
        <v>63</v>
      </c>
      <c r="AU15" s="277">
        <v>0</v>
      </c>
      <c r="AV15" s="281">
        <v>0</v>
      </c>
      <c r="AW15" s="278">
        <v>0</v>
      </c>
      <c r="AX15" s="280">
        <v>0</v>
      </c>
      <c r="AY15" s="281">
        <v>354</v>
      </c>
      <c r="AZ15" s="281">
        <v>204</v>
      </c>
      <c r="BA15" s="281">
        <v>107</v>
      </c>
      <c r="BB15" s="281">
        <v>167</v>
      </c>
      <c r="BC15" s="281">
        <v>28</v>
      </c>
      <c r="BD15" s="282">
        <v>860</v>
      </c>
      <c r="BE15" s="283">
        <v>860</v>
      </c>
      <c r="BF15" s="277">
        <v>0</v>
      </c>
      <c r="BG15" s="281">
        <v>0</v>
      </c>
      <c r="BH15" s="278">
        <v>0</v>
      </c>
      <c r="BI15" s="280">
        <v>0</v>
      </c>
      <c r="BJ15" s="281">
        <v>58</v>
      </c>
      <c r="BK15" s="281">
        <v>94</v>
      </c>
      <c r="BL15" s="281">
        <v>83</v>
      </c>
      <c r="BM15" s="281">
        <v>48</v>
      </c>
      <c r="BN15" s="281">
        <v>17</v>
      </c>
      <c r="BO15" s="278">
        <v>300</v>
      </c>
      <c r="BP15" s="283">
        <v>300</v>
      </c>
      <c r="BQ15" s="277">
        <v>0</v>
      </c>
      <c r="BR15" s="281">
        <v>8</v>
      </c>
      <c r="BS15" s="278">
        <v>8</v>
      </c>
      <c r="BT15" s="280">
        <v>0</v>
      </c>
      <c r="BU15" s="281">
        <v>68</v>
      </c>
      <c r="BV15" s="281">
        <v>5</v>
      </c>
      <c r="BW15" s="281">
        <v>89</v>
      </c>
      <c r="BX15" s="281">
        <v>81</v>
      </c>
      <c r="BY15" s="281">
        <v>24</v>
      </c>
      <c r="BZ15" s="278">
        <v>267</v>
      </c>
      <c r="CA15" s="283">
        <v>275</v>
      </c>
      <c r="CB15" s="277">
        <v>0</v>
      </c>
      <c r="CC15" s="281">
        <v>0</v>
      </c>
      <c r="CD15" s="278">
        <v>0</v>
      </c>
      <c r="CE15" s="280">
        <v>0</v>
      </c>
      <c r="CF15" s="281">
        <v>0</v>
      </c>
      <c r="CG15" s="281">
        <v>0</v>
      </c>
      <c r="CH15" s="281">
        <v>0</v>
      </c>
      <c r="CI15" s="281">
        <v>0</v>
      </c>
      <c r="CJ15" s="281">
        <v>0</v>
      </c>
      <c r="CK15" s="278">
        <v>0</v>
      </c>
      <c r="CL15" s="283">
        <v>0</v>
      </c>
      <c r="CM15" s="277">
        <v>0</v>
      </c>
      <c r="CN15" s="281">
        <v>0</v>
      </c>
      <c r="CO15" s="278">
        <v>0</v>
      </c>
      <c r="CP15" s="280">
        <v>0</v>
      </c>
      <c r="CQ15" s="281">
        <v>0</v>
      </c>
      <c r="CR15" s="281">
        <v>0</v>
      </c>
      <c r="CS15" s="281">
        <v>0</v>
      </c>
      <c r="CT15" s="281">
        <v>0</v>
      </c>
      <c r="CU15" s="281">
        <v>0</v>
      </c>
      <c r="CV15" s="278">
        <v>0</v>
      </c>
      <c r="CW15" s="283">
        <v>0</v>
      </c>
      <c r="CX15" s="277">
        <v>0</v>
      </c>
      <c r="CY15" s="281">
        <v>0</v>
      </c>
      <c r="CZ15" s="278">
        <v>0</v>
      </c>
      <c r="DA15" s="280">
        <v>0</v>
      </c>
      <c r="DB15" s="281">
        <v>0</v>
      </c>
      <c r="DC15" s="281">
        <v>0</v>
      </c>
      <c r="DD15" s="281">
        <v>0</v>
      </c>
      <c r="DE15" s="281">
        <v>0</v>
      </c>
      <c r="DF15" s="281">
        <v>0</v>
      </c>
      <c r="DG15" s="278">
        <v>0</v>
      </c>
      <c r="DH15" s="283">
        <v>0</v>
      </c>
    </row>
    <row r="16" spans="2:112" ht="18.75" customHeight="1" x14ac:dyDescent="0.2">
      <c r="B16" s="262" t="s">
        <v>13</v>
      </c>
      <c r="C16" s="277">
        <v>0</v>
      </c>
      <c r="D16" s="278">
        <v>0</v>
      </c>
      <c r="E16" s="279">
        <v>0</v>
      </c>
      <c r="F16" s="280">
        <v>0</v>
      </c>
      <c r="G16" s="281">
        <v>141</v>
      </c>
      <c r="H16" s="281">
        <v>347</v>
      </c>
      <c r="I16" s="281">
        <v>540</v>
      </c>
      <c r="J16" s="281">
        <v>884</v>
      </c>
      <c r="K16" s="281">
        <v>586</v>
      </c>
      <c r="L16" s="282">
        <v>2498</v>
      </c>
      <c r="M16" s="283">
        <v>2498</v>
      </c>
      <c r="N16" s="277">
        <v>0</v>
      </c>
      <c r="O16" s="281">
        <v>0</v>
      </c>
      <c r="P16" s="278">
        <v>0</v>
      </c>
      <c r="Q16" s="280">
        <v>0</v>
      </c>
      <c r="R16" s="281">
        <v>0</v>
      </c>
      <c r="S16" s="281">
        <v>0</v>
      </c>
      <c r="T16" s="281">
        <v>9</v>
      </c>
      <c r="U16" s="281">
        <v>8</v>
      </c>
      <c r="V16" s="281">
        <v>0</v>
      </c>
      <c r="W16" s="278">
        <v>17</v>
      </c>
      <c r="X16" s="283">
        <v>17</v>
      </c>
      <c r="Y16" s="277">
        <v>0</v>
      </c>
      <c r="Z16" s="281">
        <v>27</v>
      </c>
      <c r="AA16" s="278">
        <v>27</v>
      </c>
      <c r="AB16" s="280">
        <v>0</v>
      </c>
      <c r="AC16" s="281">
        <v>116</v>
      </c>
      <c r="AD16" s="281">
        <v>97</v>
      </c>
      <c r="AE16" s="281">
        <v>116</v>
      </c>
      <c r="AF16" s="281">
        <v>116</v>
      </c>
      <c r="AG16" s="281">
        <v>70</v>
      </c>
      <c r="AH16" s="278">
        <v>515</v>
      </c>
      <c r="AI16" s="283">
        <v>542</v>
      </c>
      <c r="AJ16" s="277">
        <v>0</v>
      </c>
      <c r="AK16" s="281">
        <v>0</v>
      </c>
      <c r="AL16" s="278">
        <v>0</v>
      </c>
      <c r="AM16" s="280">
        <v>0</v>
      </c>
      <c r="AN16" s="281">
        <v>9</v>
      </c>
      <c r="AO16" s="281">
        <v>87</v>
      </c>
      <c r="AP16" s="281">
        <v>0</v>
      </c>
      <c r="AQ16" s="281">
        <v>6</v>
      </c>
      <c r="AR16" s="281">
        <v>33</v>
      </c>
      <c r="AS16" s="278">
        <v>135</v>
      </c>
      <c r="AT16" s="283">
        <v>135</v>
      </c>
      <c r="AU16" s="277">
        <v>0</v>
      </c>
      <c r="AV16" s="281">
        <v>0</v>
      </c>
      <c r="AW16" s="278">
        <v>0</v>
      </c>
      <c r="AX16" s="280">
        <v>0</v>
      </c>
      <c r="AY16" s="281">
        <v>132</v>
      </c>
      <c r="AZ16" s="281">
        <v>135</v>
      </c>
      <c r="BA16" s="281">
        <v>129</v>
      </c>
      <c r="BB16" s="281">
        <v>41</v>
      </c>
      <c r="BC16" s="281">
        <v>16</v>
      </c>
      <c r="BD16" s="282">
        <v>453</v>
      </c>
      <c r="BE16" s="283">
        <v>453</v>
      </c>
      <c r="BF16" s="277">
        <v>0</v>
      </c>
      <c r="BG16" s="281">
        <v>0</v>
      </c>
      <c r="BH16" s="278">
        <v>0</v>
      </c>
      <c r="BI16" s="280">
        <v>0</v>
      </c>
      <c r="BJ16" s="281">
        <v>5</v>
      </c>
      <c r="BK16" s="281">
        <v>18</v>
      </c>
      <c r="BL16" s="281">
        <v>22</v>
      </c>
      <c r="BM16" s="281">
        <v>11</v>
      </c>
      <c r="BN16" s="281">
        <v>0</v>
      </c>
      <c r="BO16" s="278">
        <v>56</v>
      </c>
      <c r="BP16" s="283">
        <v>56</v>
      </c>
      <c r="BQ16" s="277">
        <v>0</v>
      </c>
      <c r="BR16" s="281">
        <v>0</v>
      </c>
      <c r="BS16" s="278">
        <v>0</v>
      </c>
      <c r="BT16" s="280">
        <v>0</v>
      </c>
      <c r="BU16" s="281">
        <v>13</v>
      </c>
      <c r="BV16" s="281">
        <v>5</v>
      </c>
      <c r="BW16" s="281">
        <v>77</v>
      </c>
      <c r="BX16" s="281">
        <v>13</v>
      </c>
      <c r="BY16" s="281">
        <v>35</v>
      </c>
      <c r="BZ16" s="278">
        <v>143</v>
      </c>
      <c r="CA16" s="283">
        <v>143</v>
      </c>
      <c r="CB16" s="277">
        <v>0</v>
      </c>
      <c r="CC16" s="281">
        <v>0</v>
      </c>
      <c r="CD16" s="278">
        <v>0</v>
      </c>
      <c r="CE16" s="280">
        <v>0</v>
      </c>
      <c r="CF16" s="281">
        <v>0</v>
      </c>
      <c r="CG16" s="281">
        <v>0</v>
      </c>
      <c r="CH16" s="281">
        <v>0</v>
      </c>
      <c r="CI16" s="281">
        <v>7</v>
      </c>
      <c r="CJ16" s="281">
        <v>0</v>
      </c>
      <c r="CK16" s="278">
        <v>7</v>
      </c>
      <c r="CL16" s="283">
        <v>7</v>
      </c>
      <c r="CM16" s="277">
        <v>0</v>
      </c>
      <c r="CN16" s="281">
        <v>0</v>
      </c>
      <c r="CO16" s="278">
        <v>0</v>
      </c>
      <c r="CP16" s="280">
        <v>0</v>
      </c>
      <c r="CQ16" s="281">
        <v>0</v>
      </c>
      <c r="CR16" s="281">
        <v>0</v>
      </c>
      <c r="CS16" s="281">
        <v>0</v>
      </c>
      <c r="CT16" s="281">
        <v>0</v>
      </c>
      <c r="CU16" s="281">
        <v>0</v>
      </c>
      <c r="CV16" s="278">
        <v>0</v>
      </c>
      <c r="CW16" s="283">
        <v>0</v>
      </c>
      <c r="CX16" s="277">
        <v>0</v>
      </c>
      <c r="CY16" s="281">
        <v>0</v>
      </c>
      <c r="CZ16" s="278">
        <v>0</v>
      </c>
      <c r="DA16" s="280">
        <v>0</v>
      </c>
      <c r="DB16" s="281">
        <v>0</v>
      </c>
      <c r="DC16" s="281">
        <v>0</v>
      </c>
      <c r="DD16" s="281">
        <v>0</v>
      </c>
      <c r="DE16" s="281">
        <v>0</v>
      </c>
      <c r="DF16" s="281">
        <v>0</v>
      </c>
      <c r="DG16" s="278">
        <v>0</v>
      </c>
      <c r="DH16" s="283">
        <v>0</v>
      </c>
    </row>
    <row r="17" spans="2:112" ht="18.75" customHeight="1" x14ac:dyDescent="0.2">
      <c r="B17" s="262" t="s">
        <v>15</v>
      </c>
      <c r="C17" s="277">
        <v>0</v>
      </c>
      <c r="D17" s="278">
        <v>0</v>
      </c>
      <c r="E17" s="279">
        <v>0</v>
      </c>
      <c r="F17" s="280">
        <v>0</v>
      </c>
      <c r="G17" s="281">
        <v>40</v>
      </c>
      <c r="H17" s="281">
        <v>36</v>
      </c>
      <c r="I17" s="281">
        <v>0</v>
      </c>
      <c r="J17" s="281">
        <v>7</v>
      </c>
      <c r="K17" s="281">
        <v>180</v>
      </c>
      <c r="L17" s="282">
        <v>263</v>
      </c>
      <c r="M17" s="283">
        <v>263</v>
      </c>
      <c r="N17" s="277">
        <v>0</v>
      </c>
      <c r="O17" s="281">
        <v>0</v>
      </c>
      <c r="P17" s="278">
        <v>0</v>
      </c>
      <c r="Q17" s="280">
        <v>0</v>
      </c>
      <c r="R17" s="281">
        <v>0</v>
      </c>
      <c r="S17" s="281">
        <v>0</v>
      </c>
      <c r="T17" s="281">
        <v>0</v>
      </c>
      <c r="U17" s="281">
        <v>0</v>
      </c>
      <c r="V17" s="281">
        <v>13</v>
      </c>
      <c r="W17" s="278">
        <v>13</v>
      </c>
      <c r="X17" s="283">
        <v>13</v>
      </c>
      <c r="Y17" s="277">
        <v>0</v>
      </c>
      <c r="Z17" s="281">
        <v>0</v>
      </c>
      <c r="AA17" s="278">
        <v>0</v>
      </c>
      <c r="AB17" s="280">
        <v>0</v>
      </c>
      <c r="AC17" s="281">
        <v>0</v>
      </c>
      <c r="AD17" s="281">
        <v>29</v>
      </c>
      <c r="AE17" s="281">
        <v>12</v>
      </c>
      <c r="AF17" s="281">
        <v>29</v>
      </c>
      <c r="AG17" s="281">
        <v>40</v>
      </c>
      <c r="AH17" s="278">
        <v>110</v>
      </c>
      <c r="AI17" s="283">
        <v>110</v>
      </c>
      <c r="AJ17" s="277">
        <v>0</v>
      </c>
      <c r="AK17" s="281">
        <v>0</v>
      </c>
      <c r="AL17" s="278">
        <v>0</v>
      </c>
      <c r="AM17" s="280">
        <v>0</v>
      </c>
      <c r="AN17" s="281">
        <v>0</v>
      </c>
      <c r="AO17" s="281">
        <v>0</v>
      </c>
      <c r="AP17" s="281">
        <v>9</v>
      </c>
      <c r="AQ17" s="281">
        <v>0</v>
      </c>
      <c r="AR17" s="281">
        <v>12</v>
      </c>
      <c r="AS17" s="278">
        <v>21</v>
      </c>
      <c r="AT17" s="283">
        <v>21</v>
      </c>
      <c r="AU17" s="277">
        <v>0</v>
      </c>
      <c r="AV17" s="281">
        <v>0</v>
      </c>
      <c r="AW17" s="278">
        <v>0</v>
      </c>
      <c r="AX17" s="280">
        <v>0</v>
      </c>
      <c r="AY17" s="281">
        <v>31</v>
      </c>
      <c r="AZ17" s="281">
        <v>18</v>
      </c>
      <c r="BA17" s="281">
        <v>34</v>
      </c>
      <c r="BB17" s="281">
        <v>12</v>
      </c>
      <c r="BC17" s="281">
        <v>7</v>
      </c>
      <c r="BD17" s="282">
        <v>102</v>
      </c>
      <c r="BE17" s="283">
        <v>102</v>
      </c>
      <c r="BF17" s="277">
        <v>0</v>
      </c>
      <c r="BG17" s="281">
        <v>0</v>
      </c>
      <c r="BH17" s="278">
        <v>0</v>
      </c>
      <c r="BI17" s="280">
        <v>0</v>
      </c>
      <c r="BJ17" s="281">
        <v>20</v>
      </c>
      <c r="BK17" s="281">
        <v>17</v>
      </c>
      <c r="BL17" s="281">
        <v>12</v>
      </c>
      <c r="BM17" s="281">
        <v>6</v>
      </c>
      <c r="BN17" s="281">
        <v>10</v>
      </c>
      <c r="BO17" s="278">
        <v>65</v>
      </c>
      <c r="BP17" s="283">
        <v>65</v>
      </c>
      <c r="BQ17" s="277">
        <v>0</v>
      </c>
      <c r="BR17" s="281">
        <v>0</v>
      </c>
      <c r="BS17" s="278">
        <v>0</v>
      </c>
      <c r="BT17" s="280">
        <v>0</v>
      </c>
      <c r="BU17" s="281">
        <v>3</v>
      </c>
      <c r="BV17" s="281">
        <v>6</v>
      </c>
      <c r="BW17" s="281">
        <v>1</v>
      </c>
      <c r="BX17" s="281">
        <v>45</v>
      </c>
      <c r="BY17" s="281">
        <v>0</v>
      </c>
      <c r="BZ17" s="278">
        <v>55</v>
      </c>
      <c r="CA17" s="283">
        <v>55</v>
      </c>
      <c r="CB17" s="277">
        <v>0</v>
      </c>
      <c r="CC17" s="281">
        <v>0</v>
      </c>
      <c r="CD17" s="278">
        <v>0</v>
      </c>
      <c r="CE17" s="280">
        <v>0</v>
      </c>
      <c r="CF17" s="281">
        <v>0</v>
      </c>
      <c r="CG17" s="281">
        <v>0</v>
      </c>
      <c r="CH17" s="281">
        <v>0</v>
      </c>
      <c r="CI17" s="281">
        <v>0</v>
      </c>
      <c r="CJ17" s="281">
        <v>0</v>
      </c>
      <c r="CK17" s="278">
        <v>0</v>
      </c>
      <c r="CL17" s="283">
        <v>0</v>
      </c>
      <c r="CM17" s="277">
        <v>0</v>
      </c>
      <c r="CN17" s="281">
        <v>0</v>
      </c>
      <c r="CO17" s="278">
        <v>0</v>
      </c>
      <c r="CP17" s="280">
        <v>0</v>
      </c>
      <c r="CQ17" s="281">
        <v>0</v>
      </c>
      <c r="CR17" s="281">
        <v>0</v>
      </c>
      <c r="CS17" s="281">
        <v>0</v>
      </c>
      <c r="CT17" s="281">
        <v>0</v>
      </c>
      <c r="CU17" s="281">
        <v>0</v>
      </c>
      <c r="CV17" s="278">
        <v>0</v>
      </c>
      <c r="CW17" s="283">
        <v>0</v>
      </c>
      <c r="CX17" s="277">
        <v>0</v>
      </c>
      <c r="CY17" s="281">
        <v>0</v>
      </c>
      <c r="CZ17" s="278">
        <v>0</v>
      </c>
      <c r="DA17" s="280">
        <v>0</v>
      </c>
      <c r="DB17" s="281">
        <v>0</v>
      </c>
      <c r="DC17" s="281">
        <v>0</v>
      </c>
      <c r="DD17" s="281">
        <v>0</v>
      </c>
      <c r="DE17" s="281">
        <v>0</v>
      </c>
      <c r="DF17" s="281">
        <v>0</v>
      </c>
      <c r="DG17" s="278">
        <v>0</v>
      </c>
      <c r="DH17" s="283">
        <v>0</v>
      </c>
    </row>
    <row r="18" spans="2:112" ht="18.75" customHeight="1" x14ac:dyDescent="0.2">
      <c r="B18" s="262" t="s">
        <v>16</v>
      </c>
      <c r="C18" s="277">
        <v>0</v>
      </c>
      <c r="D18" s="278">
        <v>0</v>
      </c>
      <c r="E18" s="279">
        <v>0</v>
      </c>
      <c r="F18" s="280">
        <v>0</v>
      </c>
      <c r="G18" s="281">
        <v>69</v>
      </c>
      <c r="H18" s="281">
        <v>171</v>
      </c>
      <c r="I18" s="281">
        <v>164</v>
      </c>
      <c r="J18" s="281">
        <v>135</v>
      </c>
      <c r="K18" s="281">
        <v>87</v>
      </c>
      <c r="L18" s="282">
        <v>626</v>
      </c>
      <c r="M18" s="283">
        <v>626</v>
      </c>
      <c r="N18" s="277">
        <v>0</v>
      </c>
      <c r="O18" s="281">
        <v>0</v>
      </c>
      <c r="P18" s="278">
        <v>0</v>
      </c>
      <c r="Q18" s="280">
        <v>0</v>
      </c>
      <c r="R18" s="281">
        <v>0</v>
      </c>
      <c r="S18" s="281">
        <v>6</v>
      </c>
      <c r="T18" s="281">
        <v>2</v>
      </c>
      <c r="U18" s="281">
        <v>0</v>
      </c>
      <c r="V18" s="281">
        <v>27</v>
      </c>
      <c r="W18" s="278">
        <v>35</v>
      </c>
      <c r="X18" s="283">
        <v>35</v>
      </c>
      <c r="Y18" s="277">
        <v>2</v>
      </c>
      <c r="Z18" s="281">
        <v>6</v>
      </c>
      <c r="AA18" s="278">
        <v>8</v>
      </c>
      <c r="AB18" s="280">
        <v>0</v>
      </c>
      <c r="AC18" s="281">
        <v>11</v>
      </c>
      <c r="AD18" s="281">
        <v>127</v>
      </c>
      <c r="AE18" s="281">
        <v>54</v>
      </c>
      <c r="AF18" s="281">
        <v>52</v>
      </c>
      <c r="AG18" s="281">
        <v>22</v>
      </c>
      <c r="AH18" s="278">
        <v>266</v>
      </c>
      <c r="AI18" s="283">
        <v>274</v>
      </c>
      <c r="AJ18" s="277">
        <v>0</v>
      </c>
      <c r="AK18" s="281">
        <v>0</v>
      </c>
      <c r="AL18" s="278">
        <v>0</v>
      </c>
      <c r="AM18" s="280">
        <v>0</v>
      </c>
      <c r="AN18" s="281">
        <v>0</v>
      </c>
      <c r="AO18" s="281">
        <v>0</v>
      </c>
      <c r="AP18" s="281">
        <v>36</v>
      </c>
      <c r="AQ18" s="281">
        <v>12</v>
      </c>
      <c r="AR18" s="281">
        <v>0</v>
      </c>
      <c r="AS18" s="278">
        <v>48</v>
      </c>
      <c r="AT18" s="283">
        <v>48</v>
      </c>
      <c r="AU18" s="277">
        <v>0</v>
      </c>
      <c r="AV18" s="281">
        <v>0</v>
      </c>
      <c r="AW18" s="278">
        <v>0</v>
      </c>
      <c r="AX18" s="280">
        <v>0</v>
      </c>
      <c r="AY18" s="281">
        <v>120</v>
      </c>
      <c r="AZ18" s="281">
        <v>268</v>
      </c>
      <c r="BA18" s="281">
        <v>43</v>
      </c>
      <c r="BB18" s="281">
        <v>48</v>
      </c>
      <c r="BC18" s="281">
        <v>12</v>
      </c>
      <c r="BD18" s="282">
        <v>491</v>
      </c>
      <c r="BE18" s="283">
        <v>491</v>
      </c>
      <c r="BF18" s="277">
        <v>0</v>
      </c>
      <c r="BG18" s="281">
        <v>0</v>
      </c>
      <c r="BH18" s="278">
        <v>0</v>
      </c>
      <c r="BI18" s="280">
        <v>0</v>
      </c>
      <c r="BJ18" s="281">
        <v>63</v>
      </c>
      <c r="BK18" s="281">
        <v>116</v>
      </c>
      <c r="BL18" s="281">
        <v>54</v>
      </c>
      <c r="BM18" s="281">
        <v>9</v>
      </c>
      <c r="BN18" s="281">
        <v>0</v>
      </c>
      <c r="BO18" s="278">
        <v>242</v>
      </c>
      <c r="BP18" s="283">
        <v>242</v>
      </c>
      <c r="BQ18" s="277">
        <v>0</v>
      </c>
      <c r="BR18" s="281">
        <v>0</v>
      </c>
      <c r="BS18" s="278">
        <v>0</v>
      </c>
      <c r="BT18" s="280">
        <v>0</v>
      </c>
      <c r="BU18" s="281">
        <v>14</v>
      </c>
      <c r="BV18" s="281">
        <v>21</v>
      </c>
      <c r="BW18" s="281">
        <v>22</v>
      </c>
      <c r="BX18" s="281">
        <v>23</v>
      </c>
      <c r="BY18" s="281">
        <v>3</v>
      </c>
      <c r="BZ18" s="278">
        <v>83</v>
      </c>
      <c r="CA18" s="283">
        <v>83</v>
      </c>
      <c r="CB18" s="277">
        <v>0</v>
      </c>
      <c r="CC18" s="281">
        <v>0</v>
      </c>
      <c r="CD18" s="278">
        <v>0</v>
      </c>
      <c r="CE18" s="280">
        <v>0</v>
      </c>
      <c r="CF18" s="281">
        <v>2</v>
      </c>
      <c r="CG18" s="281">
        <v>0</v>
      </c>
      <c r="CH18" s="281">
        <v>3</v>
      </c>
      <c r="CI18" s="281">
        <v>0</v>
      </c>
      <c r="CJ18" s="281">
        <v>0</v>
      </c>
      <c r="CK18" s="278">
        <v>5</v>
      </c>
      <c r="CL18" s="283">
        <v>5</v>
      </c>
      <c r="CM18" s="277">
        <v>0</v>
      </c>
      <c r="CN18" s="281">
        <v>0</v>
      </c>
      <c r="CO18" s="278">
        <v>0</v>
      </c>
      <c r="CP18" s="280">
        <v>0</v>
      </c>
      <c r="CQ18" s="281">
        <v>0</v>
      </c>
      <c r="CR18" s="281">
        <v>0</v>
      </c>
      <c r="CS18" s="281">
        <v>0</v>
      </c>
      <c r="CT18" s="281">
        <v>0</v>
      </c>
      <c r="CU18" s="281">
        <v>0</v>
      </c>
      <c r="CV18" s="278">
        <v>0</v>
      </c>
      <c r="CW18" s="283">
        <v>0</v>
      </c>
      <c r="CX18" s="277">
        <v>0</v>
      </c>
      <c r="CY18" s="281">
        <v>0</v>
      </c>
      <c r="CZ18" s="278">
        <v>0</v>
      </c>
      <c r="DA18" s="280">
        <v>0</v>
      </c>
      <c r="DB18" s="281">
        <v>0</v>
      </c>
      <c r="DC18" s="281">
        <v>0</v>
      </c>
      <c r="DD18" s="281">
        <v>0</v>
      </c>
      <c r="DE18" s="281">
        <v>0</v>
      </c>
      <c r="DF18" s="281">
        <v>0</v>
      </c>
      <c r="DG18" s="278">
        <v>0</v>
      </c>
      <c r="DH18" s="283">
        <v>0</v>
      </c>
    </row>
    <row r="19" spans="2:112" ht="18.75" customHeight="1" x14ac:dyDescent="0.2">
      <c r="B19" s="262" t="s">
        <v>17</v>
      </c>
      <c r="C19" s="277">
        <v>0</v>
      </c>
      <c r="D19" s="278">
        <v>0</v>
      </c>
      <c r="E19" s="279">
        <v>0</v>
      </c>
      <c r="F19" s="280">
        <v>0</v>
      </c>
      <c r="G19" s="281">
        <v>70</v>
      </c>
      <c r="H19" s="281">
        <v>219</v>
      </c>
      <c r="I19" s="281">
        <v>343</v>
      </c>
      <c r="J19" s="281">
        <v>315</v>
      </c>
      <c r="K19" s="281">
        <v>781</v>
      </c>
      <c r="L19" s="282">
        <v>1728</v>
      </c>
      <c r="M19" s="283">
        <v>1728</v>
      </c>
      <c r="N19" s="277">
        <v>0</v>
      </c>
      <c r="O19" s="281">
        <v>0</v>
      </c>
      <c r="P19" s="278">
        <v>0</v>
      </c>
      <c r="Q19" s="280">
        <v>0</v>
      </c>
      <c r="R19" s="281">
        <v>0</v>
      </c>
      <c r="S19" s="281">
        <v>2</v>
      </c>
      <c r="T19" s="281">
        <v>4</v>
      </c>
      <c r="U19" s="281">
        <v>9</v>
      </c>
      <c r="V19" s="281">
        <v>19</v>
      </c>
      <c r="W19" s="278">
        <v>34</v>
      </c>
      <c r="X19" s="283">
        <v>34</v>
      </c>
      <c r="Y19" s="277">
        <v>40</v>
      </c>
      <c r="Z19" s="281">
        <v>73</v>
      </c>
      <c r="AA19" s="278">
        <v>113</v>
      </c>
      <c r="AB19" s="280">
        <v>0</v>
      </c>
      <c r="AC19" s="281">
        <v>94</v>
      </c>
      <c r="AD19" s="281">
        <v>171</v>
      </c>
      <c r="AE19" s="281">
        <v>85</v>
      </c>
      <c r="AF19" s="281">
        <v>68</v>
      </c>
      <c r="AG19" s="281">
        <v>73</v>
      </c>
      <c r="AH19" s="278">
        <v>491</v>
      </c>
      <c r="AI19" s="283">
        <v>604</v>
      </c>
      <c r="AJ19" s="277">
        <v>0</v>
      </c>
      <c r="AK19" s="281">
        <v>0</v>
      </c>
      <c r="AL19" s="278">
        <v>0</v>
      </c>
      <c r="AM19" s="280">
        <v>0</v>
      </c>
      <c r="AN19" s="281">
        <v>0</v>
      </c>
      <c r="AO19" s="281">
        <v>14</v>
      </c>
      <c r="AP19" s="281">
        <v>17</v>
      </c>
      <c r="AQ19" s="281">
        <v>10</v>
      </c>
      <c r="AR19" s="281">
        <v>0</v>
      </c>
      <c r="AS19" s="278">
        <v>41</v>
      </c>
      <c r="AT19" s="283">
        <v>41</v>
      </c>
      <c r="AU19" s="277">
        <v>0</v>
      </c>
      <c r="AV19" s="281">
        <v>0</v>
      </c>
      <c r="AW19" s="278">
        <v>0</v>
      </c>
      <c r="AX19" s="280">
        <v>0</v>
      </c>
      <c r="AY19" s="281">
        <v>161</v>
      </c>
      <c r="AZ19" s="281">
        <v>288</v>
      </c>
      <c r="BA19" s="281">
        <v>155</v>
      </c>
      <c r="BB19" s="281">
        <v>63</v>
      </c>
      <c r="BC19" s="281">
        <v>18</v>
      </c>
      <c r="BD19" s="282">
        <v>685</v>
      </c>
      <c r="BE19" s="283">
        <v>685</v>
      </c>
      <c r="BF19" s="277">
        <v>0</v>
      </c>
      <c r="BG19" s="281">
        <v>0</v>
      </c>
      <c r="BH19" s="278">
        <v>0</v>
      </c>
      <c r="BI19" s="280">
        <v>0</v>
      </c>
      <c r="BJ19" s="281">
        <v>51</v>
      </c>
      <c r="BK19" s="281">
        <v>32</v>
      </c>
      <c r="BL19" s="281">
        <v>23</v>
      </c>
      <c r="BM19" s="281">
        <v>8</v>
      </c>
      <c r="BN19" s="281">
        <v>4</v>
      </c>
      <c r="BO19" s="278">
        <v>118</v>
      </c>
      <c r="BP19" s="283">
        <v>118</v>
      </c>
      <c r="BQ19" s="277">
        <v>0</v>
      </c>
      <c r="BR19" s="281">
        <v>0</v>
      </c>
      <c r="BS19" s="278">
        <v>0</v>
      </c>
      <c r="BT19" s="280">
        <v>0</v>
      </c>
      <c r="BU19" s="281">
        <v>29</v>
      </c>
      <c r="BV19" s="281">
        <v>52</v>
      </c>
      <c r="BW19" s="281">
        <v>90</v>
      </c>
      <c r="BX19" s="281">
        <v>89</v>
      </c>
      <c r="BY19" s="281">
        <v>25</v>
      </c>
      <c r="BZ19" s="278">
        <v>285</v>
      </c>
      <c r="CA19" s="283">
        <v>285</v>
      </c>
      <c r="CB19" s="277">
        <v>0</v>
      </c>
      <c r="CC19" s="281">
        <v>0</v>
      </c>
      <c r="CD19" s="278">
        <v>0</v>
      </c>
      <c r="CE19" s="280">
        <v>0</v>
      </c>
      <c r="CF19" s="281">
        <v>4</v>
      </c>
      <c r="CG19" s="281">
        <v>0</v>
      </c>
      <c r="CH19" s="281">
        <v>0</v>
      </c>
      <c r="CI19" s="281">
        <v>6</v>
      </c>
      <c r="CJ19" s="281">
        <v>0</v>
      </c>
      <c r="CK19" s="278">
        <v>10</v>
      </c>
      <c r="CL19" s="283">
        <v>10</v>
      </c>
      <c r="CM19" s="277">
        <v>0</v>
      </c>
      <c r="CN19" s="281">
        <v>0</v>
      </c>
      <c r="CO19" s="278">
        <v>0</v>
      </c>
      <c r="CP19" s="280">
        <v>0</v>
      </c>
      <c r="CQ19" s="281">
        <v>0</v>
      </c>
      <c r="CR19" s="281">
        <v>0</v>
      </c>
      <c r="CS19" s="281">
        <v>0</v>
      </c>
      <c r="CT19" s="281">
        <v>0</v>
      </c>
      <c r="CU19" s="281">
        <v>0</v>
      </c>
      <c r="CV19" s="278">
        <v>0</v>
      </c>
      <c r="CW19" s="283">
        <v>0</v>
      </c>
      <c r="CX19" s="277">
        <v>0</v>
      </c>
      <c r="CY19" s="281">
        <v>0</v>
      </c>
      <c r="CZ19" s="278">
        <v>0</v>
      </c>
      <c r="DA19" s="280">
        <v>0</v>
      </c>
      <c r="DB19" s="281">
        <v>0</v>
      </c>
      <c r="DC19" s="281">
        <v>0</v>
      </c>
      <c r="DD19" s="281">
        <v>0</v>
      </c>
      <c r="DE19" s="281">
        <v>0</v>
      </c>
      <c r="DF19" s="281">
        <v>0</v>
      </c>
      <c r="DG19" s="278">
        <v>0</v>
      </c>
      <c r="DH19" s="283">
        <v>0</v>
      </c>
    </row>
    <row r="20" spans="2:112" ht="18.75" customHeight="1" x14ac:dyDescent="0.2">
      <c r="B20" s="262" t="s">
        <v>18</v>
      </c>
      <c r="C20" s="277">
        <v>0</v>
      </c>
      <c r="D20" s="278">
        <v>0</v>
      </c>
      <c r="E20" s="279">
        <v>0</v>
      </c>
      <c r="F20" s="280">
        <v>0</v>
      </c>
      <c r="G20" s="281">
        <v>268</v>
      </c>
      <c r="H20" s="281">
        <v>314</v>
      </c>
      <c r="I20" s="281">
        <v>547</v>
      </c>
      <c r="J20" s="281">
        <v>915</v>
      </c>
      <c r="K20" s="281">
        <v>848</v>
      </c>
      <c r="L20" s="282">
        <v>2892</v>
      </c>
      <c r="M20" s="283">
        <v>2892</v>
      </c>
      <c r="N20" s="277">
        <v>0</v>
      </c>
      <c r="O20" s="281">
        <v>0</v>
      </c>
      <c r="P20" s="278">
        <v>0</v>
      </c>
      <c r="Q20" s="280">
        <v>0</v>
      </c>
      <c r="R20" s="281">
        <v>0</v>
      </c>
      <c r="S20" s="281">
        <v>0</v>
      </c>
      <c r="T20" s="281">
        <v>4</v>
      </c>
      <c r="U20" s="281">
        <v>15</v>
      </c>
      <c r="V20" s="281">
        <v>24</v>
      </c>
      <c r="W20" s="278">
        <v>43</v>
      </c>
      <c r="X20" s="283">
        <v>43</v>
      </c>
      <c r="Y20" s="277">
        <v>45</v>
      </c>
      <c r="Z20" s="281">
        <v>40</v>
      </c>
      <c r="AA20" s="278">
        <v>85</v>
      </c>
      <c r="AB20" s="280">
        <v>0</v>
      </c>
      <c r="AC20" s="281">
        <v>163</v>
      </c>
      <c r="AD20" s="281">
        <v>215</v>
      </c>
      <c r="AE20" s="281">
        <v>162</v>
      </c>
      <c r="AF20" s="281">
        <v>201</v>
      </c>
      <c r="AG20" s="281">
        <v>176</v>
      </c>
      <c r="AH20" s="278">
        <v>917</v>
      </c>
      <c r="AI20" s="283">
        <v>1002</v>
      </c>
      <c r="AJ20" s="277">
        <v>9</v>
      </c>
      <c r="AK20" s="281">
        <v>0</v>
      </c>
      <c r="AL20" s="278">
        <v>9</v>
      </c>
      <c r="AM20" s="280">
        <v>0</v>
      </c>
      <c r="AN20" s="281">
        <v>47</v>
      </c>
      <c r="AO20" s="281">
        <v>33</v>
      </c>
      <c r="AP20" s="281">
        <v>47</v>
      </c>
      <c r="AQ20" s="281">
        <v>58</v>
      </c>
      <c r="AR20" s="281">
        <v>0</v>
      </c>
      <c r="AS20" s="278">
        <v>185</v>
      </c>
      <c r="AT20" s="283">
        <v>194</v>
      </c>
      <c r="AU20" s="277">
        <v>0</v>
      </c>
      <c r="AV20" s="281">
        <v>0</v>
      </c>
      <c r="AW20" s="278">
        <v>0</v>
      </c>
      <c r="AX20" s="280">
        <v>0</v>
      </c>
      <c r="AY20" s="281">
        <v>333</v>
      </c>
      <c r="AZ20" s="281">
        <v>438</v>
      </c>
      <c r="BA20" s="281">
        <v>132</v>
      </c>
      <c r="BB20" s="281">
        <v>155</v>
      </c>
      <c r="BC20" s="281">
        <v>49</v>
      </c>
      <c r="BD20" s="282">
        <v>1107</v>
      </c>
      <c r="BE20" s="283">
        <v>1107</v>
      </c>
      <c r="BF20" s="277">
        <v>0</v>
      </c>
      <c r="BG20" s="281">
        <v>0</v>
      </c>
      <c r="BH20" s="278">
        <v>0</v>
      </c>
      <c r="BI20" s="280">
        <v>0</v>
      </c>
      <c r="BJ20" s="281">
        <v>73</v>
      </c>
      <c r="BK20" s="281">
        <v>107</v>
      </c>
      <c r="BL20" s="281">
        <v>30</v>
      </c>
      <c r="BM20" s="281">
        <v>59</v>
      </c>
      <c r="BN20" s="281">
        <v>17</v>
      </c>
      <c r="BO20" s="278">
        <v>286</v>
      </c>
      <c r="BP20" s="283">
        <v>286</v>
      </c>
      <c r="BQ20" s="277">
        <v>0</v>
      </c>
      <c r="BR20" s="281">
        <v>2</v>
      </c>
      <c r="BS20" s="278">
        <v>2</v>
      </c>
      <c r="BT20" s="280">
        <v>0</v>
      </c>
      <c r="BU20" s="281">
        <v>13</v>
      </c>
      <c r="BV20" s="281">
        <v>64</v>
      </c>
      <c r="BW20" s="281">
        <v>134</v>
      </c>
      <c r="BX20" s="281">
        <v>144</v>
      </c>
      <c r="BY20" s="281">
        <v>116</v>
      </c>
      <c r="BZ20" s="278">
        <v>471</v>
      </c>
      <c r="CA20" s="283">
        <v>473</v>
      </c>
      <c r="CB20" s="277">
        <v>0</v>
      </c>
      <c r="CC20" s="281">
        <v>0</v>
      </c>
      <c r="CD20" s="278">
        <v>0</v>
      </c>
      <c r="CE20" s="280">
        <v>0</v>
      </c>
      <c r="CF20" s="281">
        <v>0</v>
      </c>
      <c r="CG20" s="281">
        <v>0</v>
      </c>
      <c r="CH20" s="281">
        <v>3</v>
      </c>
      <c r="CI20" s="281">
        <v>0</v>
      </c>
      <c r="CJ20" s="281">
        <v>5</v>
      </c>
      <c r="CK20" s="278">
        <v>8</v>
      </c>
      <c r="CL20" s="283">
        <v>8</v>
      </c>
      <c r="CM20" s="277">
        <v>0</v>
      </c>
      <c r="CN20" s="281">
        <v>0</v>
      </c>
      <c r="CO20" s="278">
        <v>0</v>
      </c>
      <c r="CP20" s="280">
        <v>0</v>
      </c>
      <c r="CQ20" s="281">
        <v>0</v>
      </c>
      <c r="CR20" s="281">
        <v>0</v>
      </c>
      <c r="CS20" s="281">
        <v>0</v>
      </c>
      <c r="CT20" s="281">
        <v>0</v>
      </c>
      <c r="CU20" s="281">
        <v>0</v>
      </c>
      <c r="CV20" s="278">
        <v>0</v>
      </c>
      <c r="CW20" s="283">
        <v>0</v>
      </c>
      <c r="CX20" s="277">
        <v>0</v>
      </c>
      <c r="CY20" s="281">
        <v>0</v>
      </c>
      <c r="CZ20" s="278">
        <v>0</v>
      </c>
      <c r="DA20" s="280">
        <v>0</v>
      </c>
      <c r="DB20" s="281">
        <v>0</v>
      </c>
      <c r="DC20" s="281">
        <v>0</v>
      </c>
      <c r="DD20" s="281">
        <v>0</v>
      </c>
      <c r="DE20" s="281">
        <v>0</v>
      </c>
      <c r="DF20" s="281">
        <v>0</v>
      </c>
      <c r="DG20" s="278">
        <v>0</v>
      </c>
      <c r="DH20" s="283">
        <v>0</v>
      </c>
    </row>
    <row r="21" spans="2:112" ht="18.75" customHeight="1" x14ac:dyDescent="0.2">
      <c r="B21" s="262" t="s">
        <v>19</v>
      </c>
      <c r="C21" s="277">
        <v>0</v>
      </c>
      <c r="D21" s="278">
        <v>0</v>
      </c>
      <c r="E21" s="279">
        <v>0</v>
      </c>
      <c r="F21" s="280">
        <v>0</v>
      </c>
      <c r="G21" s="281">
        <v>74</v>
      </c>
      <c r="H21" s="281">
        <v>97</v>
      </c>
      <c r="I21" s="281">
        <v>222</v>
      </c>
      <c r="J21" s="281">
        <v>184</v>
      </c>
      <c r="K21" s="281">
        <v>45</v>
      </c>
      <c r="L21" s="282">
        <v>622</v>
      </c>
      <c r="M21" s="283">
        <v>622</v>
      </c>
      <c r="N21" s="277">
        <v>0</v>
      </c>
      <c r="O21" s="281">
        <v>0</v>
      </c>
      <c r="P21" s="278">
        <v>0</v>
      </c>
      <c r="Q21" s="280">
        <v>0</v>
      </c>
      <c r="R21" s="281">
        <v>0</v>
      </c>
      <c r="S21" s="281">
        <v>0</v>
      </c>
      <c r="T21" s="281">
        <v>19</v>
      </c>
      <c r="U21" s="281">
        <v>8</v>
      </c>
      <c r="V21" s="281">
        <v>9</v>
      </c>
      <c r="W21" s="278">
        <v>36</v>
      </c>
      <c r="X21" s="283">
        <v>36</v>
      </c>
      <c r="Y21" s="277">
        <v>13</v>
      </c>
      <c r="Z21" s="281">
        <v>11</v>
      </c>
      <c r="AA21" s="278">
        <v>24</v>
      </c>
      <c r="AB21" s="280">
        <v>0</v>
      </c>
      <c r="AC21" s="281">
        <v>44</v>
      </c>
      <c r="AD21" s="281">
        <v>100</v>
      </c>
      <c r="AE21" s="281">
        <v>44</v>
      </c>
      <c r="AF21" s="281">
        <v>82</v>
      </c>
      <c r="AG21" s="281">
        <v>64</v>
      </c>
      <c r="AH21" s="278">
        <v>334</v>
      </c>
      <c r="AI21" s="283">
        <v>358</v>
      </c>
      <c r="AJ21" s="277">
        <v>0</v>
      </c>
      <c r="AK21" s="281">
        <v>0</v>
      </c>
      <c r="AL21" s="278">
        <v>0</v>
      </c>
      <c r="AM21" s="280">
        <v>0</v>
      </c>
      <c r="AN21" s="281">
        <v>27</v>
      </c>
      <c r="AO21" s="281">
        <v>12</v>
      </c>
      <c r="AP21" s="281">
        <v>0</v>
      </c>
      <c r="AQ21" s="281">
        <v>0</v>
      </c>
      <c r="AR21" s="281">
        <v>0</v>
      </c>
      <c r="AS21" s="278">
        <v>39</v>
      </c>
      <c r="AT21" s="283">
        <v>39</v>
      </c>
      <c r="AU21" s="277">
        <v>0</v>
      </c>
      <c r="AV21" s="281">
        <v>0</v>
      </c>
      <c r="AW21" s="278">
        <v>0</v>
      </c>
      <c r="AX21" s="280">
        <v>0</v>
      </c>
      <c r="AY21" s="281">
        <v>103</v>
      </c>
      <c r="AZ21" s="281">
        <v>47</v>
      </c>
      <c r="BA21" s="281">
        <v>55</v>
      </c>
      <c r="BB21" s="281">
        <v>33</v>
      </c>
      <c r="BC21" s="281">
        <v>25</v>
      </c>
      <c r="BD21" s="282">
        <v>263</v>
      </c>
      <c r="BE21" s="283">
        <v>263</v>
      </c>
      <c r="BF21" s="277">
        <v>0</v>
      </c>
      <c r="BG21" s="281">
        <v>0</v>
      </c>
      <c r="BH21" s="278">
        <v>0</v>
      </c>
      <c r="BI21" s="280">
        <v>0</v>
      </c>
      <c r="BJ21" s="281">
        <v>33</v>
      </c>
      <c r="BK21" s="281">
        <v>19</v>
      </c>
      <c r="BL21" s="281">
        <v>33</v>
      </c>
      <c r="BM21" s="281">
        <v>40</v>
      </c>
      <c r="BN21" s="281">
        <v>0</v>
      </c>
      <c r="BO21" s="278">
        <v>125</v>
      </c>
      <c r="BP21" s="283">
        <v>125</v>
      </c>
      <c r="BQ21" s="277">
        <v>0</v>
      </c>
      <c r="BR21" s="281">
        <v>0</v>
      </c>
      <c r="BS21" s="278">
        <v>0</v>
      </c>
      <c r="BT21" s="280">
        <v>0</v>
      </c>
      <c r="BU21" s="281">
        <v>2</v>
      </c>
      <c r="BV21" s="281">
        <v>20</v>
      </c>
      <c r="BW21" s="281">
        <v>6</v>
      </c>
      <c r="BX21" s="281">
        <v>3</v>
      </c>
      <c r="BY21" s="281">
        <v>15</v>
      </c>
      <c r="BZ21" s="278">
        <v>46</v>
      </c>
      <c r="CA21" s="283">
        <v>46</v>
      </c>
      <c r="CB21" s="277">
        <v>0</v>
      </c>
      <c r="CC21" s="281">
        <v>0</v>
      </c>
      <c r="CD21" s="278">
        <v>0</v>
      </c>
      <c r="CE21" s="280">
        <v>0</v>
      </c>
      <c r="CF21" s="281">
        <v>0</v>
      </c>
      <c r="CG21" s="281">
        <v>13</v>
      </c>
      <c r="CH21" s="281">
        <v>11</v>
      </c>
      <c r="CI21" s="281">
        <v>2</v>
      </c>
      <c r="CJ21" s="281">
        <v>0</v>
      </c>
      <c r="CK21" s="278">
        <v>26</v>
      </c>
      <c r="CL21" s="283">
        <v>26</v>
      </c>
      <c r="CM21" s="277">
        <v>0</v>
      </c>
      <c r="CN21" s="281">
        <v>0</v>
      </c>
      <c r="CO21" s="278">
        <v>0</v>
      </c>
      <c r="CP21" s="280">
        <v>0</v>
      </c>
      <c r="CQ21" s="281">
        <v>0</v>
      </c>
      <c r="CR21" s="281">
        <v>0</v>
      </c>
      <c r="CS21" s="281">
        <v>0</v>
      </c>
      <c r="CT21" s="281">
        <v>0</v>
      </c>
      <c r="CU21" s="281">
        <v>0</v>
      </c>
      <c r="CV21" s="278">
        <v>0</v>
      </c>
      <c r="CW21" s="283">
        <v>0</v>
      </c>
      <c r="CX21" s="277">
        <v>0</v>
      </c>
      <c r="CY21" s="281">
        <v>0</v>
      </c>
      <c r="CZ21" s="278">
        <v>0</v>
      </c>
      <c r="DA21" s="280">
        <v>0</v>
      </c>
      <c r="DB21" s="281">
        <v>0</v>
      </c>
      <c r="DC21" s="281">
        <v>0</v>
      </c>
      <c r="DD21" s="281">
        <v>0</v>
      </c>
      <c r="DE21" s="281">
        <v>0</v>
      </c>
      <c r="DF21" s="281">
        <v>0</v>
      </c>
      <c r="DG21" s="278">
        <v>0</v>
      </c>
      <c r="DH21" s="283">
        <v>0</v>
      </c>
    </row>
    <row r="22" spans="2:112" ht="18.75" customHeight="1" x14ac:dyDescent="0.2">
      <c r="B22" s="262" t="s">
        <v>20</v>
      </c>
      <c r="C22" s="277">
        <v>0</v>
      </c>
      <c r="D22" s="278">
        <v>0</v>
      </c>
      <c r="E22" s="279">
        <v>0</v>
      </c>
      <c r="F22" s="280">
        <v>0</v>
      </c>
      <c r="G22" s="281">
        <v>186</v>
      </c>
      <c r="H22" s="281">
        <v>187</v>
      </c>
      <c r="I22" s="281">
        <v>109</v>
      </c>
      <c r="J22" s="281">
        <v>391</v>
      </c>
      <c r="K22" s="281">
        <v>138</v>
      </c>
      <c r="L22" s="282">
        <v>1011</v>
      </c>
      <c r="M22" s="283">
        <v>1011</v>
      </c>
      <c r="N22" s="277">
        <v>0</v>
      </c>
      <c r="O22" s="281">
        <v>0</v>
      </c>
      <c r="P22" s="278">
        <v>0</v>
      </c>
      <c r="Q22" s="280">
        <v>0</v>
      </c>
      <c r="R22" s="281">
        <v>0</v>
      </c>
      <c r="S22" s="281">
        <v>0</v>
      </c>
      <c r="T22" s="281">
        <v>0</v>
      </c>
      <c r="U22" s="281">
        <v>0</v>
      </c>
      <c r="V22" s="281">
        <v>20</v>
      </c>
      <c r="W22" s="278">
        <v>20</v>
      </c>
      <c r="X22" s="283">
        <v>20</v>
      </c>
      <c r="Y22" s="277">
        <v>4</v>
      </c>
      <c r="Z22" s="281">
        <v>43</v>
      </c>
      <c r="AA22" s="278">
        <v>47</v>
      </c>
      <c r="AB22" s="280">
        <v>0</v>
      </c>
      <c r="AC22" s="281">
        <v>156</v>
      </c>
      <c r="AD22" s="281">
        <v>71</v>
      </c>
      <c r="AE22" s="281">
        <v>112</v>
      </c>
      <c r="AF22" s="281">
        <v>61</v>
      </c>
      <c r="AG22" s="281">
        <v>19</v>
      </c>
      <c r="AH22" s="278">
        <v>419</v>
      </c>
      <c r="AI22" s="283">
        <v>466</v>
      </c>
      <c r="AJ22" s="277">
        <v>0</v>
      </c>
      <c r="AK22" s="281">
        <v>14</v>
      </c>
      <c r="AL22" s="278">
        <v>14</v>
      </c>
      <c r="AM22" s="280">
        <v>0</v>
      </c>
      <c r="AN22" s="281">
        <v>52</v>
      </c>
      <c r="AO22" s="281">
        <v>43</v>
      </c>
      <c r="AP22" s="281">
        <v>39</v>
      </c>
      <c r="AQ22" s="281">
        <v>0</v>
      </c>
      <c r="AR22" s="281">
        <v>4</v>
      </c>
      <c r="AS22" s="278">
        <v>138</v>
      </c>
      <c r="AT22" s="283">
        <v>152</v>
      </c>
      <c r="AU22" s="277">
        <v>0</v>
      </c>
      <c r="AV22" s="281">
        <v>0</v>
      </c>
      <c r="AW22" s="278">
        <v>0</v>
      </c>
      <c r="AX22" s="280">
        <v>0</v>
      </c>
      <c r="AY22" s="281">
        <v>71</v>
      </c>
      <c r="AZ22" s="281">
        <v>89</v>
      </c>
      <c r="BA22" s="281">
        <v>77</v>
      </c>
      <c r="BB22" s="281">
        <v>46</v>
      </c>
      <c r="BC22" s="281">
        <v>50</v>
      </c>
      <c r="BD22" s="282">
        <v>333</v>
      </c>
      <c r="BE22" s="283">
        <v>333</v>
      </c>
      <c r="BF22" s="277">
        <v>0</v>
      </c>
      <c r="BG22" s="281">
        <v>0</v>
      </c>
      <c r="BH22" s="278">
        <v>0</v>
      </c>
      <c r="BI22" s="280">
        <v>0</v>
      </c>
      <c r="BJ22" s="281">
        <v>70</v>
      </c>
      <c r="BK22" s="281">
        <v>83</v>
      </c>
      <c r="BL22" s="281">
        <v>16</v>
      </c>
      <c r="BM22" s="281">
        <v>14</v>
      </c>
      <c r="BN22" s="281">
        <v>8</v>
      </c>
      <c r="BO22" s="278">
        <v>191</v>
      </c>
      <c r="BP22" s="283">
        <v>191</v>
      </c>
      <c r="BQ22" s="277">
        <v>0</v>
      </c>
      <c r="BR22" s="281">
        <v>0</v>
      </c>
      <c r="BS22" s="278">
        <v>0</v>
      </c>
      <c r="BT22" s="280">
        <v>0</v>
      </c>
      <c r="BU22" s="281">
        <v>14</v>
      </c>
      <c r="BV22" s="281">
        <v>32</v>
      </c>
      <c r="BW22" s="281">
        <v>39</v>
      </c>
      <c r="BX22" s="281">
        <v>53</v>
      </c>
      <c r="BY22" s="281">
        <v>4</v>
      </c>
      <c r="BZ22" s="278">
        <v>142</v>
      </c>
      <c r="CA22" s="283">
        <v>142</v>
      </c>
      <c r="CB22" s="277">
        <v>0</v>
      </c>
      <c r="CC22" s="281">
        <v>0</v>
      </c>
      <c r="CD22" s="278">
        <v>0</v>
      </c>
      <c r="CE22" s="280">
        <v>0</v>
      </c>
      <c r="CF22" s="281">
        <v>0</v>
      </c>
      <c r="CG22" s="281">
        <v>5</v>
      </c>
      <c r="CH22" s="281">
        <v>12</v>
      </c>
      <c r="CI22" s="281">
        <v>0</v>
      </c>
      <c r="CJ22" s="281">
        <v>0</v>
      </c>
      <c r="CK22" s="278">
        <v>17</v>
      </c>
      <c r="CL22" s="283">
        <v>17</v>
      </c>
      <c r="CM22" s="277">
        <v>0</v>
      </c>
      <c r="CN22" s="281">
        <v>0</v>
      </c>
      <c r="CO22" s="278">
        <v>0</v>
      </c>
      <c r="CP22" s="280">
        <v>0</v>
      </c>
      <c r="CQ22" s="281">
        <v>0</v>
      </c>
      <c r="CR22" s="281">
        <v>0</v>
      </c>
      <c r="CS22" s="281">
        <v>0</v>
      </c>
      <c r="CT22" s="281">
        <v>0</v>
      </c>
      <c r="CU22" s="281">
        <v>0</v>
      </c>
      <c r="CV22" s="278">
        <v>0</v>
      </c>
      <c r="CW22" s="283">
        <v>0</v>
      </c>
      <c r="CX22" s="277">
        <v>0</v>
      </c>
      <c r="CY22" s="281">
        <v>0</v>
      </c>
      <c r="CZ22" s="278">
        <v>0</v>
      </c>
      <c r="DA22" s="280">
        <v>0</v>
      </c>
      <c r="DB22" s="281">
        <v>0</v>
      </c>
      <c r="DC22" s="281">
        <v>0</v>
      </c>
      <c r="DD22" s="281">
        <v>0</v>
      </c>
      <c r="DE22" s="281">
        <v>0</v>
      </c>
      <c r="DF22" s="281">
        <v>0</v>
      </c>
      <c r="DG22" s="278">
        <v>0</v>
      </c>
      <c r="DH22" s="283">
        <v>0</v>
      </c>
    </row>
    <row r="23" spans="2:112" ht="18.75" customHeight="1" x14ac:dyDescent="0.2">
      <c r="B23" s="262" t="s">
        <v>21</v>
      </c>
      <c r="C23" s="277">
        <v>0</v>
      </c>
      <c r="D23" s="278">
        <v>0</v>
      </c>
      <c r="E23" s="279">
        <v>0</v>
      </c>
      <c r="F23" s="280">
        <v>0</v>
      </c>
      <c r="G23" s="281">
        <v>118</v>
      </c>
      <c r="H23" s="281">
        <v>189</v>
      </c>
      <c r="I23" s="281">
        <v>346</v>
      </c>
      <c r="J23" s="281">
        <v>254</v>
      </c>
      <c r="K23" s="281">
        <v>84</v>
      </c>
      <c r="L23" s="282">
        <v>991</v>
      </c>
      <c r="M23" s="283">
        <v>991</v>
      </c>
      <c r="N23" s="277">
        <v>0</v>
      </c>
      <c r="O23" s="281">
        <v>0</v>
      </c>
      <c r="P23" s="278">
        <v>0</v>
      </c>
      <c r="Q23" s="280">
        <v>0</v>
      </c>
      <c r="R23" s="281">
        <v>0</v>
      </c>
      <c r="S23" s="281">
        <v>2</v>
      </c>
      <c r="T23" s="281">
        <v>8</v>
      </c>
      <c r="U23" s="281">
        <v>7</v>
      </c>
      <c r="V23" s="281">
        <v>10</v>
      </c>
      <c r="W23" s="278">
        <v>27</v>
      </c>
      <c r="X23" s="283">
        <v>27</v>
      </c>
      <c r="Y23" s="277">
        <v>24</v>
      </c>
      <c r="Z23" s="281">
        <v>9</v>
      </c>
      <c r="AA23" s="278">
        <v>33</v>
      </c>
      <c r="AB23" s="280">
        <v>0</v>
      </c>
      <c r="AC23" s="281">
        <v>100</v>
      </c>
      <c r="AD23" s="281">
        <v>158</v>
      </c>
      <c r="AE23" s="281">
        <v>42</v>
      </c>
      <c r="AF23" s="281">
        <v>36</v>
      </c>
      <c r="AG23" s="281">
        <v>47</v>
      </c>
      <c r="AH23" s="278">
        <v>383</v>
      </c>
      <c r="AI23" s="283">
        <v>416</v>
      </c>
      <c r="AJ23" s="277">
        <v>6</v>
      </c>
      <c r="AK23" s="281">
        <v>0</v>
      </c>
      <c r="AL23" s="278">
        <v>6</v>
      </c>
      <c r="AM23" s="280">
        <v>0</v>
      </c>
      <c r="AN23" s="281">
        <v>0</v>
      </c>
      <c r="AO23" s="281">
        <v>14</v>
      </c>
      <c r="AP23" s="281">
        <v>0</v>
      </c>
      <c r="AQ23" s="281">
        <v>2</v>
      </c>
      <c r="AR23" s="281">
        <v>6</v>
      </c>
      <c r="AS23" s="278">
        <v>22</v>
      </c>
      <c r="AT23" s="283">
        <v>28</v>
      </c>
      <c r="AU23" s="277">
        <v>0</v>
      </c>
      <c r="AV23" s="281">
        <v>0</v>
      </c>
      <c r="AW23" s="278">
        <v>0</v>
      </c>
      <c r="AX23" s="280">
        <v>0</v>
      </c>
      <c r="AY23" s="281">
        <v>123</v>
      </c>
      <c r="AZ23" s="281">
        <v>135</v>
      </c>
      <c r="BA23" s="281">
        <v>46</v>
      </c>
      <c r="BB23" s="281">
        <v>55</v>
      </c>
      <c r="BC23" s="281">
        <v>0</v>
      </c>
      <c r="BD23" s="282">
        <v>359</v>
      </c>
      <c r="BE23" s="283">
        <v>359</v>
      </c>
      <c r="BF23" s="277">
        <v>0</v>
      </c>
      <c r="BG23" s="281">
        <v>0</v>
      </c>
      <c r="BH23" s="278">
        <v>0</v>
      </c>
      <c r="BI23" s="280">
        <v>0</v>
      </c>
      <c r="BJ23" s="281">
        <v>3</v>
      </c>
      <c r="BK23" s="281">
        <v>17</v>
      </c>
      <c r="BL23" s="281">
        <v>10</v>
      </c>
      <c r="BM23" s="281">
        <v>4</v>
      </c>
      <c r="BN23" s="281">
        <v>12</v>
      </c>
      <c r="BO23" s="278">
        <v>46</v>
      </c>
      <c r="BP23" s="283">
        <v>46</v>
      </c>
      <c r="BQ23" s="277">
        <v>7</v>
      </c>
      <c r="BR23" s="281">
        <v>0</v>
      </c>
      <c r="BS23" s="278">
        <v>7</v>
      </c>
      <c r="BT23" s="280">
        <v>0</v>
      </c>
      <c r="BU23" s="281">
        <v>20</v>
      </c>
      <c r="BV23" s="281">
        <v>15</v>
      </c>
      <c r="BW23" s="281">
        <v>26</v>
      </c>
      <c r="BX23" s="281">
        <v>12</v>
      </c>
      <c r="BY23" s="281">
        <v>11</v>
      </c>
      <c r="BZ23" s="278">
        <v>84</v>
      </c>
      <c r="CA23" s="283">
        <v>91</v>
      </c>
      <c r="CB23" s="277">
        <v>0</v>
      </c>
      <c r="CC23" s="281">
        <v>0</v>
      </c>
      <c r="CD23" s="278">
        <v>0</v>
      </c>
      <c r="CE23" s="280">
        <v>0</v>
      </c>
      <c r="CF23" s="281">
        <v>0</v>
      </c>
      <c r="CG23" s="281">
        <v>19</v>
      </c>
      <c r="CH23" s="281">
        <v>0</v>
      </c>
      <c r="CI23" s="281">
        <v>0</v>
      </c>
      <c r="CJ23" s="281">
        <v>6</v>
      </c>
      <c r="CK23" s="278">
        <v>25</v>
      </c>
      <c r="CL23" s="283">
        <v>25</v>
      </c>
      <c r="CM23" s="277">
        <v>0</v>
      </c>
      <c r="CN23" s="281">
        <v>0</v>
      </c>
      <c r="CO23" s="278">
        <v>0</v>
      </c>
      <c r="CP23" s="280">
        <v>0</v>
      </c>
      <c r="CQ23" s="281">
        <v>0</v>
      </c>
      <c r="CR23" s="281">
        <v>0</v>
      </c>
      <c r="CS23" s="281">
        <v>0</v>
      </c>
      <c r="CT23" s="281">
        <v>0</v>
      </c>
      <c r="CU23" s="281">
        <v>0</v>
      </c>
      <c r="CV23" s="278">
        <v>0</v>
      </c>
      <c r="CW23" s="283">
        <v>0</v>
      </c>
      <c r="CX23" s="277">
        <v>0</v>
      </c>
      <c r="CY23" s="281">
        <v>0</v>
      </c>
      <c r="CZ23" s="278">
        <v>0</v>
      </c>
      <c r="DA23" s="280">
        <v>0</v>
      </c>
      <c r="DB23" s="281">
        <v>0</v>
      </c>
      <c r="DC23" s="281">
        <v>0</v>
      </c>
      <c r="DD23" s="281">
        <v>0</v>
      </c>
      <c r="DE23" s="281">
        <v>0</v>
      </c>
      <c r="DF23" s="281">
        <v>0</v>
      </c>
      <c r="DG23" s="278">
        <v>0</v>
      </c>
      <c r="DH23" s="283">
        <v>0</v>
      </c>
    </row>
    <row r="24" spans="2:112" ht="18.75" customHeight="1" x14ac:dyDescent="0.2">
      <c r="B24" s="262" t="s">
        <v>22</v>
      </c>
      <c r="C24" s="277">
        <v>0</v>
      </c>
      <c r="D24" s="278">
        <v>0</v>
      </c>
      <c r="E24" s="279">
        <v>0</v>
      </c>
      <c r="F24" s="280">
        <v>0</v>
      </c>
      <c r="G24" s="281">
        <v>29</v>
      </c>
      <c r="H24" s="281">
        <v>29</v>
      </c>
      <c r="I24" s="281">
        <v>9</v>
      </c>
      <c r="J24" s="281">
        <v>0</v>
      </c>
      <c r="K24" s="281">
        <v>88</v>
      </c>
      <c r="L24" s="282">
        <v>155</v>
      </c>
      <c r="M24" s="283">
        <v>155</v>
      </c>
      <c r="N24" s="277">
        <v>0</v>
      </c>
      <c r="O24" s="281">
        <v>0</v>
      </c>
      <c r="P24" s="278">
        <v>0</v>
      </c>
      <c r="Q24" s="280">
        <v>0</v>
      </c>
      <c r="R24" s="281">
        <v>0</v>
      </c>
      <c r="S24" s="281">
        <v>0</v>
      </c>
      <c r="T24" s="281">
        <v>3</v>
      </c>
      <c r="U24" s="281">
        <v>7</v>
      </c>
      <c r="V24" s="281">
        <v>38</v>
      </c>
      <c r="W24" s="278">
        <v>48</v>
      </c>
      <c r="X24" s="283">
        <v>48</v>
      </c>
      <c r="Y24" s="277">
        <v>6</v>
      </c>
      <c r="Z24" s="281">
        <v>4</v>
      </c>
      <c r="AA24" s="278">
        <v>10</v>
      </c>
      <c r="AB24" s="280">
        <v>0</v>
      </c>
      <c r="AC24" s="281">
        <v>4</v>
      </c>
      <c r="AD24" s="281">
        <v>33</v>
      </c>
      <c r="AE24" s="281">
        <v>1</v>
      </c>
      <c r="AF24" s="281">
        <v>10</v>
      </c>
      <c r="AG24" s="281">
        <v>85</v>
      </c>
      <c r="AH24" s="278">
        <v>133</v>
      </c>
      <c r="AI24" s="283">
        <v>143</v>
      </c>
      <c r="AJ24" s="277">
        <v>0</v>
      </c>
      <c r="AK24" s="281">
        <v>0</v>
      </c>
      <c r="AL24" s="278">
        <v>0</v>
      </c>
      <c r="AM24" s="280">
        <v>0</v>
      </c>
      <c r="AN24" s="281">
        <v>33</v>
      </c>
      <c r="AO24" s="281">
        <v>3</v>
      </c>
      <c r="AP24" s="281">
        <v>0</v>
      </c>
      <c r="AQ24" s="281">
        <v>24</v>
      </c>
      <c r="AR24" s="281">
        <v>0</v>
      </c>
      <c r="AS24" s="278">
        <v>60</v>
      </c>
      <c r="AT24" s="283">
        <v>60</v>
      </c>
      <c r="AU24" s="277">
        <v>0</v>
      </c>
      <c r="AV24" s="281">
        <v>0</v>
      </c>
      <c r="AW24" s="278">
        <v>0</v>
      </c>
      <c r="AX24" s="280">
        <v>0</v>
      </c>
      <c r="AY24" s="281">
        <v>79</v>
      </c>
      <c r="AZ24" s="281">
        <v>22</v>
      </c>
      <c r="BA24" s="281">
        <v>12</v>
      </c>
      <c r="BB24" s="281">
        <v>47</v>
      </c>
      <c r="BC24" s="281">
        <v>14</v>
      </c>
      <c r="BD24" s="282">
        <v>174</v>
      </c>
      <c r="BE24" s="283">
        <v>174</v>
      </c>
      <c r="BF24" s="277">
        <v>0</v>
      </c>
      <c r="BG24" s="281">
        <v>0</v>
      </c>
      <c r="BH24" s="278">
        <v>0</v>
      </c>
      <c r="BI24" s="280">
        <v>0</v>
      </c>
      <c r="BJ24" s="281">
        <v>0</v>
      </c>
      <c r="BK24" s="281">
        <v>4</v>
      </c>
      <c r="BL24" s="281">
        <v>4</v>
      </c>
      <c r="BM24" s="281">
        <v>8</v>
      </c>
      <c r="BN24" s="281">
        <v>0</v>
      </c>
      <c r="BO24" s="278">
        <v>16</v>
      </c>
      <c r="BP24" s="283">
        <v>16</v>
      </c>
      <c r="BQ24" s="277">
        <v>0</v>
      </c>
      <c r="BR24" s="281">
        <v>0</v>
      </c>
      <c r="BS24" s="278">
        <v>0</v>
      </c>
      <c r="BT24" s="280">
        <v>0</v>
      </c>
      <c r="BU24" s="281">
        <v>5</v>
      </c>
      <c r="BV24" s="281">
        <v>0</v>
      </c>
      <c r="BW24" s="281">
        <v>6</v>
      </c>
      <c r="BX24" s="281">
        <v>0</v>
      </c>
      <c r="BY24" s="281">
        <v>0</v>
      </c>
      <c r="BZ24" s="278">
        <v>11</v>
      </c>
      <c r="CA24" s="283">
        <v>11</v>
      </c>
      <c r="CB24" s="277">
        <v>0</v>
      </c>
      <c r="CC24" s="281">
        <v>0</v>
      </c>
      <c r="CD24" s="278">
        <v>0</v>
      </c>
      <c r="CE24" s="280">
        <v>0</v>
      </c>
      <c r="CF24" s="281">
        <v>0</v>
      </c>
      <c r="CG24" s="281">
        <v>0</v>
      </c>
      <c r="CH24" s="281">
        <v>0</v>
      </c>
      <c r="CI24" s="281">
        <v>0</v>
      </c>
      <c r="CJ24" s="281">
        <v>0</v>
      </c>
      <c r="CK24" s="278">
        <v>0</v>
      </c>
      <c r="CL24" s="283">
        <v>0</v>
      </c>
      <c r="CM24" s="277">
        <v>0</v>
      </c>
      <c r="CN24" s="281">
        <v>0</v>
      </c>
      <c r="CO24" s="278">
        <v>0</v>
      </c>
      <c r="CP24" s="280">
        <v>0</v>
      </c>
      <c r="CQ24" s="281">
        <v>0</v>
      </c>
      <c r="CR24" s="281">
        <v>0</v>
      </c>
      <c r="CS24" s="281">
        <v>0</v>
      </c>
      <c r="CT24" s="281">
        <v>0</v>
      </c>
      <c r="CU24" s="281">
        <v>0</v>
      </c>
      <c r="CV24" s="278">
        <v>0</v>
      </c>
      <c r="CW24" s="283">
        <v>0</v>
      </c>
      <c r="CX24" s="277">
        <v>0</v>
      </c>
      <c r="CY24" s="281">
        <v>0</v>
      </c>
      <c r="CZ24" s="278">
        <v>0</v>
      </c>
      <c r="DA24" s="280">
        <v>0</v>
      </c>
      <c r="DB24" s="281">
        <v>0</v>
      </c>
      <c r="DC24" s="281">
        <v>0</v>
      </c>
      <c r="DD24" s="281">
        <v>0</v>
      </c>
      <c r="DE24" s="281">
        <v>0</v>
      </c>
      <c r="DF24" s="281">
        <v>0</v>
      </c>
      <c r="DG24" s="278">
        <v>0</v>
      </c>
      <c r="DH24" s="283">
        <v>0</v>
      </c>
    </row>
    <row r="25" spans="2:112" ht="18.75" customHeight="1" x14ac:dyDescent="0.2">
      <c r="B25" s="262" t="s">
        <v>23</v>
      </c>
      <c r="C25" s="277">
        <v>0</v>
      </c>
      <c r="D25" s="278">
        <v>0</v>
      </c>
      <c r="E25" s="279">
        <v>0</v>
      </c>
      <c r="F25" s="280">
        <v>0</v>
      </c>
      <c r="G25" s="281">
        <v>4</v>
      </c>
      <c r="H25" s="281">
        <v>175</v>
      </c>
      <c r="I25" s="281">
        <v>164</v>
      </c>
      <c r="J25" s="281">
        <v>10</v>
      </c>
      <c r="K25" s="281">
        <v>0</v>
      </c>
      <c r="L25" s="282">
        <v>353</v>
      </c>
      <c r="M25" s="283">
        <v>353</v>
      </c>
      <c r="N25" s="277">
        <v>0</v>
      </c>
      <c r="O25" s="281">
        <v>0</v>
      </c>
      <c r="P25" s="278">
        <v>0</v>
      </c>
      <c r="Q25" s="280">
        <v>0</v>
      </c>
      <c r="R25" s="281">
        <v>0</v>
      </c>
      <c r="S25" s="281">
        <v>4</v>
      </c>
      <c r="T25" s="281">
        <v>0</v>
      </c>
      <c r="U25" s="281">
        <v>6</v>
      </c>
      <c r="V25" s="281">
        <v>0</v>
      </c>
      <c r="W25" s="278">
        <v>10</v>
      </c>
      <c r="X25" s="283">
        <v>10</v>
      </c>
      <c r="Y25" s="277">
        <v>25</v>
      </c>
      <c r="Z25" s="281">
        <v>11</v>
      </c>
      <c r="AA25" s="278">
        <v>36</v>
      </c>
      <c r="AB25" s="280">
        <v>0</v>
      </c>
      <c r="AC25" s="281">
        <v>37</v>
      </c>
      <c r="AD25" s="281">
        <v>73</v>
      </c>
      <c r="AE25" s="281">
        <v>123</v>
      </c>
      <c r="AF25" s="281">
        <v>22</v>
      </c>
      <c r="AG25" s="281">
        <v>14</v>
      </c>
      <c r="AH25" s="278">
        <v>269</v>
      </c>
      <c r="AI25" s="283">
        <v>305</v>
      </c>
      <c r="AJ25" s="277">
        <v>0</v>
      </c>
      <c r="AK25" s="281">
        <v>9</v>
      </c>
      <c r="AL25" s="278">
        <v>9</v>
      </c>
      <c r="AM25" s="280">
        <v>0</v>
      </c>
      <c r="AN25" s="281">
        <v>0</v>
      </c>
      <c r="AO25" s="281">
        <v>46</v>
      </c>
      <c r="AP25" s="281">
        <v>0</v>
      </c>
      <c r="AQ25" s="281">
        <v>0</v>
      </c>
      <c r="AR25" s="281">
        <v>0</v>
      </c>
      <c r="AS25" s="278">
        <v>46</v>
      </c>
      <c r="AT25" s="283">
        <v>55</v>
      </c>
      <c r="AU25" s="277">
        <v>0</v>
      </c>
      <c r="AV25" s="281">
        <v>0</v>
      </c>
      <c r="AW25" s="278">
        <v>0</v>
      </c>
      <c r="AX25" s="280">
        <v>0</v>
      </c>
      <c r="AY25" s="281">
        <v>76</v>
      </c>
      <c r="AZ25" s="281">
        <v>148</v>
      </c>
      <c r="BA25" s="281">
        <v>40</v>
      </c>
      <c r="BB25" s="281">
        <v>58</v>
      </c>
      <c r="BC25" s="281">
        <v>0</v>
      </c>
      <c r="BD25" s="282">
        <v>322</v>
      </c>
      <c r="BE25" s="283">
        <v>322</v>
      </c>
      <c r="BF25" s="277">
        <v>0</v>
      </c>
      <c r="BG25" s="281">
        <v>0</v>
      </c>
      <c r="BH25" s="278">
        <v>0</v>
      </c>
      <c r="BI25" s="280">
        <v>0</v>
      </c>
      <c r="BJ25" s="281">
        <v>9</v>
      </c>
      <c r="BK25" s="281">
        <v>36</v>
      </c>
      <c r="BL25" s="281">
        <v>51</v>
      </c>
      <c r="BM25" s="281">
        <v>29</v>
      </c>
      <c r="BN25" s="281">
        <v>0</v>
      </c>
      <c r="BO25" s="278">
        <v>125</v>
      </c>
      <c r="BP25" s="283">
        <v>125</v>
      </c>
      <c r="BQ25" s="277">
        <v>0</v>
      </c>
      <c r="BR25" s="281">
        <v>0</v>
      </c>
      <c r="BS25" s="278">
        <v>0</v>
      </c>
      <c r="BT25" s="280">
        <v>0</v>
      </c>
      <c r="BU25" s="281">
        <v>7</v>
      </c>
      <c r="BV25" s="281">
        <v>12</v>
      </c>
      <c r="BW25" s="281">
        <v>35</v>
      </c>
      <c r="BX25" s="281">
        <v>18</v>
      </c>
      <c r="BY25" s="281">
        <v>12</v>
      </c>
      <c r="BZ25" s="278">
        <v>84</v>
      </c>
      <c r="CA25" s="283">
        <v>84</v>
      </c>
      <c r="CB25" s="277">
        <v>0</v>
      </c>
      <c r="CC25" s="281">
        <v>0</v>
      </c>
      <c r="CD25" s="278">
        <v>0</v>
      </c>
      <c r="CE25" s="280">
        <v>0</v>
      </c>
      <c r="CF25" s="281">
        <v>0</v>
      </c>
      <c r="CG25" s="281">
        <v>0</v>
      </c>
      <c r="CH25" s="281">
        <v>0</v>
      </c>
      <c r="CI25" s="281">
        <v>0</v>
      </c>
      <c r="CJ25" s="281">
        <v>0</v>
      </c>
      <c r="CK25" s="278">
        <v>0</v>
      </c>
      <c r="CL25" s="283">
        <v>0</v>
      </c>
      <c r="CM25" s="277">
        <v>0</v>
      </c>
      <c r="CN25" s="281">
        <v>0</v>
      </c>
      <c r="CO25" s="278">
        <v>0</v>
      </c>
      <c r="CP25" s="280">
        <v>0</v>
      </c>
      <c r="CQ25" s="281">
        <v>0</v>
      </c>
      <c r="CR25" s="281">
        <v>0</v>
      </c>
      <c r="CS25" s="281">
        <v>0</v>
      </c>
      <c r="CT25" s="281">
        <v>0</v>
      </c>
      <c r="CU25" s="281">
        <v>0</v>
      </c>
      <c r="CV25" s="278">
        <v>0</v>
      </c>
      <c r="CW25" s="283">
        <v>0</v>
      </c>
      <c r="CX25" s="277">
        <v>0</v>
      </c>
      <c r="CY25" s="281">
        <v>0</v>
      </c>
      <c r="CZ25" s="278">
        <v>0</v>
      </c>
      <c r="DA25" s="280">
        <v>0</v>
      </c>
      <c r="DB25" s="281">
        <v>0</v>
      </c>
      <c r="DC25" s="281">
        <v>0</v>
      </c>
      <c r="DD25" s="281">
        <v>0</v>
      </c>
      <c r="DE25" s="281">
        <v>0</v>
      </c>
      <c r="DF25" s="281">
        <v>0</v>
      </c>
      <c r="DG25" s="278">
        <v>0</v>
      </c>
      <c r="DH25" s="283">
        <v>0</v>
      </c>
    </row>
    <row r="26" spans="2:112" ht="18.75" customHeight="1" x14ac:dyDescent="0.2">
      <c r="B26" s="262" t="s">
        <v>24</v>
      </c>
      <c r="C26" s="277">
        <v>0</v>
      </c>
      <c r="D26" s="278">
        <v>0</v>
      </c>
      <c r="E26" s="279">
        <v>0</v>
      </c>
      <c r="F26" s="280">
        <v>0</v>
      </c>
      <c r="G26" s="281">
        <v>102</v>
      </c>
      <c r="H26" s="281">
        <v>44</v>
      </c>
      <c r="I26" s="281">
        <v>41</v>
      </c>
      <c r="J26" s="281">
        <v>213</v>
      </c>
      <c r="K26" s="281">
        <v>336</v>
      </c>
      <c r="L26" s="282">
        <v>736</v>
      </c>
      <c r="M26" s="283">
        <v>736</v>
      </c>
      <c r="N26" s="277">
        <v>0</v>
      </c>
      <c r="O26" s="281">
        <v>0</v>
      </c>
      <c r="P26" s="278">
        <v>0</v>
      </c>
      <c r="Q26" s="280">
        <v>0</v>
      </c>
      <c r="R26" s="281">
        <v>0</v>
      </c>
      <c r="S26" s="281">
        <v>0</v>
      </c>
      <c r="T26" s="281">
        <v>0</v>
      </c>
      <c r="U26" s="281">
        <v>0</v>
      </c>
      <c r="V26" s="281">
        <v>22</v>
      </c>
      <c r="W26" s="278">
        <v>22</v>
      </c>
      <c r="X26" s="283">
        <v>22</v>
      </c>
      <c r="Y26" s="277">
        <v>0</v>
      </c>
      <c r="Z26" s="281">
        <v>-2</v>
      </c>
      <c r="AA26" s="278">
        <v>-2</v>
      </c>
      <c r="AB26" s="280">
        <v>0</v>
      </c>
      <c r="AC26" s="281">
        <v>64</v>
      </c>
      <c r="AD26" s="281">
        <v>3</v>
      </c>
      <c r="AE26" s="281">
        <v>64</v>
      </c>
      <c r="AF26" s="281">
        <v>33</v>
      </c>
      <c r="AG26" s="281">
        <v>53</v>
      </c>
      <c r="AH26" s="278">
        <v>217</v>
      </c>
      <c r="AI26" s="283">
        <v>215</v>
      </c>
      <c r="AJ26" s="277">
        <v>0</v>
      </c>
      <c r="AK26" s="281">
        <v>0</v>
      </c>
      <c r="AL26" s="278">
        <v>0</v>
      </c>
      <c r="AM26" s="280">
        <v>0</v>
      </c>
      <c r="AN26" s="281">
        <v>0</v>
      </c>
      <c r="AO26" s="281">
        <v>0</v>
      </c>
      <c r="AP26" s="281">
        <v>0</v>
      </c>
      <c r="AQ26" s="281">
        <v>0</v>
      </c>
      <c r="AR26" s="281">
        <v>18</v>
      </c>
      <c r="AS26" s="278">
        <v>18</v>
      </c>
      <c r="AT26" s="283">
        <v>18</v>
      </c>
      <c r="AU26" s="277">
        <v>0</v>
      </c>
      <c r="AV26" s="281">
        <v>0</v>
      </c>
      <c r="AW26" s="278">
        <v>0</v>
      </c>
      <c r="AX26" s="280">
        <v>0</v>
      </c>
      <c r="AY26" s="281">
        <v>65</v>
      </c>
      <c r="AZ26" s="281">
        <v>41</v>
      </c>
      <c r="BA26" s="281">
        <v>25</v>
      </c>
      <c r="BB26" s="281">
        <v>9</v>
      </c>
      <c r="BC26" s="281">
        <v>0</v>
      </c>
      <c r="BD26" s="282">
        <v>140</v>
      </c>
      <c r="BE26" s="283">
        <v>140</v>
      </c>
      <c r="BF26" s="277">
        <v>0</v>
      </c>
      <c r="BG26" s="281">
        <v>0</v>
      </c>
      <c r="BH26" s="278">
        <v>0</v>
      </c>
      <c r="BI26" s="280">
        <v>0</v>
      </c>
      <c r="BJ26" s="281">
        <v>46</v>
      </c>
      <c r="BK26" s="281">
        <v>37</v>
      </c>
      <c r="BL26" s="281">
        <v>8</v>
      </c>
      <c r="BM26" s="281">
        <v>15</v>
      </c>
      <c r="BN26" s="281">
        <v>12</v>
      </c>
      <c r="BO26" s="278">
        <v>118</v>
      </c>
      <c r="BP26" s="283">
        <v>118</v>
      </c>
      <c r="BQ26" s="277">
        <v>0</v>
      </c>
      <c r="BR26" s="281">
        <v>0</v>
      </c>
      <c r="BS26" s="278">
        <v>0</v>
      </c>
      <c r="BT26" s="280">
        <v>0</v>
      </c>
      <c r="BU26" s="281">
        <v>0</v>
      </c>
      <c r="BV26" s="281">
        <v>0</v>
      </c>
      <c r="BW26" s="281">
        <v>0</v>
      </c>
      <c r="BX26" s="281">
        <v>30</v>
      </c>
      <c r="BY26" s="281">
        <v>8</v>
      </c>
      <c r="BZ26" s="278">
        <v>38</v>
      </c>
      <c r="CA26" s="283">
        <v>38</v>
      </c>
      <c r="CB26" s="277">
        <v>0</v>
      </c>
      <c r="CC26" s="281">
        <v>0</v>
      </c>
      <c r="CD26" s="278">
        <v>0</v>
      </c>
      <c r="CE26" s="280">
        <v>0</v>
      </c>
      <c r="CF26" s="281">
        <v>8</v>
      </c>
      <c r="CG26" s="281">
        <v>4</v>
      </c>
      <c r="CH26" s="281">
        <v>0</v>
      </c>
      <c r="CI26" s="281">
        <v>0</v>
      </c>
      <c r="CJ26" s="281">
        <v>0</v>
      </c>
      <c r="CK26" s="278">
        <v>12</v>
      </c>
      <c r="CL26" s="283">
        <v>12</v>
      </c>
      <c r="CM26" s="277">
        <v>0</v>
      </c>
      <c r="CN26" s="281">
        <v>0</v>
      </c>
      <c r="CO26" s="278">
        <v>0</v>
      </c>
      <c r="CP26" s="280">
        <v>0</v>
      </c>
      <c r="CQ26" s="281">
        <v>0</v>
      </c>
      <c r="CR26" s="281">
        <v>0</v>
      </c>
      <c r="CS26" s="281">
        <v>0</v>
      </c>
      <c r="CT26" s="281">
        <v>0</v>
      </c>
      <c r="CU26" s="281">
        <v>0</v>
      </c>
      <c r="CV26" s="278">
        <v>0</v>
      </c>
      <c r="CW26" s="283">
        <v>0</v>
      </c>
      <c r="CX26" s="277">
        <v>0</v>
      </c>
      <c r="CY26" s="281">
        <v>0</v>
      </c>
      <c r="CZ26" s="278">
        <v>0</v>
      </c>
      <c r="DA26" s="280">
        <v>0</v>
      </c>
      <c r="DB26" s="281">
        <v>0</v>
      </c>
      <c r="DC26" s="281">
        <v>0</v>
      </c>
      <c r="DD26" s="281">
        <v>0</v>
      </c>
      <c r="DE26" s="281">
        <v>0</v>
      </c>
      <c r="DF26" s="281">
        <v>0</v>
      </c>
      <c r="DG26" s="278">
        <v>0</v>
      </c>
      <c r="DH26" s="283">
        <v>0</v>
      </c>
    </row>
    <row r="27" spans="2:112" ht="18.75" customHeight="1" x14ac:dyDescent="0.2">
      <c r="B27" s="262" t="s">
        <v>25</v>
      </c>
      <c r="C27" s="277">
        <v>0</v>
      </c>
      <c r="D27" s="278">
        <v>0</v>
      </c>
      <c r="E27" s="279">
        <v>0</v>
      </c>
      <c r="F27" s="280">
        <v>0</v>
      </c>
      <c r="G27" s="281">
        <v>33</v>
      </c>
      <c r="H27" s="281">
        <v>26</v>
      </c>
      <c r="I27" s="281">
        <v>43</v>
      </c>
      <c r="J27" s="281">
        <v>7</v>
      </c>
      <c r="K27" s="281">
        <v>5</v>
      </c>
      <c r="L27" s="282">
        <v>114</v>
      </c>
      <c r="M27" s="283">
        <v>114</v>
      </c>
      <c r="N27" s="277">
        <v>0</v>
      </c>
      <c r="O27" s="281">
        <v>0</v>
      </c>
      <c r="P27" s="278">
        <v>0</v>
      </c>
      <c r="Q27" s="280">
        <v>0</v>
      </c>
      <c r="R27" s="281">
        <v>0</v>
      </c>
      <c r="S27" s="281">
        <v>8</v>
      </c>
      <c r="T27" s="281">
        <v>0</v>
      </c>
      <c r="U27" s="281">
        <v>14</v>
      </c>
      <c r="V27" s="281">
        <v>21</v>
      </c>
      <c r="W27" s="278">
        <v>43</v>
      </c>
      <c r="X27" s="283">
        <v>43</v>
      </c>
      <c r="Y27" s="277">
        <v>2</v>
      </c>
      <c r="Z27" s="281">
        <v>11</v>
      </c>
      <c r="AA27" s="278">
        <v>13</v>
      </c>
      <c r="AB27" s="280">
        <v>0</v>
      </c>
      <c r="AC27" s="281">
        <v>30</v>
      </c>
      <c r="AD27" s="281">
        <v>10</v>
      </c>
      <c r="AE27" s="281">
        <v>27</v>
      </c>
      <c r="AF27" s="281">
        <v>6</v>
      </c>
      <c r="AG27" s="281">
        <v>28</v>
      </c>
      <c r="AH27" s="278">
        <v>101</v>
      </c>
      <c r="AI27" s="283">
        <v>114</v>
      </c>
      <c r="AJ27" s="277">
        <v>0</v>
      </c>
      <c r="AK27" s="281">
        <v>0</v>
      </c>
      <c r="AL27" s="278">
        <v>0</v>
      </c>
      <c r="AM27" s="280">
        <v>0</v>
      </c>
      <c r="AN27" s="281">
        <v>0</v>
      </c>
      <c r="AO27" s="281">
        <v>0</v>
      </c>
      <c r="AP27" s="281">
        <v>0</v>
      </c>
      <c r="AQ27" s="281">
        <v>0</v>
      </c>
      <c r="AR27" s="281">
        <v>0</v>
      </c>
      <c r="AS27" s="278">
        <v>0</v>
      </c>
      <c r="AT27" s="283">
        <v>0</v>
      </c>
      <c r="AU27" s="277">
        <v>0</v>
      </c>
      <c r="AV27" s="281">
        <v>0</v>
      </c>
      <c r="AW27" s="278">
        <v>0</v>
      </c>
      <c r="AX27" s="280">
        <v>0</v>
      </c>
      <c r="AY27" s="281">
        <v>80</v>
      </c>
      <c r="AZ27" s="281">
        <v>46</v>
      </c>
      <c r="BA27" s="281">
        <v>49</v>
      </c>
      <c r="BB27" s="281">
        <v>39</v>
      </c>
      <c r="BC27" s="281">
        <v>0</v>
      </c>
      <c r="BD27" s="282">
        <v>214</v>
      </c>
      <c r="BE27" s="283">
        <v>214</v>
      </c>
      <c r="BF27" s="277">
        <v>0</v>
      </c>
      <c r="BG27" s="281">
        <v>0</v>
      </c>
      <c r="BH27" s="278">
        <v>0</v>
      </c>
      <c r="BI27" s="280">
        <v>0</v>
      </c>
      <c r="BJ27" s="281">
        <v>2</v>
      </c>
      <c r="BK27" s="281">
        <v>42</v>
      </c>
      <c r="BL27" s="281">
        <v>25</v>
      </c>
      <c r="BM27" s="281">
        <v>17</v>
      </c>
      <c r="BN27" s="281">
        <v>15</v>
      </c>
      <c r="BO27" s="278">
        <v>101</v>
      </c>
      <c r="BP27" s="283">
        <v>101</v>
      </c>
      <c r="BQ27" s="277">
        <v>0</v>
      </c>
      <c r="BR27" s="281">
        <v>0</v>
      </c>
      <c r="BS27" s="278">
        <v>0</v>
      </c>
      <c r="BT27" s="280">
        <v>0</v>
      </c>
      <c r="BU27" s="281">
        <v>16</v>
      </c>
      <c r="BV27" s="281">
        <v>4</v>
      </c>
      <c r="BW27" s="281">
        <v>13</v>
      </c>
      <c r="BX27" s="281">
        <v>5</v>
      </c>
      <c r="BY27" s="281">
        <v>0</v>
      </c>
      <c r="BZ27" s="278">
        <v>38</v>
      </c>
      <c r="CA27" s="283">
        <v>38</v>
      </c>
      <c r="CB27" s="277">
        <v>0</v>
      </c>
      <c r="CC27" s="281">
        <v>0</v>
      </c>
      <c r="CD27" s="278">
        <v>0</v>
      </c>
      <c r="CE27" s="280">
        <v>0</v>
      </c>
      <c r="CF27" s="281">
        <v>0</v>
      </c>
      <c r="CG27" s="281">
        <v>0</v>
      </c>
      <c r="CH27" s="281">
        <v>7</v>
      </c>
      <c r="CI27" s="281">
        <v>0</v>
      </c>
      <c r="CJ27" s="281">
        <v>10</v>
      </c>
      <c r="CK27" s="278">
        <v>17</v>
      </c>
      <c r="CL27" s="283">
        <v>17</v>
      </c>
      <c r="CM27" s="277">
        <v>0</v>
      </c>
      <c r="CN27" s="281">
        <v>0</v>
      </c>
      <c r="CO27" s="278">
        <v>0</v>
      </c>
      <c r="CP27" s="280">
        <v>0</v>
      </c>
      <c r="CQ27" s="281">
        <v>0</v>
      </c>
      <c r="CR27" s="281">
        <v>0</v>
      </c>
      <c r="CS27" s="281">
        <v>0</v>
      </c>
      <c r="CT27" s="281">
        <v>0</v>
      </c>
      <c r="CU27" s="281">
        <v>0</v>
      </c>
      <c r="CV27" s="278">
        <v>0</v>
      </c>
      <c r="CW27" s="283">
        <v>0</v>
      </c>
      <c r="CX27" s="277">
        <v>0</v>
      </c>
      <c r="CY27" s="281">
        <v>0</v>
      </c>
      <c r="CZ27" s="278">
        <v>0</v>
      </c>
      <c r="DA27" s="280">
        <v>0</v>
      </c>
      <c r="DB27" s="281">
        <v>0</v>
      </c>
      <c r="DC27" s="281">
        <v>0</v>
      </c>
      <c r="DD27" s="281">
        <v>0</v>
      </c>
      <c r="DE27" s="281">
        <v>0</v>
      </c>
      <c r="DF27" s="281">
        <v>0</v>
      </c>
      <c r="DG27" s="278">
        <v>0</v>
      </c>
      <c r="DH27" s="283">
        <v>0</v>
      </c>
    </row>
    <row r="28" spans="2:112" ht="18.75" customHeight="1" x14ac:dyDescent="0.2">
      <c r="B28" s="262" t="s">
        <v>26</v>
      </c>
      <c r="C28" s="277">
        <v>0</v>
      </c>
      <c r="D28" s="278">
        <v>0</v>
      </c>
      <c r="E28" s="279">
        <v>0</v>
      </c>
      <c r="F28" s="280">
        <v>0</v>
      </c>
      <c r="G28" s="281">
        <v>28</v>
      </c>
      <c r="H28" s="281">
        <v>55</v>
      </c>
      <c r="I28" s="281">
        <v>95</v>
      </c>
      <c r="J28" s="281">
        <v>75</v>
      </c>
      <c r="K28" s="281">
        <v>82</v>
      </c>
      <c r="L28" s="282">
        <v>335</v>
      </c>
      <c r="M28" s="283">
        <v>335</v>
      </c>
      <c r="N28" s="277">
        <v>0</v>
      </c>
      <c r="O28" s="281">
        <v>0</v>
      </c>
      <c r="P28" s="278">
        <v>0</v>
      </c>
      <c r="Q28" s="280">
        <v>0</v>
      </c>
      <c r="R28" s="281">
        <v>0</v>
      </c>
      <c r="S28" s="281">
        <v>0</v>
      </c>
      <c r="T28" s="281">
        <v>4</v>
      </c>
      <c r="U28" s="281">
        <v>0</v>
      </c>
      <c r="V28" s="281">
        <v>4</v>
      </c>
      <c r="W28" s="278">
        <v>8</v>
      </c>
      <c r="X28" s="283">
        <v>8</v>
      </c>
      <c r="Y28" s="277">
        <v>0</v>
      </c>
      <c r="Z28" s="281">
        <v>14</v>
      </c>
      <c r="AA28" s="278">
        <v>14</v>
      </c>
      <c r="AB28" s="280">
        <v>0</v>
      </c>
      <c r="AC28" s="281">
        <v>30</v>
      </c>
      <c r="AD28" s="281">
        <v>59</v>
      </c>
      <c r="AE28" s="281">
        <v>22</v>
      </c>
      <c r="AF28" s="281">
        <v>26</v>
      </c>
      <c r="AG28" s="281">
        <v>32</v>
      </c>
      <c r="AH28" s="278">
        <v>169</v>
      </c>
      <c r="AI28" s="283">
        <v>183</v>
      </c>
      <c r="AJ28" s="277">
        <v>0</v>
      </c>
      <c r="AK28" s="281">
        <v>0</v>
      </c>
      <c r="AL28" s="278">
        <v>0</v>
      </c>
      <c r="AM28" s="280">
        <v>0</v>
      </c>
      <c r="AN28" s="281">
        <v>0</v>
      </c>
      <c r="AO28" s="281">
        <v>0</v>
      </c>
      <c r="AP28" s="281">
        <v>24</v>
      </c>
      <c r="AQ28" s="281">
        <v>0</v>
      </c>
      <c r="AR28" s="281">
        <v>0</v>
      </c>
      <c r="AS28" s="278">
        <v>24</v>
      </c>
      <c r="AT28" s="283">
        <v>24</v>
      </c>
      <c r="AU28" s="277">
        <v>0</v>
      </c>
      <c r="AV28" s="281">
        <v>0</v>
      </c>
      <c r="AW28" s="278">
        <v>0</v>
      </c>
      <c r="AX28" s="280">
        <v>0</v>
      </c>
      <c r="AY28" s="281">
        <v>97</v>
      </c>
      <c r="AZ28" s="281">
        <v>21</v>
      </c>
      <c r="BA28" s="281">
        <v>14</v>
      </c>
      <c r="BB28" s="281">
        <v>0</v>
      </c>
      <c r="BC28" s="281">
        <v>0</v>
      </c>
      <c r="BD28" s="282">
        <v>132</v>
      </c>
      <c r="BE28" s="283">
        <v>132</v>
      </c>
      <c r="BF28" s="277">
        <v>0</v>
      </c>
      <c r="BG28" s="281">
        <v>0</v>
      </c>
      <c r="BH28" s="278">
        <v>0</v>
      </c>
      <c r="BI28" s="280">
        <v>0</v>
      </c>
      <c r="BJ28" s="281">
        <v>11</v>
      </c>
      <c r="BK28" s="281">
        <v>31</v>
      </c>
      <c r="BL28" s="281">
        <v>12</v>
      </c>
      <c r="BM28" s="281">
        <v>0</v>
      </c>
      <c r="BN28" s="281">
        <v>0</v>
      </c>
      <c r="BO28" s="278">
        <v>54</v>
      </c>
      <c r="BP28" s="283">
        <v>54</v>
      </c>
      <c r="BQ28" s="277">
        <v>0</v>
      </c>
      <c r="BR28" s="281">
        <v>0</v>
      </c>
      <c r="BS28" s="278">
        <v>0</v>
      </c>
      <c r="BT28" s="280">
        <v>0</v>
      </c>
      <c r="BU28" s="281">
        <v>0</v>
      </c>
      <c r="BV28" s="281">
        <v>0</v>
      </c>
      <c r="BW28" s="281">
        <v>13</v>
      </c>
      <c r="BX28" s="281">
        <v>0</v>
      </c>
      <c r="BY28" s="281">
        <v>0</v>
      </c>
      <c r="BZ28" s="278">
        <v>13</v>
      </c>
      <c r="CA28" s="283">
        <v>13</v>
      </c>
      <c r="CB28" s="277">
        <v>0</v>
      </c>
      <c r="CC28" s="281">
        <v>0</v>
      </c>
      <c r="CD28" s="278">
        <v>0</v>
      </c>
      <c r="CE28" s="280">
        <v>0</v>
      </c>
      <c r="CF28" s="281">
        <v>0</v>
      </c>
      <c r="CG28" s="281">
        <v>0</v>
      </c>
      <c r="CH28" s="281">
        <v>0</v>
      </c>
      <c r="CI28" s="281">
        <v>0</v>
      </c>
      <c r="CJ28" s="281">
        <v>0</v>
      </c>
      <c r="CK28" s="278">
        <v>0</v>
      </c>
      <c r="CL28" s="283">
        <v>0</v>
      </c>
      <c r="CM28" s="277">
        <v>0</v>
      </c>
      <c r="CN28" s="281">
        <v>0</v>
      </c>
      <c r="CO28" s="278">
        <v>0</v>
      </c>
      <c r="CP28" s="280">
        <v>0</v>
      </c>
      <c r="CQ28" s="281">
        <v>0</v>
      </c>
      <c r="CR28" s="281">
        <v>0</v>
      </c>
      <c r="CS28" s="281">
        <v>0</v>
      </c>
      <c r="CT28" s="281">
        <v>0</v>
      </c>
      <c r="CU28" s="281">
        <v>0</v>
      </c>
      <c r="CV28" s="278">
        <v>0</v>
      </c>
      <c r="CW28" s="283">
        <v>0</v>
      </c>
      <c r="CX28" s="277">
        <v>0</v>
      </c>
      <c r="CY28" s="281">
        <v>0</v>
      </c>
      <c r="CZ28" s="278">
        <v>0</v>
      </c>
      <c r="DA28" s="280">
        <v>0</v>
      </c>
      <c r="DB28" s="281">
        <v>0</v>
      </c>
      <c r="DC28" s="281">
        <v>0</v>
      </c>
      <c r="DD28" s="281">
        <v>0</v>
      </c>
      <c r="DE28" s="281">
        <v>0</v>
      </c>
      <c r="DF28" s="281">
        <v>0</v>
      </c>
      <c r="DG28" s="278">
        <v>0</v>
      </c>
      <c r="DH28" s="283">
        <v>0</v>
      </c>
    </row>
    <row r="29" spans="2:112" ht="18.75" customHeight="1" x14ac:dyDescent="0.2">
      <c r="B29" s="262" t="s">
        <v>27</v>
      </c>
      <c r="C29" s="277">
        <v>0</v>
      </c>
      <c r="D29" s="278">
        <v>0</v>
      </c>
      <c r="E29" s="279">
        <v>0</v>
      </c>
      <c r="F29" s="280">
        <v>0</v>
      </c>
      <c r="G29" s="281">
        <v>0</v>
      </c>
      <c r="H29" s="281">
        <v>90</v>
      </c>
      <c r="I29" s="281">
        <v>19</v>
      </c>
      <c r="J29" s="281">
        <v>0</v>
      </c>
      <c r="K29" s="281">
        <v>182</v>
      </c>
      <c r="L29" s="282">
        <v>291</v>
      </c>
      <c r="M29" s="283">
        <v>291</v>
      </c>
      <c r="N29" s="277">
        <v>0</v>
      </c>
      <c r="O29" s="281">
        <v>0</v>
      </c>
      <c r="P29" s="278">
        <v>0</v>
      </c>
      <c r="Q29" s="280">
        <v>0</v>
      </c>
      <c r="R29" s="281">
        <v>0</v>
      </c>
      <c r="S29" s="281">
        <v>0</v>
      </c>
      <c r="T29" s="281">
        <v>5</v>
      </c>
      <c r="U29" s="281">
        <v>0</v>
      </c>
      <c r="V29" s="281">
        <v>0</v>
      </c>
      <c r="W29" s="278">
        <v>5</v>
      </c>
      <c r="X29" s="283">
        <v>5</v>
      </c>
      <c r="Y29" s="277">
        <v>29</v>
      </c>
      <c r="Z29" s="281">
        <v>21</v>
      </c>
      <c r="AA29" s="278">
        <v>50</v>
      </c>
      <c r="AB29" s="280">
        <v>0</v>
      </c>
      <c r="AC29" s="281">
        <v>16</v>
      </c>
      <c r="AD29" s="281">
        <v>26</v>
      </c>
      <c r="AE29" s="281">
        <v>15</v>
      </c>
      <c r="AF29" s="281">
        <v>2</v>
      </c>
      <c r="AG29" s="281">
        <v>8</v>
      </c>
      <c r="AH29" s="278">
        <v>67</v>
      </c>
      <c r="AI29" s="283">
        <v>117</v>
      </c>
      <c r="AJ29" s="277">
        <v>0</v>
      </c>
      <c r="AK29" s="281">
        <v>12</v>
      </c>
      <c r="AL29" s="278">
        <v>12</v>
      </c>
      <c r="AM29" s="280">
        <v>0</v>
      </c>
      <c r="AN29" s="281">
        <v>0</v>
      </c>
      <c r="AO29" s="281">
        <v>0</v>
      </c>
      <c r="AP29" s="281">
        <v>0</v>
      </c>
      <c r="AQ29" s="281">
        <v>0</v>
      </c>
      <c r="AR29" s="281">
        <v>0</v>
      </c>
      <c r="AS29" s="278">
        <v>0</v>
      </c>
      <c r="AT29" s="283">
        <v>12</v>
      </c>
      <c r="AU29" s="277">
        <v>0</v>
      </c>
      <c r="AV29" s="281">
        <v>0</v>
      </c>
      <c r="AW29" s="278">
        <v>0</v>
      </c>
      <c r="AX29" s="280">
        <v>0</v>
      </c>
      <c r="AY29" s="281">
        <v>0</v>
      </c>
      <c r="AZ29" s="281">
        <v>3</v>
      </c>
      <c r="BA29" s="281">
        <v>26</v>
      </c>
      <c r="BB29" s="281">
        <v>11</v>
      </c>
      <c r="BC29" s="281">
        <v>0</v>
      </c>
      <c r="BD29" s="282">
        <v>40</v>
      </c>
      <c r="BE29" s="283">
        <v>40</v>
      </c>
      <c r="BF29" s="277">
        <v>0</v>
      </c>
      <c r="BG29" s="281">
        <v>0</v>
      </c>
      <c r="BH29" s="278">
        <v>0</v>
      </c>
      <c r="BI29" s="280">
        <v>0</v>
      </c>
      <c r="BJ29" s="281">
        <v>2</v>
      </c>
      <c r="BK29" s="281">
        <v>4</v>
      </c>
      <c r="BL29" s="281">
        <v>17</v>
      </c>
      <c r="BM29" s="281">
        <v>0</v>
      </c>
      <c r="BN29" s="281">
        <v>0</v>
      </c>
      <c r="BO29" s="278">
        <v>23</v>
      </c>
      <c r="BP29" s="283">
        <v>23</v>
      </c>
      <c r="BQ29" s="277">
        <v>0</v>
      </c>
      <c r="BR29" s="281">
        <v>0</v>
      </c>
      <c r="BS29" s="278">
        <v>0</v>
      </c>
      <c r="BT29" s="280">
        <v>0</v>
      </c>
      <c r="BU29" s="281">
        <v>0</v>
      </c>
      <c r="BV29" s="281">
        <v>6</v>
      </c>
      <c r="BW29" s="281">
        <v>22</v>
      </c>
      <c r="BX29" s="281">
        <v>4</v>
      </c>
      <c r="BY29" s="281">
        <v>0</v>
      </c>
      <c r="BZ29" s="278">
        <v>32</v>
      </c>
      <c r="CA29" s="283">
        <v>32</v>
      </c>
      <c r="CB29" s="277">
        <v>0</v>
      </c>
      <c r="CC29" s="281">
        <v>0</v>
      </c>
      <c r="CD29" s="278">
        <v>0</v>
      </c>
      <c r="CE29" s="280">
        <v>0</v>
      </c>
      <c r="CF29" s="281">
        <v>0</v>
      </c>
      <c r="CG29" s="281">
        <v>0</v>
      </c>
      <c r="CH29" s="281">
        <v>0</v>
      </c>
      <c r="CI29" s="281">
        <v>0</v>
      </c>
      <c r="CJ29" s="281">
        <v>0</v>
      </c>
      <c r="CK29" s="278">
        <v>0</v>
      </c>
      <c r="CL29" s="283">
        <v>0</v>
      </c>
      <c r="CM29" s="277">
        <v>0</v>
      </c>
      <c r="CN29" s="281">
        <v>0</v>
      </c>
      <c r="CO29" s="278">
        <v>0</v>
      </c>
      <c r="CP29" s="280">
        <v>0</v>
      </c>
      <c r="CQ29" s="281">
        <v>0</v>
      </c>
      <c r="CR29" s="281">
        <v>0</v>
      </c>
      <c r="CS29" s="281">
        <v>0</v>
      </c>
      <c r="CT29" s="281">
        <v>0</v>
      </c>
      <c r="CU29" s="281">
        <v>0</v>
      </c>
      <c r="CV29" s="278">
        <v>0</v>
      </c>
      <c r="CW29" s="283">
        <v>0</v>
      </c>
      <c r="CX29" s="277">
        <v>0</v>
      </c>
      <c r="CY29" s="281">
        <v>0</v>
      </c>
      <c r="CZ29" s="278">
        <v>0</v>
      </c>
      <c r="DA29" s="280">
        <v>0</v>
      </c>
      <c r="DB29" s="281">
        <v>0</v>
      </c>
      <c r="DC29" s="281">
        <v>0</v>
      </c>
      <c r="DD29" s="281">
        <v>0</v>
      </c>
      <c r="DE29" s="281">
        <v>0</v>
      </c>
      <c r="DF29" s="281">
        <v>0</v>
      </c>
      <c r="DG29" s="278">
        <v>0</v>
      </c>
      <c r="DH29" s="283">
        <v>0</v>
      </c>
    </row>
    <row r="30" spans="2:112" ht="18.75" customHeight="1" x14ac:dyDescent="0.2">
      <c r="B30" s="262" t="s">
        <v>28</v>
      </c>
      <c r="C30" s="277">
        <v>0</v>
      </c>
      <c r="D30" s="278">
        <v>0</v>
      </c>
      <c r="E30" s="279">
        <v>0</v>
      </c>
      <c r="F30" s="280">
        <v>0</v>
      </c>
      <c r="G30" s="281">
        <v>8</v>
      </c>
      <c r="H30" s="281">
        <v>14</v>
      </c>
      <c r="I30" s="281">
        <v>0</v>
      </c>
      <c r="J30" s="281">
        <v>0</v>
      </c>
      <c r="K30" s="281">
        <v>27</v>
      </c>
      <c r="L30" s="282">
        <v>49</v>
      </c>
      <c r="M30" s="283">
        <v>49</v>
      </c>
      <c r="N30" s="277">
        <v>0</v>
      </c>
      <c r="O30" s="281">
        <v>0</v>
      </c>
      <c r="P30" s="278">
        <v>0</v>
      </c>
      <c r="Q30" s="280">
        <v>0</v>
      </c>
      <c r="R30" s="281">
        <v>0</v>
      </c>
      <c r="S30" s="281">
        <v>0</v>
      </c>
      <c r="T30" s="281">
        <v>0</v>
      </c>
      <c r="U30" s="281">
        <v>0</v>
      </c>
      <c r="V30" s="281">
        <v>0</v>
      </c>
      <c r="W30" s="278">
        <v>0</v>
      </c>
      <c r="X30" s="283">
        <v>0</v>
      </c>
      <c r="Y30" s="277">
        <v>0</v>
      </c>
      <c r="Z30" s="281">
        <v>0</v>
      </c>
      <c r="AA30" s="278">
        <v>0</v>
      </c>
      <c r="AB30" s="280">
        <v>0</v>
      </c>
      <c r="AC30" s="281">
        <v>1</v>
      </c>
      <c r="AD30" s="281">
        <v>17</v>
      </c>
      <c r="AE30" s="281">
        <v>2</v>
      </c>
      <c r="AF30" s="281">
        <v>0</v>
      </c>
      <c r="AG30" s="281">
        <v>0</v>
      </c>
      <c r="AH30" s="278">
        <v>20</v>
      </c>
      <c r="AI30" s="283">
        <v>20</v>
      </c>
      <c r="AJ30" s="277">
        <v>0</v>
      </c>
      <c r="AK30" s="281">
        <v>0</v>
      </c>
      <c r="AL30" s="278">
        <v>0</v>
      </c>
      <c r="AM30" s="280">
        <v>0</v>
      </c>
      <c r="AN30" s="281">
        <v>24</v>
      </c>
      <c r="AO30" s="281">
        <v>0</v>
      </c>
      <c r="AP30" s="281">
        <v>0</v>
      </c>
      <c r="AQ30" s="281">
        <v>0</v>
      </c>
      <c r="AR30" s="281">
        <v>0</v>
      </c>
      <c r="AS30" s="278">
        <v>24</v>
      </c>
      <c r="AT30" s="283">
        <v>24</v>
      </c>
      <c r="AU30" s="277">
        <v>0</v>
      </c>
      <c r="AV30" s="281">
        <v>0</v>
      </c>
      <c r="AW30" s="278">
        <v>0</v>
      </c>
      <c r="AX30" s="280">
        <v>0</v>
      </c>
      <c r="AY30" s="281">
        <v>12</v>
      </c>
      <c r="AZ30" s="281">
        <v>16</v>
      </c>
      <c r="BA30" s="281">
        <v>0</v>
      </c>
      <c r="BB30" s="281">
        <v>10</v>
      </c>
      <c r="BC30" s="281">
        <v>0</v>
      </c>
      <c r="BD30" s="282">
        <v>38</v>
      </c>
      <c r="BE30" s="283">
        <v>38</v>
      </c>
      <c r="BF30" s="277">
        <v>0</v>
      </c>
      <c r="BG30" s="281">
        <v>0</v>
      </c>
      <c r="BH30" s="278">
        <v>0</v>
      </c>
      <c r="BI30" s="280">
        <v>0</v>
      </c>
      <c r="BJ30" s="281">
        <v>12</v>
      </c>
      <c r="BK30" s="281">
        <v>5</v>
      </c>
      <c r="BL30" s="281">
        <v>4</v>
      </c>
      <c r="BM30" s="281">
        <v>0</v>
      </c>
      <c r="BN30" s="281">
        <v>8</v>
      </c>
      <c r="BO30" s="278">
        <v>29</v>
      </c>
      <c r="BP30" s="283">
        <v>29</v>
      </c>
      <c r="BQ30" s="277">
        <v>0</v>
      </c>
      <c r="BR30" s="281">
        <v>0</v>
      </c>
      <c r="BS30" s="278">
        <v>0</v>
      </c>
      <c r="BT30" s="280">
        <v>0</v>
      </c>
      <c r="BU30" s="281">
        <v>0</v>
      </c>
      <c r="BV30" s="281">
        <v>2</v>
      </c>
      <c r="BW30" s="281">
        <v>0</v>
      </c>
      <c r="BX30" s="281">
        <v>0</v>
      </c>
      <c r="BY30" s="281">
        <v>0</v>
      </c>
      <c r="BZ30" s="278">
        <v>2</v>
      </c>
      <c r="CA30" s="283">
        <v>2</v>
      </c>
      <c r="CB30" s="277">
        <v>0</v>
      </c>
      <c r="CC30" s="281">
        <v>0</v>
      </c>
      <c r="CD30" s="278">
        <v>0</v>
      </c>
      <c r="CE30" s="280">
        <v>0</v>
      </c>
      <c r="CF30" s="281">
        <v>0</v>
      </c>
      <c r="CG30" s="281">
        <v>0</v>
      </c>
      <c r="CH30" s="281">
        <v>0</v>
      </c>
      <c r="CI30" s="281">
        <v>0</v>
      </c>
      <c r="CJ30" s="281">
        <v>0</v>
      </c>
      <c r="CK30" s="278">
        <v>0</v>
      </c>
      <c r="CL30" s="283">
        <v>0</v>
      </c>
      <c r="CM30" s="277">
        <v>0</v>
      </c>
      <c r="CN30" s="281">
        <v>0</v>
      </c>
      <c r="CO30" s="278">
        <v>0</v>
      </c>
      <c r="CP30" s="280">
        <v>0</v>
      </c>
      <c r="CQ30" s="281">
        <v>0</v>
      </c>
      <c r="CR30" s="281">
        <v>0</v>
      </c>
      <c r="CS30" s="281">
        <v>0</v>
      </c>
      <c r="CT30" s="281">
        <v>0</v>
      </c>
      <c r="CU30" s="281">
        <v>0</v>
      </c>
      <c r="CV30" s="278">
        <v>0</v>
      </c>
      <c r="CW30" s="283">
        <v>0</v>
      </c>
      <c r="CX30" s="277">
        <v>0</v>
      </c>
      <c r="CY30" s="281">
        <v>0</v>
      </c>
      <c r="CZ30" s="278">
        <v>0</v>
      </c>
      <c r="DA30" s="280">
        <v>0</v>
      </c>
      <c r="DB30" s="281">
        <v>0</v>
      </c>
      <c r="DC30" s="281">
        <v>0</v>
      </c>
      <c r="DD30" s="281">
        <v>0</v>
      </c>
      <c r="DE30" s="281">
        <v>0</v>
      </c>
      <c r="DF30" s="281">
        <v>0</v>
      </c>
      <c r="DG30" s="278">
        <v>0</v>
      </c>
      <c r="DH30" s="283">
        <v>0</v>
      </c>
    </row>
    <row r="31" spans="2:112" ht="18.75" customHeight="1" x14ac:dyDescent="0.2">
      <c r="B31" s="262" t="s">
        <v>29</v>
      </c>
      <c r="C31" s="277">
        <v>0</v>
      </c>
      <c r="D31" s="278">
        <v>0</v>
      </c>
      <c r="E31" s="279">
        <v>0</v>
      </c>
      <c r="F31" s="280">
        <v>0</v>
      </c>
      <c r="G31" s="281">
        <v>12</v>
      </c>
      <c r="H31" s="281">
        <v>25</v>
      </c>
      <c r="I31" s="281">
        <v>0</v>
      </c>
      <c r="J31" s="281">
        <v>28</v>
      </c>
      <c r="K31" s="281">
        <v>0</v>
      </c>
      <c r="L31" s="282">
        <v>65</v>
      </c>
      <c r="M31" s="283">
        <v>65</v>
      </c>
      <c r="N31" s="277">
        <v>0</v>
      </c>
      <c r="O31" s="281">
        <v>0</v>
      </c>
      <c r="P31" s="278">
        <v>0</v>
      </c>
      <c r="Q31" s="280">
        <v>0</v>
      </c>
      <c r="R31" s="281">
        <v>0</v>
      </c>
      <c r="S31" s="281">
        <v>0</v>
      </c>
      <c r="T31" s="281">
        <v>4</v>
      </c>
      <c r="U31" s="281">
        <v>0</v>
      </c>
      <c r="V31" s="281">
        <v>0</v>
      </c>
      <c r="W31" s="278">
        <v>4</v>
      </c>
      <c r="X31" s="283">
        <v>4</v>
      </c>
      <c r="Y31" s="277">
        <v>0</v>
      </c>
      <c r="Z31" s="281">
        <v>0</v>
      </c>
      <c r="AA31" s="278">
        <v>0</v>
      </c>
      <c r="AB31" s="280">
        <v>0</v>
      </c>
      <c r="AC31" s="281">
        <v>14</v>
      </c>
      <c r="AD31" s="281">
        <v>17</v>
      </c>
      <c r="AE31" s="281">
        <v>44</v>
      </c>
      <c r="AF31" s="281">
        <v>0</v>
      </c>
      <c r="AG31" s="281">
        <v>0</v>
      </c>
      <c r="AH31" s="278">
        <v>75</v>
      </c>
      <c r="AI31" s="283">
        <v>75</v>
      </c>
      <c r="AJ31" s="277">
        <v>0</v>
      </c>
      <c r="AK31" s="281">
        <v>0</v>
      </c>
      <c r="AL31" s="278">
        <v>0</v>
      </c>
      <c r="AM31" s="280">
        <v>0</v>
      </c>
      <c r="AN31" s="281">
        <v>0</v>
      </c>
      <c r="AO31" s="281">
        <v>12</v>
      </c>
      <c r="AP31" s="281">
        <v>0</v>
      </c>
      <c r="AQ31" s="281">
        <v>33</v>
      </c>
      <c r="AR31" s="281">
        <v>0</v>
      </c>
      <c r="AS31" s="278">
        <v>45</v>
      </c>
      <c r="AT31" s="283">
        <v>45</v>
      </c>
      <c r="AU31" s="277">
        <v>0</v>
      </c>
      <c r="AV31" s="281">
        <v>0</v>
      </c>
      <c r="AW31" s="278">
        <v>0</v>
      </c>
      <c r="AX31" s="280">
        <v>0</v>
      </c>
      <c r="AY31" s="281">
        <v>4</v>
      </c>
      <c r="AZ31" s="281">
        <v>0</v>
      </c>
      <c r="BA31" s="281">
        <v>7</v>
      </c>
      <c r="BB31" s="281">
        <v>0</v>
      </c>
      <c r="BC31" s="281">
        <v>0</v>
      </c>
      <c r="BD31" s="282">
        <v>11</v>
      </c>
      <c r="BE31" s="283">
        <v>11</v>
      </c>
      <c r="BF31" s="277">
        <v>0</v>
      </c>
      <c r="BG31" s="281">
        <v>0</v>
      </c>
      <c r="BH31" s="278">
        <v>0</v>
      </c>
      <c r="BI31" s="280">
        <v>0</v>
      </c>
      <c r="BJ31" s="281">
        <v>0</v>
      </c>
      <c r="BK31" s="281">
        <v>7</v>
      </c>
      <c r="BL31" s="281">
        <v>9</v>
      </c>
      <c r="BM31" s="281">
        <v>0</v>
      </c>
      <c r="BN31" s="281">
        <v>0</v>
      </c>
      <c r="BO31" s="278">
        <v>16</v>
      </c>
      <c r="BP31" s="283">
        <v>16</v>
      </c>
      <c r="BQ31" s="277">
        <v>0</v>
      </c>
      <c r="BR31" s="281">
        <v>0</v>
      </c>
      <c r="BS31" s="278">
        <v>0</v>
      </c>
      <c r="BT31" s="280">
        <v>0</v>
      </c>
      <c r="BU31" s="281">
        <v>0</v>
      </c>
      <c r="BV31" s="281">
        <v>0</v>
      </c>
      <c r="BW31" s="281">
        <v>0</v>
      </c>
      <c r="BX31" s="281">
        <v>0</v>
      </c>
      <c r="BY31" s="281">
        <v>0</v>
      </c>
      <c r="BZ31" s="278">
        <v>0</v>
      </c>
      <c r="CA31" s="283">
        <v>0</v>
      </c>
      <c r="CB31" s="277">
        <v>0</v>
      </c>
      <c r="CC31" s="281">
        <v>0</v>
      </c>
      <c r="CD31" s="278">
        <v>0</v>
      </c>
      <c r="CE31" s="280">
        <v>0</v>
      </c>
      <c r="CF31" s="281">
        <v>0</v>
      </c>
      <c r="CG31" s="281">
        <v>2</v>
      </c>
      <c r="CH31" s="281">
        <v>0</v>
      </c>
      <c r="CI31" s="281">
        <v>0</v>
      </c>
      <c r="CJ31" s="281">
        <v>0</v>
      </c>
      <c r="CK31" s="278">
        <v>2</v>
      </c>
      <c r="CL31" s="283">
        <v>2</v>
      </c>
      <c r="CM31" s="277">
        <v>0</v>
      </c>
      <c r="CN31" s="281">
        <v>0</v>
      </c>
      <c r="CO31" s="278">
        <v>0</v>
      </c>
      <c r="CP31" s="280">
        <v>0</v>
      </c>
      <c r="CQ31" s="281">
        <v>0</v>
      </c>
      <c r="CR31" s="281">
        <v>0</v>
      </c>
      <c r="CS31" s="281">
        <v>0</v>
      </c>
      <c r="CT31" s="281">
        <v>0</v>
      </c>
      <c r="CU31" s="281">
        <v>0</v>
      </c>
      <c r="CV31" s="278">
        <v>0</v>
      </c>
      <c r="CW31" s="283">
        <v>0</v>
      </c>
      <c r="CX31" s="277">
        <v>0</v>
      </c>
      <c r="CY31" s="281">
        <v>0</v>
      </c>
      <c r="CZ31" s="278">
        <v>0</v>
      </c>
      <c r="DA31" s="280">
        <v>0</v>
      </c>
      <c r="DB31" s="281">
        <v>0</v>
      </c>
      <c r="DC31" s="281">
        <v>0</v>
      </c>
      <c r="DD31" s="281">
        <v>0</v>
      </c>
      <c r="DE31" s="281">
        <v>0</v>
      </c>
      <c r="DF31" s="281">
        <v>0</v>
      </c>
      <c r="DG31" s="278">
        <v>0</v>
      </c>
      <c r="DH31" s="283">
        <v>0</v>
      </c>
    </row>
    <row r="32" spans="2:112" ht="18.75" customHeight="1" x14ac:dyDescent="0.2">
      <c r="B32" s="262" t="s">
        <v>30</v>
      </c>
      <c r="C32" s="277">
        <v>0</v>
      </c>
      <c r="D32" s="278">
        <v>0</v>
      </c>
      <c r="E32" s="279">
        <v>0</v>
      </c>
      <c r="F32" s="280">
        <v>0</v>
      </c>
      <c r="G32" s="281">
        <v>4</v>
      </c>
      <c r="H32" s="281">
        <v>0</v>
      </c>
      <c r="I32" s="281">
        <v>93</v>
      </c>
      <c r="J32" s="281">
        <v>59</v>
      </c>
      <c r="K32" s="281">
        <v>0</v>
      </c>
      <c r="L32" s="282">
        <v>156</v>
      </c>
      <c r="M32" s="283">
        <v>156</v>
      </c>
      <c r="N32" s="277">
        <v>0</v>
      </c>
      <c r="O32" s="281">
        <v>0</v>
      </c>
      <c r="P32" s="278">
        <v>0</v>
      </c>
      <c r="Q32" s="280">
        <v>0</v>
      </c>
      <c r="R32" s="281">
        <v>0</v>
      </c>
      <c r="S32" s="281">
        <v>0</v>
      </c>
      <c r="T32" s="281">
        <v>0</v>
      </c>
      <c r="U32" s="281">
        <v>4</v>
      </c>
      <c r="V32" s="281">
        <v>0</v>
      </c>
      <c r="W32" s="278">
        <v>4</v>
      </c>
      <c r="X32" s="283">
        <v>4</v>
      </c>
      <c r="Y32" s="277">
        <v>0</v>
      </c>
      <c r="Z32" s="281">
        <v>8</v>
      </c>
      <c r="AA32" s="278">
        <v>8</v>
      </c>
      <c r="AB32" s="280">
        <v>0</v>
      </c>
      <c r="AC32" s="281">
        <v>11</v>
      </c>
      <c r="AD32" s="281">
        <v>0</v>
      </c>
      <c r="AE32" s="281">
        <v>0</v>
      </c>
      <c r="AF32" s="281">
        <v>5</v>
      </c>
      <c r="AG32" s="281">
        <v>0</v>
      </c>
      <c r="AH32" s="278">
        <v>16</v>
      </c>
      <c r="AI32" s="283">
        <v>24</v>
      </c>
      <c r="AJ32" s="277">
        <v>0</v>
      </c>
      <c r="AK32" s="281">
        <v>0</v>
      </c>
      <c r="AL32" s="278">
        <v>0</v>
      </c>
      <c r="AM32" s="280">
        <v>0</v>
      </c>
      <c r="AN32" s="281">
        <v>0</v>
      </c>
      <c r="AO32" s="281">
        <v>0</v>
      </c>
      <c r="AP32" s="281">
        <v>0</v>
      </c>
      <c r="AQ32" s="281">
        <v>15</v>
      </c>
      <c r="AR32" s="281">
        <v>0</v>
      </c>
      <c r="AS32" s="278">
        <v>15</v>
      </c>
      <c r="AT32" s="283">
        <v>15</v>
      </c>
      <c r="AU32" s="277">
        <v>0</v>
      </c>
      <c r="AV32" s="281">
        <v>0</v>
      </c>
      <c r="AW32" s="278">
        <v>0</v>
      </c>
      <c r="AX32" s="280">
        <v>0</v>
      </c>
      <c r="AY32" s="281">
        <v>11</v>
      </c>
      <c r="AZ32" s="281">
        <v>10</v>
      </c>
      <c r="BA32" s="281">
        <v>13</v>
      </c>
      <c r="BB32" s="281">
        <v>4</v>
      </c>
      <c r="BC32" s="281">
        <v>0</v>
      </c>
      <c r="BD32" s="282">
        <v>38</v>
      </c>
      <c r="BE32" s="283">
        <v>38</v>
      </c>
      <c r="BF32" s="277">
        <v>0</v>
      </c>
      <c r="BG32" s="281">
        <v>0</v>
      </c>
      <c r="BH32" s="278">
        <v>0</v>
      </c>
      <c r="BI32" s="280">
        <v>0</v>
      </c>
      <c r="BJ32" s="281">
        <v>0</v>
      </c>
      <c r="BK32" s="281">
        <v>16</v>
      </c>
      <c r="BL32" s="281">
        <v>0</v>
      </c>
      <c r="BM32" s="281">
        <v>0</v>
      </c>
      <c r="BN32" s="281">
        <v>0</v>
      </c>
      <c r="BO32" s="278">
        <v>16</v>
      </c>
      <c r="BP32" s="283">
        <v>16</v>
      </c>
      <c r="BQ32" s="277">
        <v>0</v>
      </c>
      <c r="BR32" s="281">
        <v>0</v>
      </c>
      <c r="BS32" s="278">
        <v>0</v>
      </c>
      <c r="BT32" s="280">
        <v>0</v>
      </c>
      <c r="BU32" s="281">
        <v>4</v>
      </c>
      <c r="BV32" s="281">
        <v>0</v>
      </c>
      <c r="BW32" s="281">
        <v>9</v>
      </c>
      <c r="BX32" s="281">
        <v>0</v>
      </c>
      <c r="BY32" s="281">
        <v>0</v>
      </c>
      <c r="BZ32" s="278">
        <v>13</v>
      </c>
      <c r="CA32" s="283">
        <v>13</v>
      </c>
      <c r="CB32" s="277">
        <v>0</v>
      </c>
      <c r="CC32" s="281">
        <v>0</v>
      </c>
      <c r="CD32" s="278">
        <v>0</v>
      </c>
      <c r="CE32" s="280">
        <v>0</v>
      </c>
      <c r="CF32" s="281">
        <v>0</v>
      </c>
      <c r="CG32" s="281">
        <v>1</v>
      </c>
      <c r="CH32" s="281">
        <v>0</v>
      </c>
      <c r="CI32" s="281">
        <v>0</v>
      </c>
      <c r="CJ32" s="281">
        <v>0</v>
      </c>
      <c r="CK32" s="278">
        <v>1</v>
      </c>
      <c r="CL32" s="283">
        <v>1</v>
      </c>
      <c r="CM32" s="277">
        <v>0</v>
      </c>
      <c r="CN32" s="281">
        <v>0</v>
      </c>
      <c r="CO32" s="278">
        <v>0</v>
      </c>
      <c r="CP32" s="280">
        <v>0</v>
      </c>
      <c r="CQ32" s="281">
        <v>0</v>
      </c>
      <c r="CR32" s="281">
        <v>0</v>
      </c>
      <c r="CS32" s="281">
        <v>0</v>
      </c>
      <c r="CT32" s="281">
        <v>0</v>
      </c>
      <c r="CU32" s="281">
        <v>0</v>
      </c>
      <c r="CV32" s="278">
        <v>0</v>
      </c>
      <c r="CW32" s="283">
        <v>0</v>
      </c>
      <c r="CX32" s="277">
        <v>0</v>
      </c>
      <c r="CY32" s="281">
        <v>0</v>
      </c>
      <c r="CZ32" s="278">
        <v>0</v>
      </c>
      <c r="DA32" s="280">
        <v>0</v>
      </c>
      <c r="DB32" s="281">
        <v>0</v>
      </c>
      <c r="DC32" s="281">
        <v>0</v>
      </c>
      <c r="DD32" s="281">
        <v>0</v>
      </c>
      <c r="DE32" s="281">
        <v>0</v>
      </c>
      <c r="DF32" s="281">
        <v>0</v>
      </c>
      <c r="DG32" s="278">
        <v>0</v>
      </c>
      <c r="DH32" s="283">
        <v>0</v>
      </c>
    </row>
    <row r="33" spans="2:112" ht="18.75" customHeight="1" x14ac:dyDescent="0.2">
      <c r="B33" s="262" t="s">
        <v>31</v>
      </c>
      <c r="C33" s="277">
        <v>0</v>
      </c>
      <c r="D33" s="278">
        <v>0</v>
      </c>
      <c r="E33" s="279">
        <v>0</v>
      </c>
      <c r="F33" s="280">
        <v>0</v>
      </c>
      <c r="G33" s="281">
        <v>4</v>
      </c>
      <c r="H33" s="281">
        <v>0</v>
      </c>
      <c r="I33" s="281">
        <v>0</v>
      </c>
      <c r="J33" s="281">
        <v>0</v>
      </c>
      <c r="K33" s="281">
        <v>0</v>
      </c>
      <c r="L33" s="282">
        <v>4</v>
      </c>
      <c r="M33" s="283">
        <v>4</v>
      </c>
      <c r="N33" s="277">
        <v>0</v>
      </c>
      <c r="O33" s="281">
        <v>0</v>
      </c>
      <c r="P33" s="278">
        <v>0</v>
      </c>
      <c r="Q33" s="280">
        <v>0</v>
      </c>
      <c r="R33" s="281">
        <v>0</v>
      </c>
      <c r="S33" s="281">
        <v>0</v>
      </c>
      <c r="T33" s="281">
        <v>0</v>
      </c>
      <c r="U33" s="281">
        <v>0</v>
      </c>
      <c r="V33" s="281">
        <v>9</v>
      </c>
      <c r="W33" s="278">
        <v>9</v>
      </c>
      <c r="X33" s="283">
        <v>9</v>
      </c>
      <c r="Y33" s="277">
        <v>2</v>
      </c>
      <c r="Z33" s="281">
        <v>0</v>
      </c>
      <c r="AA33" s="278">
        <v>2</v>
      </c>
      <c r="AB33" s="280">
        <v>0</v>
      </c>
      <c r="AC33" s="281">
        <v>0</v>
      </c>
      <c r="AD33" s="281">
        <v>0</v>
      </c>
      <c r="AE33" s="281">
        <v>0</v>
      </c>
      <c r="AF33" s="281">
        <v>9</v>
      </c>
      <c r="AG33" s="281">
        <v>29</v>
      </c>
      <c r="AH33" s="278">
        <v>38</v>
      </c>
      <c r="AI33" s="283">
        <v>40</v>
      </c>
      <c r="AJ33" s="277">
        <v>0</v>
      </c>
      <c r="AK33" s="281">
        <v>0</v>
      </c>
      <c r="AL33" s="278">
        <v>0</v>
      </c>
      <c r="AM33" s="280">
        <v>0</v>
      </c>
      <c r="AN33" s="281">
        <v>0</v>
      </c>
      <c r="AO33" s="281">
        <v>0</v>
      </c>
      <c r="AP33" s="281">
        <v>23</v>
      </c>
      <c r="AQ33" s="281">
        <v>0</v>
      </c>
      <c r="AR33" s="281">
        <v>0</v>
      </c>
      <c r="AS33" s="278">
        <v>23</v>
      </c>
      <c r="AT33" s="283">
        <v>23</v>
      </c>
      <c r="AU33" s="277">
        <v>0</v>
      </c>
      <c r="AV33" s="281">
        <v>0</v>
      </c>
      <c r="AW33" s="278">
        <v>0</v>
      </c>
      <c r="AX33" s="280">
        <v>0</v>
      </c>
      <c r="AY33" s="281">
        <v>0</v>
      </c>
      <c r="AZ33" s="281">
        <v>9</v>
      </c>
      <c r="BA33" s="281">
        <v>25</v>
      </c>
      <c r="BB33" s="281">
        <v>20</v>
      </c>
      <c r="BC33" s="281">
        <v>0</v>
      </c>
      <c r="BD33" s="282">
        <v>54</v>
      </c>
      <c r="BE33" s="283">
        <v>54</v>
      </c>
      <c r="BF33" s="277">
        <v>0</v>
      </c>
      <c r="BG33" s="281">
        <v>0</v>
      </c>
      <c r="BH33" s="278">
        <v>0</v>
      </c>
      <c r="BI33" s="280">
        <v>0</v>
      </c>
      <c r="BJ33" s="281">
        <v>0</v>
      </c>
      <c r="BK33" s="281">
        <v>0</v>
      </c>
      <c r="BL33" s="281">
        <v>0</v>
      </c>
      <c r="BM33" s="281">
        <v>0</v>
      </c>
      <c r="BN33" s="281">
        <v>0</v>
      </c>
      <c r="BO33" s="278">
        <v>0</v>
      </c>
      <c r="BP33" s="283">
        <v>0</v>
      </c>
      <c r="BQ33" s="277">
        <v>0</v>
      </c>
      <c r="BR33" s="281">
        <v>0</v>
      </c>
      <c r="BS33" s="278">
        <v>0</v>
      </c>
      <c r="BT33" s="280">
        <v>0</v>
      </c>
      <c r="BU33" s="281">
        <v>0</v>
      </c>
      <c r="BV33" s="281">
        <v>0</v>
      </c>
      <c r="BW33" s="281">
        <v>0</v>
      </c>
      <c r="BX33" s="281">
        <v>9</v>
      </c>
      <c r="BY33" s="281">
        <v>0</v>
      </c>
      <c r="BZ33" s="278">
        <v>9</v>
      </c>
      <c r="CA33" s="283">
        <v>9</v>
      </c>
      <c r="CB33" s="277">
        <v>0</v>
      </c>
      <c r="CC33" s="281">
        <v>0</v>
      </c>
      <c r="CD33" s="278">
        <v>0</v>
      </c>
      <c r="CE33" s="280">
        <v>0</v>
      </c>
      <c r="CF33" s="281">
        <v>0</v>
      </c>
      <c r="CG33" s="281">
        <v>0</v>
      </c>
      <c r="CH33" s="281">
        <v>0</v>
      </c>
      <c r="CI33" s="281">
        <v>0</v>
      </c>
      <c r="CJ33" s="281">
        <v>0</v>
      </c>
      <c r="CK33" s="278">
        <v>0</v>
      </c>
      <c r="CL33" s="283">
        <v>0</v>
      </c>
      <c r="CM33" s="277">
        <v>0</v>
      </c>
      <c r="CN33" s="281">
        <v>0</v>
      </c>
      <c r="CO33" s="278">
        <v>0</v>
      </c>
      <c r="CP33" s="280">
        <v>0</v>
      </c>
      <c r="CQ33" s="281">
        <v>0</v>
      </c>
      <c r="CR33" s="281">
        <v>0</v>
      </c>
      <c r="CS33" s="281">
        <v>0</v>
      </c>
      <c r="CT33" s="281">
        <v>0</v>
      </c>
      <c r="CU33" s="281">
        <v>0</v>
      </c>
      <c r="CV33" s="278">
        <v>0</v>
      </c>
      <c r="CW33" s="283">
        <v>0</v>
      </c>
      <c r="CX33" s="277">
        <v>0</v>
      </c>
      <c r="CY33" s="281">
        <v>0</v>
      </c>
      <c r="CZ33" s="278">
        <v>0</v>
      </c>
      <c r="DA33" s="280">
        <v>0</v>
      </c>
      <c r="DB33" s="281">
        <v>0</v>
      </c>
      <c r="DC33" s="281">
        <v>0</v>
      </c>
      <c r="DD33" s="281">
        <v>0</v>
      </c>
      <c r="DE33" s="281">
        <v>0</v>
      </c>
      <c r="DF33" s="281">
        <v>0</v>
      </c>
      <c r="DG33" s="278">
        <v>0</v>
      </c>
      <c r="DH33" s="283">
        <v>0</v>
      </c>
    </row>
    <row r="34" spans="2:112" ht="18.75" customHeight="1" x14ac:dyDescent="0.2">
      <c r="B34" s="262" t="s">
        <v>32</v>
      </c>
      <c r="C34" s="277">
        <v>0</v>
      </c>
      <c r="D34" s="278">
        <v>0</v>
      </c>
      <c r="E34" s="279">
        <v>0</v>
      </c>
      <c r="F34" s="280">
        <v>0</v>
      </c>
      <c r="G34" s="281">
        <v>0</v>
      </c>
      <c r="H34" s="281">
        <v>0</v>
      </c>
      <c r="I34" s="281">
        <v>0</v>
      </c>
      <c r="J34" s="281">
        <v>124</v>
      </c>
      <c r="K34" s="281">
        <v>0</v>
      </c>
      <c r="L34" s="282">
        <v>124</v>
      </c>
      <c r="M34" s="283">
        <v>124</v>
      </c>
      <c r="N34" s="277">
        <v>0</v>
      </c>
      <c r="O34" s="281">
        <v>0</v>
      </c>
      <c r="P34" s="278">
        <v>0</v>
      </c>
      <c r="Q34" s="280">
        <v>0</v>
      </c>
      <c r="R34" s="281">
        <v>0</v>
      </c>
      <c r="S34" s="281">
        <v>0</v>
      </c>
      <c r="T34" s="281">
        <v>0</v>
      </c>
      <c r="U34" s="281">
        <v>0</v>
      </c>
      <c r="V34" s="281">
        <v>0</v>
      </c>
      <c r="W34" s="278">
        <v>0</v>
      </c>
      <c r="X34" s="283">
        <v>0</v>
      </c>
      <c r="Y34" s="277">
        <v>0</v>
      </c>
      <c r="Z34" s="281">
        <v>0</v>
      </c>
      <c r="AA34" s="278">
        <v>0</v>
      </c>
      <c r="AB34" s="280">
        <v>0</v>
      </c>
      <c r="AC34" s="281">
        <v>0</v>
      </c>
      <c r="AD34" s="281">
        <v>12</v>
      </c>
      <c r="AE34" s="281">
        <v>0</v>
      </c>
      <c r="AF34" s="281">
        <v>0</v>
      </c>
      <c r="AG34" s="281">
        <v>0</v>
      </c>
      <c r="AH34" s="278">
        <v>12</v>
      </c>
      <c r="AI34" s="283">
        <v>12</v>
      </c>
      <c r="AJ34" s="277">
        <v>14</v>
      </c>
      <c r="AK34" s="281">
        <v>0</v>
      </c>
      <c r="AL34" s="278">
        <v>14</v>
      </c>
      <c r="AM34" s="280">
        <v>0</v>
      </c>
      <c r="AN34" s="281">
        <v>9</v>
      </c>
      <c r="AO34" s="281">
        <v>0</v>
      </c>
      <c r="AP34" s="281">
        <v>9</v>
      </c>
      <c r="AQ34" s="281">
        <v>0</v>
      </c>
      <c r="AR34" s="281">
        <v>0</v>
      </c>
      <c r="AS34" s="278">
        <v>18</v>
      </c>
      <c r="AT34" s="283">
        <v>32</v>
      </c>
      <c r="AU34" s="277">
        <v>0</v>
      </c>
      <c r="AV34" s="281">
        <v>0</v>
      </c>
      <c r="AW34" s="278">
        <v>0</v>
      </c>
      <c r="AX34" s="280">
        <v>0</v>
      </c>
      <c r="AY34" s="281">
        <v>19</v>
      </c>
      <c r="AZ34" s="281">
        <v>31</v>
      </c>
      <c r="BA34" s="281">
        <v>0</v>
      </c>
      <c r="BB34" s="281">
        <v>0</v>
      </c>
      <c r="BC34" s="281">
        <v>0</v>
      </c>
      <c r="BD34" s="282">
        <v>50</v>
      </c>
      <c r="BE34" s="283">
        <v>50</v>
      </c>
      <c r="BF34" s="277">
        <v>0</v>
      </c>
      <c r="BG34" s="281">
        <v>0</v>
      </c>
      <c r="BH34" s="278">
        <v>0</v>
      </c>
      <c r="BI34" s="280">
        <v>0</v>
      </c>
      <c r="BJ34" s="281">
        <v>0</v>
      </c>
      <c r="BK34" s="281">
        <v>6</v>
      </c>
      <c r="BL34" s="281">
        <v>14</v>
      </c>
      <c r="BM34" s="281">
        <v>8</v>
      </c>
      <c r="BN34" s="281">
        <v>0</v>
      </c>
      <c r="BO34" s="278">
        <v>28</v>
      </c>
      <c r="BP34" s="283">
        <v>28</v>
      </c>
      <c r="BQ34" s="277">
        <v>0</v>
      </c>
      <c r="BR34" s="281">
        <v>0</v>
      </c>
      <c r="BS34" s="278">
        <v>0</v>
      </c>
      <c r="BT34" s="280">
        <v>0</v>
      </c>
      <c r="BU34" s="281">
        <v>0</v>
      </c>
      <c r="BV34" s="281">
        <v>0</v>
      </c>
      <c r="BW34" s="281">
        <v>2</v>
      </c>
      <c r="BX34" s="281">
        <v>0</v>
      </c>
      <c r="BY34" s="281">
        <v>0</v>
      </c>
      <c r="BZ34" s="278">
        <v>2</v>
      </c>
      <c r="CA34" s="283">
        <v>2</v>
      </c>
      <c r="CB34" s="277">
        <v>0</v>
      </c>
      <c r="CC34" s="281">
        <v>0</v>
      </c>
      <c r="CD34" s="278">
        <v>0</v>
      </c>
      <c r="CE34" s="280">
        <v>0</v>
      </c>
      <c r="CF34" s="281">
        <v>0</v>
      </c>
      <c r="CG34" s="281">
        <v>0</v>
      </c>
      <c r="CH34" s="281">
        <v>0</v>
      </c>
      <c r="CI34" s="281">
        <v>3</v>
      </c>
      <c r="CJ34" s="281">
        <v>0</v>
      </c>
      <c r="CK34" s="278">
        <v>3</v>
      </c>
      <c r="CL34" s="283">
        <v>3</v>
      </c>
      <c r="CM34" s="277">
        <v>0</v>
      </c>
      <c r="CN34" s="281">
        <v>0</v>
      </c>
      <c r="CO34" s="278">
        <v>0</v>
      </c>
      <c r="CP34" s="280">
        <v>0</v>
      </c>
      <c r="CQ34" s="281">
        <v>0</v>
      </c>
      <c r="CR34" s="281">
        <v>0</v>
      </c>
      <c r="CS34" s="281">
        <v>0</v>
      </c>
      <c r="CT34" s="281">
        <v>0</v>
      </c>
      <c r="CU34" s="281">
        <v>0</v>
      </c>
      <c r="CV34" s="278">
        <v>0</v>
      </c>
      <c r="CW34" s="283">
        <v>0</v>
      </c>
      <c r="CX34" s="277">
        <v>0</v>
      </c>
      <c r="CY34" s="281">
        <v>0</v>
      </c>
      <c r="CZ34" s="278">
        <v>0</v>
      </c>
      <c r="DA34" s="280">
        <v>0</v>
      </c>
      <c r="DB34" s="281">
        <v>0</v>
      </c>
      <c r="DC34" s="281">
        <v>0</v>
      </c>
      <c r="DD34" s="281">
        <v>0</v>
      </c>
      <c r="DE34" s="281">
        <v>0</v>
      </c>
      <c r="DF34" s="281">
        <v>0</v>
      </c>
      <c r="DG34" s="278">
        <v>0</v>
      </c>
      <c r="DH34" s="283">
        <v>0</v>
      </c>
    </row>
    <row r="35" spans="2:112" ht="18.75" customHeight="1" x14ac:dyDescent="0.2">
      <c r="B35" s="262" t="s">
        <v>33</v>
      </c>
      <c r="C35" s="277">
        <v>0</v>
      </c>
      <c r="D35" s="278">
        <v>0</v>
      </c>
      <c r="E35" s="279">
        <v>0</v>
      </c>
      <c r="F35" s="280">
        <v>0</v>
      </c>
      <c r="G35" s="281">
        <v>31</v>
      </c>
      <c r="H35" s="281">
        <v>0</v>
      </c>
      <c r="I35" s="281">
        <v>29</v>
      </c>
      <c r="J35" s="281">
        <v>4</v>
      </c>
      <c r="K35" s="281">
        <v>0</v>
      </c>
      <c r="L35" s="282">
        <v>64</v>
      </c>
      <c r="M35" s="283">
        <v>64</v>
      </c>
      <c r="N35" s="277">
        <v>0</v>
      </c>
      <c r="O35" s="281">
        <v>0</v>
      </c>
      <c r="P35" s="278">
        <v>0</v>
      </c>
      <c r="Q35" s="280">
        <v>0</v>
      </c>
      <c r="R35" s="281">
        <v>0</v>
      </c>
      <c r="S35" s="281">
        <v>0</v>
      </c>
      <c r="T35" s="281">
        <v>0</v>
      </c>
      <c r="U35" s="281">
        <v>4</v>
      </c>
      <c r="V35" s="281">
        <v>0</v>
      </c>
      <c r="W35" s="278">
        <v>4</v>
      </c>
      <c r="X35" s="283">
        <v>4</v>
      </c>
      <c r="Y35" s="277">
        <v>0</v>
      </c>
      <c r="Z35" s="281">
        <v>0</v>
      </c>
      <c r="AA35" s="278">
        <v>0</v>
      </c>
      <c r="AB35" s="280">
        <v>0</v>
      </c>
      <c r="AC35" s="281">
        <v>5</v>
      </c>
      <c r="AD35" s="281">
        <v>4</v>
      </c>
      <c r="AE35" s="281">
        <v>46</v>
      </c>
      <c r="AF35" s="281">
        <v>5</v>
      </c>
      <c r="AG35" s="281">
        <v>9</v>
      </c>
      <c r="AH35" s="278">
        <v>69</v>
      </c>
      <c r="AI35" s="283">
        <v>69</v>
      </c>
      <c r="AJ35" s="277">
        <v>3</v>
      </c>
      <c r="AK35" s="281">
        <v>0</v>
      </c>
      <c r="AL35" s="278">
        <v>3</v>
      </c>
      <c r="AM35" s="280">
        <v>0</v>
      </c>
      <c r="AN35" s="281">
        <v>9</v>
      </c>
      <c r="AO35" s="281">
        <v>27</v>
      </c>
      <c r="AP35" s="281">
        <v>12</v>
      </c>
      <c r="AQ35" s="281">
        <v>45</v>
      </c>
      <c r="AR35" s="281">
        <v>0</v>
      </c>
      <c r="AS35" s="278">
        <v>93</v>
      </c>
      <c r="AT35" s="283">
        <v>96</v>
      </c>
      <c r="AU35" s="277">
        <v>0</v>
      </c>
      <c r="AV35" s="281">
        <v>0</v>
      </c>
      <c r="AW35" s="278">
        <v>0</v>
      </c>
      <c r="AX35" s="280">
        <v>0</v>
      </c>
      <c r="AY35" s="281">
        <v>11</v>
      </c>
      <c r="AZ35" s="281">
        <v>0</v>
      </c>
      <c r="BA35" s="281">
        <v>0</v>
      </c>
      <c r="BB35" s="281">
        <v>30</v>
      </c>
      <c r="BC35" s="281">
        <v>0</v>
      </c>
      <c r="BD35" s="282">
        <v>41</v>
      </c>
      <c r="BE35" s="283">
        <v>41</v>
      </c>
      <c r="BF35" s="277">
        <v>0</v>
      </c>
      <c r="BG35" s="281">
        <v>0</v>
      </c>
      <c r="BH35" s="278">
        <v>0</v>
      </c>
      <c r="BI35" s="280">
        <v>0</v>
      </c>
      <c r="BJ35" s="281">
        <v>8</v>
      </c>
      <c r="BK35" s="281">
        <v>0</v>
      </c>
      <c r="BL35" s="281">
        <v>0</v>
      </c>
      <c r="BM35" s="281">
        <v>0</v>
      </c>
      <c r="BN35" s="281">
        <v>0</v>
      </c>
      <c r="BO35" s="278">
        <v>8</v>
      </c>
      <c r="BP35" s="283">
        <v>8</v>
      </c>
      <c r="BQ35" s="277">
        <v>0</v>
      </c>
      <c r="BR35" s="281">
        <v>0</v>
      </c>
      <c r="BS35" s="278">
        <v>0</v>
      </c>
      <c r="BT35" s="280">
        <v>0</v>
      </c>
      <c r="BU35" s="281">
        <v>0</v>
      </c>
      <c r="BV35" s="281">
        <v>0</v>
      </c>
      <c r="BW35" s="281">
        <v>3</v>
      </c>
      <c r="BX35" s="281">
        <v>0</v>
      </c>
      <c r="BY35" s="281">
        <v>0</v>
      </c>
      <c r="BZ35" s="278">
        <v>3</v>
      </c>
      <c r="CA35" s="283">
        <v>3</v>
      </c>
      <c r="CB35" s="277">
        <v>0</v>
      </c>
      <c r="CC35" s="281">
        <v>0</v>
      </c>
      <c r="CD35" s="278">
        <v>0</v>
      </c>
      <c r="CE35" s="280">
        <v>0</v>
      </c>
      <c r="CF35" s="281">
        <v>0</v>
      </c>
      <c r="CG35" s="281">
        <v>0</v>
      </c>
      <c r="CH35" s="281">
        <v>0</v>
      </c>
      <c r="CI35" s="281">
        <v>0</v>
      </c>
      <c r="CJ35" s="281">
        <v>0</v>
      </c>
      <c r="CK35" s="278">
        <v>0</v>
      </c>
      <c r="CL35" s="283">
        <v>0</v>
      </c>
      <c r="CM35" s="277">
        <v>0</v>
      </c>
      <c r="CN35" s="281">
        <v>0</v>
      </c>
      <c r="CO35" s="278">
        <v>0</v>
      </c>
      <c r="CP35" s="280">
        <v>0</v>
      </c>
      <c r="CQ35" s="281">
        <v>0</v>
      </c>
      <c r="CR35" s="281">
        <v>0</v>
      </c>
      <c r="CS35" s="281">
        <v>0</v>
      </c>
      <c r="CT35" s="281">
        <v>0</v>
      </c>
      <c r="CU35" s="281">
        <v>0</v>
      </c>
      <c r="CV35" s="278">
        <v>0</v>
      </c>
      <c r="CW35" s="283">
        <v>0</v>
      </c>
      <c r="CX35" s="277">
        <v>0</v>
      </c>
      <c r="CY35" s="281">
        <v>0</v>
      </c>
      <c r="CZ35" s="278">
        <v>0</v>
      </c>
      <c r="DA35" s="280">
        <v>0</v>
      </c>
      <c r="DB35" s="281">
        <v>0</v>
      </c>
      <c r="DC35" s="281">
        <v>0</v>
      </c>
      <c r="DD35" s="281">
        <v>0</v>
      </c>
      <c r="DE35" s="281">
        <v>0</v>
      </c>
      <c r="DF35" s="281">
        <v>0</v>
      </c>
      <c r="DG35" s="278">
        <v>0</v>
      </c>
      <c r="DH35" s="283">
        <v>0</v>
      </c>
    </row>
    <row r="36" spans="2:112" ht="18.75" customHeight="1" x14ac:dyDescent="0.2">
      <c r="B36" s="262" t="s">
        <v>34</v>
      </c>
      <c r="C36" s="277">
        <v>0</v>
      </c>
      <c r="D36" s="278">
        <v>0</v>
      </c>
      <c r="E36" s="279">
        <v>0</v>
      </c>
      <c r="F36" s="280">
        <v>0</v>
      </c>
      <c r="G36" s="281">
        <v>6</v>
      </c>
      <c r="H36" s="281">
        <v>0</v>
      </c>
      <c r="I36" s="281">
        <v>10</v>
      </c>
      <c r="J36" s="281">
        <v>104</v>
      </c>
      <c r="K36" s="281">
        <v>0</v>
      </c>
      <c r="L36" s="282">
        <v>120</v>
      </c>
      <c r="M36" s="283">
        <v>120</v>
      </c>
      <c r="N36" s="277">
        <v>0</v>
      </c>
      <c r="O36" s="281">
        <v>0</v>
      </c>
      <c r="P36" s="278">
        <v>0</v>
      </c>
      <c r="Q36" s="280">
        <v>0</v>
      </c>
      <c r="R36" s="281">
        <v>0</v>
      </c>
      <c r="S36" s="281">
        <v>0</v>
      </c>
      <c r="T36" s="281">
        <v>0</v>
      </c>
      <c r="U36" s="281">
        <v>0</v>
      </c>
      <c r="V36" s="281">
        <v>0</v>
      </c>
      <c r="W36" s="278">
        <v>0</v>
      </c>
      <c r="X36" s="283">
        <v>0</v>
      </c>
      <c r="Y36" s="277">
        <v>0</v>
      </c>
      <c r="Z36" s="281">
        <v>0</v>
      </c>
      <c r="AA36" s="278">
        <v>0</v>
      </c>
      <c r="AB36" s="280">
        <v>0</v>
      </c>
      <c r="AC36" s="281">
        <v>0</v>
      </c>
      <c r="AD36" s="281">
        <v>0</v>
      </c>
      <c r="AE36" s="281">
        <v>0</v>
      </c>
      <c r="AF36" s="281">
        <v>0</v>
      </c>
      <c r="AG36" s="281">
        <v>0</v>
      </c>
      <c r="AH36" s="278">
        <v>0</v>
      </c>
      <c r="AI36" s="283">
        <v>0</v>
      </c>
      <c r="AJ36" s="277">
        <v>0</v>
      </c>
      <c r="AK36" s="281">
        <v>0</v>
      </c>
      <c r="AL36" s="278">
        <v>0</v>
      </c>
      <c r="AM36" s="280">
        <v>0</v>
      </c>
      <c r="AN36" s="281">
        <v>0</v>
      </c>
      <c r="AO36" s="281">
        <v>0</v>
      </c>
      <c r="AP36" s="281">
        <v>9</v>
      </c>
      <c r="AQ36" s="281">
        <v>0</v>
      </c>
      <c r="AR36" s="281">
        <v>0</v>
      </c>
      <c r="AS36" s="278">
        <v>9</v>
      </c>
      <c r="AT36" s="283">
        <v>9</v>
      </c>
      <c r="AU36" s="277">
        <v>0</v>
      </c>
      <c r="AV36" s="281">
        <v>0</v>
      </c>
      <c r="AW36" s="278">
        <v>0</v>
      </c>
      <c r="AX36" s="280">
        <v>0</v>
      </c>
      <c r="AY36" s="281">
        <v>0</v>
      </c>
      <c r="AZ36" s="281">
        <v>5</v>
      </c>
      <c r="BA36" s="281">
        <v>29</v>
      </c>
      <c r="BB36" s="281">
        <v>13</v>
      </c>
      <c r="BC36" s="281">
        <v>0</v>
      </c>
      <c r="BD36" s="282">
        <v>47</v>
      </c>
      <c r="BE36" s="283">
        <v>47</v>
      </c>
      <c r="BF36" s="277">
        <v>0</v>
      </c>
      <c r="BG36" s="281">
        <v>0</v>
      </c>
      <c r="BH36" s="278">
        <v>0</v>
      </c>
      <c r="BI36" s="280">
        <v>0</v>
      </c>
      <c r="BJ36" s="281">
        <v>0</v>
      </c>
      <c r="BK36" s="281">
        <v>0</v>
      </c>
      <c r="BL36" s="281">
        <v>0</v>
      </c>
      <c r="BM36" s="281">
        <v>0</v>
      </c>
      <c r="BN36" s="281">
        <v>0</v>
      </c>
      <c r="BO36" s="278">
        <v>0</v>
      </c>
      <c r="BP36" s="283">
        <v>0</v>
      </c>
      <c r="BQ36" s="277">
        <v>0</v>
      </c>
      <c r="BR36" s="281">
        <v>0</v>
      </c>
      <c r="BS36" s="278">
        <v>0</v>
      </c>
      <c r="BT36" s="280">
        <v>0</v>
      </c>
      <c r="BU36" s="281">
        <v>0</v>
      </c>
      <c r="BV36" s="281">
        <v>0</v>
      </c>
      <c r="BW36" s="281">
        <v>0</v>
      </c>
      <c r="BX36" s="281">
        <v>0</v>
      </c>
      <c r="BY36" s="281">
        <v>0</v>
      </c>
      <c r="BZ36" s="278">
        <v>0</v>
      </c>
      <c r="CA36" s="283">
        <v>0</v>
      </c>
      <c r="CB36" s="277">
        <v>0</v>
      </c>
      <c r="CC36" s="281">
        <v>0</v>
      </c>
      <c r="CD36" s="278">
        <v>0</v>
      </c>
      <c r="CE36" s="280">
        <v>0</v>
      </c>
      <c r="CF36" s="281">
        <v>0</v>
      </c>
      <c r="CG36" s="281">
        <v>0</v>
      </c>
      <c r="CH36" s="281">
        <v>0</v>
      </c>
      <c r="CI36" s="281">
        <v>0</v>
      </c>
      <c r="CJ36" s="281">
        <v>0</v>
      </c>
      <c r="CK36" s="278">
        <v>0</v>
      </c>
      <c r="CL36" s="283">
        <v>0</v>
      </c>
      <c r="CM36" s="277">
        <v>0</v>
      </c>
      <c r="CN36" s="281">
        <v>0</v>
      </c>
      <c r="CO36" s="278">
        <v>0</v>
      </c>
      <c r="CP36" s="280">
        <v>0</v>
      </c>
      <c r="CQ36" s="281">
        <v>0</v>
      </c>
      <c r="CR36" s="281">
        <v>0</v>
      </c>
      <c r="CS36" s="281">
        <v>0</v>
      </c>
      <c r="CT36" s="281">
        <v>0</v>
      </c>
      <c r="CU36" s="281">
        <v>0</v>
      </c>
      <c r="CV36" s="278">
        <v>0</v>
      </c>
      <c r="CW36" s="283">
        <v>0</v>
      </c>
      <c r="CX36" s="277">
        <v>0</v>
      </c>
      <c r="CY36" s="281">
        <v>0</v>
      </c>
      <c r="CZ36" s="278">
        <v>0</v>
      </c>
      <c r="DA36" s="280">
        <v>0</v>
      </c>
      <c r="DB36" s="281">
        <v>0</v>
      </c>
      <c r="DC36" s="281">
        <v>0</v>
      </c>
      <c r="DD36" s="281">
        <v>0</v>
      </c>
      <c r="DE36" s="281">
        <v>0</v>
      </c>
      <c r="DF36" s="281">
        <v>0</v>
      </c>
      <c r="DG36" s="278">
        <v>0</v>
      </c>
      <c r="DH36" s="283">
        <v>0</v>
      </c>
    </row>
    <row r="37" spans="2:112" ht="18.75" customHeight="1" x14ac:dyDescent="0.2">
      <c r="B37" s="262" t="s">
        <v>35</v>
      </c>
      <c r="C37" s="277">
        <v>0</v>
      </c>
      <c r="D37" s="278">
        <v>0</v>
      </c>
      <c r="E37" s="279">
        <v>0</v>
      </c>
      <c r="F37" s="280">
        <v>0</v>
      </c>
      <c r="G37" s="281">
        <v>113</v>
      </c>
      <c r="H37" s="281">
        <v>59</v>
      </c>
      <c r="I37" s="281">
        <v>75</v>
      </c>
      <c r="J37" s="281">
        <v>88</v>
      </c>
      <c r="K37" s="281">
        <v>0</v>
      </c>
      <c r="L37" s="282">
        <v>335</v>
      </c>
      <c r="M37" s="283">
        <v>335</v>
      </c>
      <c r="N37" s="277">
        <v>0</v>
      </c>
      <c r="O37" s="281">
        <v>0</v>
      </c>
      <c r="P37" s="278">
        <v>0</v>
      </c>
      <c r="Q37" s="280">
        <v>0</v>
      </c>
      <c r="R37" s="281">
        <v>0</v>
      </c>
      <c r="S37" s="281">
        <v>0</v>
      </c>
      <c r="T37" s="281">
        <v>0</v>
      </c>
      <c r="U37" s="281">
        <v>0</v>
      </c>
      <c r="V37" s="281">
        <v>0</v>
      </c>
      <c r="W37" s="278">
        <v>0</v>
      </c>
      <c r="X37" s="283">
        <v>0</v>
      </c>
      <c r="Y37" s="277">
        <v>0</v>
      </c>
      <c r="Z37" s="281">
        <v>0</v>
      </c>
      <c r="AA37" s="278">
        <v>0</v>
      </c>
      <c r="AB37" s="280">
        <v>0</v>
      </c>
      <c r="AC37" s="281">
        <v>19</v>
      </c>
      <c r="AD37" s="281">
        <v>17</v>
      </c>
      <c r="AE37" s="281">
        <v>13</v>
      </c>
      <c r="AF37" s="281">
        <v>35</v>
      </c>
      <c r="AG37" s="281">
        <v>0</v>
      </c>
      <c r="AH37" s="278">
        <v>84</v>
      </c>
      <c r="AI37" s="283">
        <v>84</v>
      </c>
      <c r="AJ37" s="277">
        <v>0</v>
      </c>
      <c r="AK37" s="281">
        <v>0</v>
      </c>
      <c r="AL37" s="278">
        <v>0</v>
      </c>
      <c r="AM37" s="280">
        <v>0</v>
      </c>
      <c r="AN37" s="281">
        <v>20</v>
      </c>
      <c r="AO37" s="281">
        <v>0</v>
      </c>
      <c r="AP37" s="281">
        <v>8</v>
      </c>
      <c r="AQ37" s="281">
        <v>0</v>
      </c>
      <c r="AR37" s="281">
        <v>0</v>
      </c>
      <c r="AS37" s="278">
        <v>28</v>
      </c>
      <c r="AT37" s="283">
        <v>28</v>
      </c>
      <c r="AU37" s="277">
        <v>0</v>
      </c>
      <c r="AV37" s="281">
        <v>0</v>
      </c>
      <c r="AW37" s="278">
        <v>0</v>
      </c>
      <c r="AX37" s="280">
        <v>0</v>
      </c>
      <c r="AY37" s="281">
        <v>39</v>
      </c>
      <c r="AZ37" s="281">
        <v>23</v>
      </c>
      <c r="BA37" s="281">
        <v>0</v>
      </c>
      <c r="BB37" s="281">
        <v>12</v>
      </c>
      <c r="BC37" s="281">
        <v>0</v>
      </c>
      <c r="BD37" s="282">
        <v>74</v>
      </c>
      <c r="BE37" s="283">
        <v>74</v>
      </c>
      <c r="BF37" s="277">
        <v>0</v>
      </c>
      <c r="BG37" s="281">
        <v>0</v>
      </c>
      <c r="BH37" s="278">
        <v>0</v>
      </c>
      <c r="BI37" s="280">
        <v>0</v>
      </c>
      <c r="BJ37" s="281">
        <v>0</v>
      </c>
      <c r="BK37" s="281">
        <v>16</v>
      </c>
      <c r="BL37" s="281">
        <v>0</v>
      </c>
      <c r="BM37" s="281">
        <v>11</v>
      </c>
      <c r="BN37" s="281">
        <v>0</v>
      </c>
      <c r="BO37" s="278">
        <v>27</v>
      </c>
      <c r="BP37" s="283">
        <v>27</v>
      </c>
      <c r="BQ37" s="277">
        <v>0</v>
      </c>
      <c r="BR37" s="281">
        <v>0</v>
      </c>
      <c r="BS37" s="278">
        <v>0</v>
      </c>
      <c r="BT37" s="280">
        <v>0</v>
      </c>
      <c r="BU37" s="281">
        <v>0</v>
      </c>
      <c r="BV37" s="281">
        <v>0</v>
      </c>
      <c r="BW37" s="281">
        <v>0</v>
      </c>
      <c r="BX37" s="281">
        <v>0</v>
      </c>
      <c r="BY37" s="281">
        <v>0</v>
      </c>
      <c r="BZ37" s="278">
        <v>0</v>
      </c>
      <c r="CA37" s="283">
        <v>0</v>
      </c>
      <c r="CB37" s="277">
        <v>0</v>
      </c>
      <c r="CC37" s="281">
        <v>0</v>
      </c>
      <c r="CD37" s="278">
        <v>0</v>
      </c>
      <c r="CE37" s="280">
        <v>0</v>
      </c>
      <c r="CF37" s="281">
        <v>0</v>
      </c>
      <c r="CG37" s="281">
        <v>0</v>
      </c>
      <c r="CH37" s="281">
        <v>0</v>
      </c>
      <c r="CI37" s="281">
        <v>0</v>
      </c>
      <c r="CJ37" s="281">
        <v>0</v>
      </c>
      <c r="CK37" s="278">
        <v>0</v>
      </c>
      <c r="CL37" s="283">
        <v>0</v>
      </c>
      <c r="CM37" s="277">
        <v>0</v>
      </c>
      <c r="CN37" s="281">
        <v>0</v>
      </c>
      <c r="CO37" s="278">
        <v>0</v>
      </c>
      <c r="CP37" s="280">
        <v>0</v>
      </c>
      <c r="CQ37" s="281">
        <v>0</v>
      </c>
      <c r="CR37" s="281">
        <v>0</v>
      </c>
      <c r="CS37" s="281">
        <v>0</v>
      </c>
      <c r="CT37" s="281">
        <v>0</v>
      </c>
      <c r="CU37" s="281">
        <v>0</v>
      </c>
      <c r="CV37" s="278">
        <v>0</v>
      </c>
      <c r="CW37" s="283">
        <v>0</v>
      </c>
      <c r="CX37" s="277">
        <v>0</v>
      </c>
      <c r="CY37" s="281">
        <v>0</v>
      </c>
      <c r="CZ37" s="278">
        <v>0</v>
      </c>
      <c r="DA37" s="280">
        <v>0</v>
      </c>
      <c r="DB37" s="281">
        <v>0</v>
      </c>
      <c r="DC37" s="281">
        <v>0</v>
      </c>
      <c r="DD37" s="281">
        <v>0</v>
      </c>
      <c r="DE37" s="281">
        <v>0</v>
      </c>
      <c r="DF37" s="281">
        <v>0</v>
      </c>
      <c r="DG37" s="278">
        <v>0</v>
      </c>
      <c r="DH37" s="283">
        <v>0</v>
      </c>
    </row>
    <row r="38" spans="2:112" ht="18.75" customHeight="1" x14ac:dyDescent="0.2">
      <c r="B38" s="262" t="s">
        <v>36</v>
      </c>
      <c r="C38" s="277">
        <v>0</v>
      </c>
      <c r="D38" s="278">
        <v>0</v>
      </c>
      <c r="E38" s="279">
        <v>0</v>
      </c>
      <c r="F38" s="280">
        <v>0</v>
      </c>
      <c r="G38" s="281">
        <v>51</v>
      </c>
      <c r="H38" s="281">
        <v>4</v>
      </c>
      <c r="I38" s="281">
        <v>0</v>
      </c>
      <c r="J38" s="281">
        <v>0</v>
      </c>
      <c r="K38" s="281">
        <v>0</v>
      </c>
      <c r="L38" s="282">
        <v>55</v>
      </c>
      <c r="M38" s="283">
        <v>55</v>
      </c>
      <c r="N38" s="277">
        <v>0</v>
      </c>
      <c r="O38" s="281">
        <v>0</v>
      </c>
      <c r="P38" s="278">
        <v>0</v>
      </c>
      <c r="Q38" s="280">
        <v>0</v>
      </c>
      <c r="R38" s="281">
        <v>0</v>
      </c>
      <c r="S38" s="281">
        <v>0</v>
      </c>
      <c r="T38" s="281">
        <v>0</v>
      </c>
      <c r="U38" s="281">
        <v>0</v>
      </c>
      <c r="V38" s="281">
        <v>0</v>
      </c>
      <c r="W38" s="278">
        <v>0</v>
      </c>
      <c r="X38" s="283">
        <v>0</v>
      </c>
      <c r="Y38" s="277">
        <v>6</v>
      </c>
      <c r="Z38" s="281">
        <v>14</v>
      </c>
      <c r="AA38" s="278">
        <v>20</v>
      </c>
      <c r="AB38" s="280">
        <v>0</v>
      </c>
      <c r="AC38" s="281">
        <v>42</v>
      </c>
      <c r="AD38" s="281">
        <v>18</v>
      </c>
      <c r="AE38" s="281">
        <v>0</v>
      </c>
      <c r="AF38" s="281">
        <v>0</v>
      </c>
      <c r="AG38" s="281">
        <v>0</v>
      </c>
      <c r="AH38" s="278">
        <v>60</v>
      </c>
      <c r="AI38" s="283">
        <v>80</v>
      </c>
      <c r="AJ38" s="277">
        <v>0</v>
      </c>
      <c r="AK38" s="281">
        <v>0</v>
      </c>
      <c r="AL38" s="278">
        <v>0</v>
      </c>
      <c r="AM38" s="280">
        <v>0</v>
      </c>
      <c r="AN38" s="281">
        <v>24</v>
      </c>
      <c r="AO38" s="281">
        <v>0</v>
      </c>
      <c r="AP38" s="281">
        <v>0</v>
      </c>
      <c r="AQ38" s="281">
        <v>0</v>
      </c>
      <c r="AR38" s="281">
        <v>18</v>
      </c>
      <c r="AS38" s="278">
        <v>42</v>
      </c>
      <c r="AT38" s="283">
        <v>42</v>
      </c>
      <c r="AU38" s="277">
        <v>0</v>
      </c>
      <c r="AV38" s="281">
        <v>0</v>
      </c>
      <c r="AW38" s="278">
        <v>0</v>
      </c>
      <c r="AX38" s="280">
        <v>0</v>
      </c>
      <c r="AY38" s="281">
        <v>27</v>
      </c>
      <c r="AZ38" s="281">
        <v>25</v>
      </c>
      <c r="BA38" s="281">
        <v>19</v>
      </c>
      <c r="BB38" s="281">
        <v>0</v>
      </c>
      <c r="BC38" s="281">
        <v>0</v>
      </c>
      <c r="BD38" s="282">
        <v>71</v>
      </c>
      <c r="BE38" s="283">
        <v>71</v>
      </c>
      <c r="BF38" s="277">
        <v>0</v>
      </c>
      <c r="BG38" s="281">
        <v>0</v>
      </c>
      <c r="BH38" s="278">
        <v>0</v>
      </c>
      <c r="BI38" s="280">
        <v>0</v>
      </c>
      <c r="BJ38" s="281">
        <v>4</v>
      </c>
      <c r="BK38" s="281">
        <v>0</v>
      </c>
      <c r="BL38" s="281">
        <v>0</v>
      </c>
      <c r="BM38" s="281">
        <v>0</v>
      </c>
      <c r="BN38" s="281">
        <v>0</v>
      </c>
      <c r="BO38" s="278">
        <v>4</v>
      </c>
      <c r="BP38" s="283">
        <v>4</v>
      </c>
      <c r="BQ38" s="277">
        <v>0</v>
      </c>
      <c r="BR38" s="281">
        <v>0</v>
      </c>
      <c r="BS38" s="278">
        <v>0</v>
      </c>
      <c r="BT38" s="280">
        <v>0</v>
      </c>
      <c r="BU38" s="281">
        <v>0</v>
      </c>
      <c r="BV38" s="281">
        <v>15</v>
      </c>
      <c r="BW38" s="281">
        <v>6</v>
      </c>
      <c r="BX38" s="281">
        <v>30</v>
      </c>
      <c r="BY38" s="281">
        <v>0</v>
      </c>
      <c r="BZ38" s="278">
        <v>51</v>
      </c>
      <c r="CA38" s="283">
        <v>51</v>
      </c>
      <c r="CB38" s="277">
        <v>0</v>
      </c>
      <c r="CC38" s="281">
        <v>0</v>
      </c>
      <c r="CD38" s="278">
        <v>0</v>
      </c>
      <c r="CE38" s="280">
        <v>0</v>
      </c>
      <c r="CF38" s="281">
        <v>0</v>
      </c>
      <c r="CG38" s="281">
        <v>0</v>
      </c>
      <c r="CH38" s="281">
        <v>0</v>
      </c>
      <c r="CI38" s="281">
        <v>0</v>
      </c>
      <c r="CJ38" s="281">
        <v>0</v>
      </c>
      <c r="CK38" s="278">
        <v>0</v>
      </c>
      <c r="CL38" s="283">
        <v>0</v>
      </c>
      <c r="CM38" s="277">
        <v>0</v>
      </c>
      <c r="CN38" s="281">
        <v>0</v>
      </c>
      <c r="CO38" s="278">
        <v>0</v>
      </c>
      <c r="CP38" s="280">
        <v>0</v>
      </c>
      <c r="CQ38" s="281">
        <v>0</v>
      </c>
      <c r="CR38" s="281">
        <v>0</v>
      </c>
      <c r="CS38" s="281">
        <v>0</v>
      </c>
      <c r="CT38" s="281">
        <v>0</v>
      </c>
      <c r="CU38" s="281">
        <v>0</v>
      </c>
      <c r="CV38" s="278">
        <v>0</v>
      </c>
      <c r="CW38" s="283">
        <v>0</v>
      </c>
      <c r="CX38" s="277">
        <v>0</v>
      </c>
      <c r="CY38" s="281">
        <v>0</v>
      </c>
      <c r="CZ38" s="278">
        <v>0</v>
      </c>
      <c r="DA38" s="280">
        <v>0</v>
      </c>
      <c r="DB38" s="281">
        <v>0</v>
      </c>
      <c r="DC38" s="281">
        <v>0</v>
      </c>
      <c r="DD38" s="281">
        <v>0</v>
      </c>
      <c r="DE38" s="281">
        <v>0</v>
      </c>
      <c r="DF38" s="281">
        <v>0</v>
      </c>
      <c r="DG38" s="278">
        <v>0</v>
      </c>
      <c r="DH38" s="283">
        <v>0</v>
      </c>
    </row>
    <row r="39" spans="2:112" ht="18.75" customHeight="1" thickBot="1" x14ac:dyDescent="0.25">
      <c r="B39" s="263" t="s">
        <v>37</v>
      </c>
      <c r="C39" s="284">
        <v>0</v>
      </c>
      <c r="D39" s="285">
        <v>0</v>
      </c>
      <c r="E39" s="286">
        <v>0</v>
      </c>
      <c r="F39" s="287">
        <v>0</v>
      </c>
      <c r="G39" s="288">
        <v>0</v>
      </c>
      <c r="H39" s="288">
        <v>0</v>
      </c>
      <c r="I39" s="288">
        <v>0</v>
      </c>
      <c r="J39" s="288">
        <v>0</v>
      </c>
      <c r="K39" s="288">
        <v>29</v>
      </c>
      <c r="L39" s="289">
        <v>29</v>
      </c>
      <c r="M39" s="290">
        <v>29</v>
      </c>
      <c r="N39" s="284">
        <v>0</v>
      </c>
      <c r="O39" s="288">
        <v>0</v>
      </c>
      <c r="P39" s="285">
        <v>0</v>
      </c>
      <c r="Q39" s="287">
        <v>0</v>
      </c>
      <c r="R39" s="288">
        <v>0</v>
      </c>
      <c r="S39" s="288">
        <v>0</v>
      </c>
      <c r="T39" s="288">
        <v>0</v>
      </c>
      <c r="U39" s="288">
        <v>0</v>
      </c>
      <c r="V39" s="288">
        <v>0</v>
      </c>
      <c r="W39" s="285">
        <v>0</v>
      </c>
      <c r="X39" s="290">
        <v>0</v>
      </c>
      <c r="Y39" s="284">
        <v>0</v>
      </c>
      <c r="Z39" s="288">
        <v>0</v>
      </c>
      <c r="AA39" s="285">
        <v>0</v>
      </c>
      <c r="AB39" s="287">
        <v>0</v>
      </c>
      <c r="AC39" s="288">
        <v>0</v>
      </c>
      <c r="AD39" s="288">
        <v>0</v>
      </c>
      <c r="AE39" s="288">
        <v>5</v>
      </c>
      <c r="AF39" s="288">
        <v>0</v>
      </c>
      <c r="AG39" s="288">
        <v>4</v>
      </c>
      <c r="AH39" s="285">
        <v>9</v>
      </c>
      <c r="AI39" s="290">
        <v>9</v>
      </c>
      <c r="AJ39" s="284">
        <v>0</v>
      </c>
      <c r="AK39" s="288">
        <v>0</v>
      </c>
      <c r="AL39" s="285">
        <v>0</v>
      </c>
      <c r="AM39" s="287">
        <v>0</v>
      </c>
      <c r="AN39" s="288">
        <v>0</v>
      </c>
      <c r="AO39" s="288">
        <v>0</v>
      </c>
      <c r="AP39" s="288">
        <v>0</v>
      </c>
      <c r="AQ39" s="288">
        <v>0</v>
      </c>
      <c r="AR39" s="288">
        <v>0</v>
      </c>
      <c r="AS39" s="285">
        <v>0</v>
      </c>
      <c r="AT39" s="290">
        <v>0</v>
      </c>
      <c r="AU39" s="284">
        <v>0</v>
      </c>
      <c r="AV39" s="288">
        <v>0</v>
      </c>
      <c r="AW39" s="285">
        <v>0</v>
      </c>
      <c r="AX39" s="287">
        <v>0</v>
      </c>
      <c r="AY39" s="288">
        <v>0</v>
      </c>
      <c r="AZ39" s="288">
        <v>0</v>
      </c>
      <c r="BA39" s="288">
        <v>0</v>
      </c>
      <c r="BB39" s="288">
        <v>0</v>
      </c>
      <c r="BC39" s="288">
        <v>0</v>
      </c>
      <c r="BD39" s="289">
        <v>0</v>
      </c>
      <c r="BE39" s="290">
        <v>0</v>
      </c>
      <c r="BF39" s="284">
        <v>0</v>
      </c>
      <c r="BG39" s="288">
        <v>0</v>
      </c>
      <c r="BH39" s="285">
        <v>0</v>
      </c>
      <c r="BI39" s="287">
        <v>0</v>
      </c>
      <c r="BJ39" s="288">
        <v>0</v>
      </c>
      <c r="BK39" s="288">
        <v>0</v>
      </c>
      <c r="BL39" s="288">
        <v>0</v>
      </c>
      <c r="BM39" s="288">
        <v>0</v>
      </c>
      <c r="BN39" s="288">
        <v>0</v>
      </c>
      <c r="BO39" s="285">
        <v>0</v>
      </c>
      <c r="BP39" s="290">
        <v>0</v>
      </c>
      <c r="BQ39" s="284">
        <v>0</v>
      </c>
      <c r="BR39" s="288">
        <v>0</v>
      </c>
      <c r="BS39" s="285">
        <v>0</v>
      </c>
      <c r="BT39" s="287">
        <v>0</v>
      </c>
      <c r="BU39" s="288">
        <v>0</v>
      </c>
      <c r="BV39" s="288">
        <v>0</v>
      </c>
      <c r="BW39" s="288">
        <v>0</v>
      </c>
      <c r="BX39" s="288">
        <v>0</v>
      </c>
      <c r="BY39" s="288">
        <v>0</v>
      </c>
      <c r="BZ39" s="285">
        <v>0</v>
      </c>
      <c r="CA39" s="290">
        <v>0</v>
      </c>
      <c r="CB39" s="284">
        <v>0</v>
      </c>
      <c r="CC39" s="288">
        <v>0</v>
      </c>
      <c r="CD39" s="285">
        <v>0</v>
      </c>
      <c r="CE39" s="287">
        <v>0</v>
      </c>
      <c r="CF39" s="288">
        <v>0</v>
      </c>
      <c r="CG39" s="288">
        <v>0</v>
      </c>
      <c r="CH39" s="288">
        <v>0</v>
      </c>
      <c r="CI39" s="288">
        <v>0</v>
      </c>
      <c r="CJ39" s="288">
        <v>0</v>
      </c>
      <c r="CK39" s="285">
        <v>0</v>
      </c>
      <c r="CL39" s="290">
        <v>0</v>
      </c>
      <c r="CM39" s="284">
        <v>0</v>
      </c>
      <c r="CN39" s="288">
        <v>0</v>
      </c>
      <c r="CO39" s="285">
        <v>0</v>
      </c>
      <c r="CP39" s="287">
        <v>0</v>
      </c>
      <c r="CQ39" s="288">
        <v>0</v>
      </c>
      <c r="CR39" s="288">
        <v>0</v>
      </c>
      <c r="CS39" s="288">
        <v>0</v>
      </c>
      <c r="CT39" s="288">
        <v>0</v>
      </c>
      <c r="CU39" s="288">
        <v>0</v>
      </c>
      <c r="CV39" s="285">
        <v>0</v>
      </c>
      <c r="CW39" s="290">
        <v>0</v>
      </c>
      <c r="CX39" s="284">
        <v>0</v>
      </c>
      <c r="CY39" s="288">
        <v>0</v>
      </c>
      <c r="CZ39" s="285">
        <v>0</v>
      </c>
      <c r="DA39" s="287">
        <v>0</v>
      </c>
      <c r="DB39" s="288">
        <v>0</v>
      </c>
      <c r="DC39" s="288">
        <v>0</v>
      </c>
      <c r="DD39" s="288">
        <v>0</v>
      </c>
      <c r="DE39" s="288">
        <v>0</v>
      </c>
      <c r="DF39" s="288">
        <v>0</v>
      </c>
      <c r="DG39" s="285">
        <v>0</v>
      </c>
      <c r="DH39" s="290">
        <v>0</v>
      </c>
    </row>
    <row r="40" spans="2:112" ht="27" customHeight="1" x14ac:dyDescent="0.2">
      <c r="C40" s="256" t="s">
        <v>127</v>
      </c>
    </row>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 style="1" customWidth="1"/>
    <col min="3" max="5" width="7.77734375" style="3" customWidth="1"/>
    <col min="6" max="6" width="9.109375" style="3" customWidth="1"/>
    <col min="7" max="7" width="9.44140625" style="3" customWidth="1"/>
    <col min="8" max="26" width="7.77734375" style="3" customWidth="1"/>
    <col min="27" max="35" width="7.77734375" style="1" customWidth="1"/>
    <col min="36" max="16384" width="9" style="1"/>
  </cols>
  <sheetData>
    <row r="1" spans="2:35" ht="24" customHeight="1" x14ac:dyDescent="0.2">
      <c r="B1" s="20" t="s">
        <v>129</v>
      </c>
      <c r="F1" s="22"/>
      <c r="H1" s="528">
        <f>第１表!F2</f>
        <v>4</v>
      </c>
      <c r="I1" s="528"/>
      <c r="J1" s="249">
        <f>第１表!G2</f>
        <v>9</v>
      </c>
      <c r="K1" s="555">
        <f>IF(J1&lt;3,J1-2+12,J1-2)</f>
        <v>7</v>
      </c>
      <c r="L1" s="555"/>
    </row>
    <row r="2" spans="2:35" ht="24" customHeight="1" thickBot="1" x14ac:dyDescent="0.25">
      <c r="J2" s="5"/>
      <c r="K2" s="5"/>
      <c r="L2" s="5"/>
      <c r="M2" s="5"/>
      <c r="N2" s="5"/>
      <c r="O2" s="5"/>
      <c r="P2" s="30"/>
      <c r="Q2" s="30"/>
      <c r="R2" s="30"/>
    </row>
    <row r="3" spans="2:35" ht="19.5" customHeight="1" thickBot="1" x14ac:dyDescent="0.25">
      <c r="B3" s="26"/>
      <c r="C3" s="556" t="s">
        <v>53</v>
      </c>
      <c r="D3" s="557"/>
      <c r="E3" s="557"/>
      <c r="F3" s="557"/>
      <c r="G3" s="557"/>
      <c r="H3" s="557"/>
      <c r="I3" s="557"/>
      <c r="J3" s="557"/>
      <c r="K3" s="557"/>
      <c r="L3" s="557"/>
      <c r="M3" s="558"/>
      <c r="N3" s="556" t="s">
        <v>54</v>
      </c>
      <c r="O3" s="557"/>
      <c r="P3" s="557"/>
      <c r="Q3" s="557"/>
      <c r="R3" s="557"/>
      <c r="S3" s="557"/>
      <c r="T3" s="557"/>
      <c r="U3" s="557"/>
      <c r="V3" s="557"/>
      <c r="W3" s="557"/>
      <c r="X3" s="558"/>
      <c r="Y3" s="556" t="s">
        <v>55</v>
      </c>
      <c r="Z3" s="557"/>
      <c r="AA3" s="557"/>
      <c r="AB3" s="557"/>
      <c r="AC3" s="557"/>
      <c r="AD3" s="557"/>
      <c r="AE3" s="557"/>
      <c r="AF3" s="557"/>
      <c r="AG3" s="557"/>
      <c r="AH3" s="557"/>
      <c r="AI3" s="558"/>
    </row>
    <row r="4" spans="2:35" ht="30.75" customHeight="1" thickBot="1" x14ac:dyDescent="0.25">
      <c r="B4" s="26" t="s">
        <v>42</v>
      </c>
      <c r="C4" s="27" t="s">
        <v>43</v>
      </c>
      <c r="D4" s="6" t="s">
        <v>44</v>
      </c>
      <c r="E4" s="28" t="s">
        <v>45</v>
      </c>
      <c r="F4" s="29" t="s">
        <v>46</v>
      </c>
      <c r="G4" s="6" t="s">
        <v>47</v>
      </c>
      <c r="H4" s="6" t="s">
        <v>48</v>
      </c>
      <c r="I4" s="6" t="s">
        <v>49</v>
      </c>
      <c r="J4" s="6" t="s">
        <v>50</v>
      </c>
      <c r="K4" s="6" t="s">
        <v>51</v>
      </c>
      <c r="L4" s="28" t="s">
        <v>45</v>
      </c>
      <c r="M4" s="13" t="s">
        <v>52</v>
      </c>
      <c r="N4" s="27" t="s">
        <v>43</v>
      </c>
      <c r="O4" s="6" t="s">
        <v>44</v>
      </c>
      <c r="P4" s="28" t="s">
        <v>45</v>
      </c>
      <c r="Q4" s="29" t="s">
        <v>46</v>
      </c>
      <c r="R4" s="6" t="s">
        <v>47</v>
      </c>
      <c r="S4" s="6" t="s">
        <v>48</v>
      </c>
      <c r="T4" s="6" t="s">
        <v>49</v>
      </c>
      <c r="U4" s="6" t="s">
        <v>50</v>
      </c>
      <c r="V4" s="6" t="s">
        <v>51</v>
      </c>
      <c r="W4" s="28" t="s">
        <v>45</v>
      </c>
      <c r="X4" s="13" t="s">
        <v>52</v>
      </c>
      <c r="Y4" s="27" t="s">
        <v>43</v>
      </c>
      <c r="Z4" s="6" t="s">
        <v>44</v>
      </c>
      <c r="AA4" s="28" t="s">
        <v>45</v>
      </c>
      <c r="AB4" s="29" t="s">
        <v>46</v>
      </c>
      <c r="AC4" s="6" t="s">
        <v>47</v>
      </c>
      <c r="AD4" s="6" t="s">
        <v>48</v>
      </c>
      <c r="AE4" s="6" t="s">
        <v>49</v>
      </c>
      <c r="AF4" s="6" t="s">
        <v>50</v>
      </c>
      <c r="AG4" s="6" t="s">
        <v>51</v>
      </c>
      <c r="AH4" s="28" t="s">
        <v>45</v>
      </c>
      <c r="AI4" s="13" t="s">
        <v>52</v>
      </c>
    </row>
    <row r="5" spans="2:35" ht="21" customHeight="1" x14ac:dyDescent="0.2">
      <c r="B5" s="14" t="s">
        <v>4</v>
      </c>
      <c r="C5" s="91">
        <v>188</v>
      </c>
      <c r="D5" s="92">
        <v>310</v>
      </c>
      <c r="E5" s="93">
        <v>498</v>
      </c>
      <c r="F5" s="94">
        <v>0</v>
      </c>
      <c r="G5" s="92">
        <v>18502</v>
      </c>
      <c r="H5" s="92">
        <v>18347</v>
      </c>
      <c r="I5" s="92">
        <v>12510</v>
      </c>
      <c r="J5" s="92">
        <v>8016</v>
      </c>
      <c r="K5" s="92">
        <v>5050</v>
      </c>
      <c r="L5" s="93">
        <v>62425</v>
      </c>
      <c r="M5" s="95">
        <v>62923</v>
      </c>
      <c r="N5" s="96">
        <v>1</v>
      </c>
      <c r="O5" s="92">
        <v>3</v>
      </c>
      <c r="P5" s="93">
        <v>4</v>
      </c>
      <c r="Q5" s="94">
        <v>0</v>
      </c>
      <c r="R5" s="92">
        <v>205</v>
      </c>
      <c r="S5" s="92">
        <v>328</v>
      </c>
      <c r="T5" s="92">
        <v>250</v>
      </c>
      <c r="U5" s="92">
        <v>161</v>
      </c>
      <c r="V5" s="92">
        <v>168</v>
      </c>
      <c r="W5" s="93">
        <v>1112</v>
      </c>
      <c r="X5" s="95">
        <v>1116</v>
      </c>
      <c r="Y5" s="96">
        <v>189</v>
      </c>
      <c r="Z5" s="92">
        <v>313</v>
      </c>
      <c r="AA5" s="93">
        <v>502</v>
      </c>
      <c r="AB5" s="94">
        <v>0</v>
      </c>
      <c r="AC5" s="92">
        <v>18707</v>
      </c>
      <c r="AD5" s="92">
        <v>18675</v>
      </c>
      <c r="AE5" s="92">
        <v>12760</v>
      </c>
      <c r="AF5" s="92">
        <v>8177</v>
      </c>
      <c r="AG5" s="92">
        <v>5218</v>
      </c>
      <c r="AH5" s="93">
        <v>63537</v>
      </c>
      <c r="AI5" s="95">
        <v>64039</v>
      </c>
    </row>
    <row r="6" spans="2:35" ht="21" customHeight="1" x14ac:dyDescent="0.2">
      <c r="B6" s="18" t="s">
        <v>5</v>
      </c>
      <c r="C6" s="97">
        <v>81</v>
      </c>
      <c r="D6" s="98">
        <v>119</v>
      </c>
      <c r="E6" s="99">
        <v>200</v>
      </c>
      <c r="F6" s="100">
        <v>0</v>
      </c>
      <c r="G6" s="98">
        <v>6755</v>
      </c>
      <c r="H6" s="98">
        <v>8525</v>
      </c>
      <c r="I6" s="98">
        <v>5539</v>
      </c>
      <c r="J6" s="98">
        <v>3522</v>
      </c>
      <c r="K6" s="98">
        <v>2334</v>
      </c>
      <c r="L6" s="99">
        <v>26675</v>
      </c>
      <c r="M6" s="101">
        <v>26875</v>
      </c>
      <c r="N6" s="102">
        <v>0</v>
      </c>
      <c r="O6" s="98">
        <v>0</v>
      </c>
      <c r="P6" s="99">
        <v>0</v>
      </c>
      <c r="Q6" s="100">
        <v>0</v>
      </c>
      <c r="R6" s="98">
        <v>60</v>
      </c>
      <c r="S6" s="98">
        <v>154</v>
      </c>
      <c r="T6" s="98">
        <v>127</v>
      </c>
      <c r="U6" s="98">
        <v>74</v>
      </c>
      <c r="V6" s="98">
        <v>78</v>
      </c>
      <c r="W6" s="99">
        <v>493</v>
      </c>
      <c r="X6" s="101">
        <v>493</v>
      </c>
      <c r="Y6" s="102">
        <v>81</v>
      </c>
      <c r="Z6" s="98">
        <v>119</v>
      </c>
      <c r="AA6" s="99">
        <v>200</v>
      </c>
      <c r="AB6" s="100">
        <v>0</v>
      </c>
      <c r="AC6" s="98">
        <v>6815</v>
      </c>
      <c r="AD6" s="98">
        <v>8679</v>
      </c>
      <c r="AE6" s="98">
        <v>5666</v>
      </c>
      <c r="AF6" s="98">
        <v>3596</v>
      </c>
      <c r="AG6" s="98">
        <v>2412</v>
      </c>
      <c r="AH6" s="99">
        <v>27168</v>
      </c>
      <c r="AI6" s="101">
        <v>27368</v>
      </c>
    </row>
    <row r="7" spans="2:35" ht="21" customHeight="1" x14ac:dyDescent="0.2">
      <c r="B7" s="18" t="s">
        <v>6</v>
      </c>
      <c r="C7" s="97">
        <v>23</v>
      </c>
      <c r="D7" s="98">
        <v>34</v>
      </c>
      <c r="E7" s="99">
        <v>57</v>
      </c>
      <c r="F7" s="100">
        <v>0</v>
      </c>
      <c r="G7" s="98">
        <v>2902</v>
      </c>
      <c r="H7" s="98">
        <v>2399</v>
      </c>
      <c r="I7" s="98">
        <v>1858</v>
      </c>
      <c r="J7" s="98">
        <v>1360</v>
      </c>
      <c r="K7" s="98">
        <v>879</v>
      </c>
      <c r="L7" s="99">
        <v>9398</v>
      </c>
      <c r="M7" s="101">
        <v>9455</v>
      </c>
      <c r="N7" s="102">
        <v>0</v>
      </c>
      <c r="O7" s="98">
        <v>0</v>
      </c>
      <c r="P7" s="99">
        <v>0</v>
      </c>
      <c r="Q7" s="100">
        <v>0</v>
      </c>
      <c r="R7" s="98">
        <v>36</v>
      </c>
      <c r="S7" s="98">
        <v>33</v>
      </c>
      <c r="T7" s="98">
        <v>38</v>
      </c>
      <c r="U7" s="98">
        <v>29</v>
      </c>
      <c r="V7" s="98">
        <v>34</v>
      </c>
      <c r="W7" s="99">
        <v>170</v>
      </c>
      <c r="X7" s="101">
        <v>170</v>
      </c>
      <c r="Y7" s="102">
        <v>23</v>
      </c>
      <c r="Z7" s="98">
        <v>34</v>
      </c>
      <c r="AA7" s="99">
        <v>57</v>
      </c>
      <c r="AB7" s="100">
        <v>0</v>
      </c>
      <c r="AC7" s="98">
        <v>2938</v>
      </c>
      <c r="AD7" s="98">
        <v>2432</v>
      </c>
      <c r="AE7" s="98">
        <v>1896</v>
      </c>
      <c r="AF7" s="98">
        <v>1389</v>
      </c>
      <c r="AG7" s="98">
        <v>913</v>
      </c>
      <c r="AH7" s="99">
        <v>9568</v>
      </c>
      <c r="AI7" s="101">
        <v>9625</v>
      </c>
    </row>
    <row r="8" spans="2:35" ht="21" customHeight="1" x14ac:dyDescent="0.2">
      <c r="B8" s="18" t="s">
        <v>14</v>
      </c>
      <c r="C8" s="97">
        <v>16</v>
      </c>
      <c r="D8" s="98">
        <v>27</v>
      </c>
      <c r="E8" s="99">
        <v>43</v>
      </c>
      <c r="F8" s="100">
        <v>0</v>
      </c>
      <c r="G8" s="98">
        <v>1455</v>
      </c>
      <c r="H8" s="98">
        <v>1542</v>
      </c>
      <c r="I8" s="98">
        <v>1066</v>
      </c>
      <c r="J8" s="98">
        <v>628</v>
      </c>
      <c r="K8" s="98">
        <v>341</v>
      </c>
      <c r="L8" s="99">
        <v>5032</v>
      </c>
      <c r="M8" s="101">
        <v>5075</v>
      </c>
      <c r="N8" s="102">
        <v>0</v>
      </c>
      <c r="O8" s="98">
        <v>0</v>
      </c>
      <c r="P8" s="99">
        <v>0</v>
      </c>
      <c r="Q8" s="100">
        <v>0</v>
      </c>
      <c r="R8" s="98">
        <v>13</v>
      </c>
      <c r="S8" s="98">
        <v>36</v>
      </c>
      <c r="T8" s="98">
        <v>9</v>
      </c>
      <c r="U8" s="98">
        <v>10</v>
      </c>
      <c r="V8" s="98">
        <v>12</v>
      </c>
      <c r="W8" s="99">
        <v>80</v>
      </c>
      <c r="X8" s="101">
        <v>80</v>
      </c>
      <c r="Y8" s="102">
        <v>16</v>
      </c>
      <c r="Z8" s="98">
        <v>27</v>
      </c>
      <c r="AA8" s="99">
        <v>43</v>
      </c>
      <c r="AB8" s="100">
        <v>0</v>
      </c>
      <c r="AC8" s="98">
        <v>1468</v>
      </c>
      <c r="AD8" s="98">
        <v>1578</v>
      </c>
      <c r="AE8" s="98">
        <v>1075</v>
      </c>
      <c r="AF8" s="98">
        <v>638</v>
      </c>
      <c r="AG8" s="98">
        <v>353</v>
      </c>
      <c r="AH8" s="99">
        <v>5112</v>
      </c>
      <c r="AI8" s="101">
        <v>5155</v>
      </c>
    </row>
    <row r="9" spans="2:35" ht="21" customHeight="1" x14ac:dyDescent="0.2">
      <c r="B9" s="18" t="s">
        <v>7</v>
      </c>
      <c r="C9" s="97">
        <v>7</v>
      </c>
      <c r="D9" s="98">
        <v>12</v>
      </c>
      <c r="E9" s="99">
        <v>19</v>
      </c>
      <c r="F9" s="100">
        <v>0</v>
      </c>
      <c r="G9" s="98">
        <v>1313</v>
      </c>
      <c r="H9" s="98">
        <v>904</v>
      </c>
      <c r="I9" s="98">
        <v>638</v>
      </c>
      <c r="J9" s="98">
        <v>337</v>
      </c>
      <c r="K9" s="98">
        <v>166</v>
      </c>
      <c r="L9" s="99">
        <v>3358</v>
      </c>
      <c r="M9" s="101">
        <v>3377</v>
      </c>
      <c r="N9" s="102">
        <v>1</v>
      </c>
      <c r="O9" s="98">
        <v>0</v>
      </c>
      <c r="P9" s="99">
        <v>1</v>
      </c>
      <c r="Q9" s="100">
        <v>0</v>
      </c>
      <c r="R9" s="98">
        <v>14</v>
      </c>
      <c r="S9" s="98">
        <v>14</v>
      </c>
      <c r="T9" s="98">
        <v>9</v>
      </c>
      <c r="U9" s="98">
        <v>4</v>
      </c>
      <c r="V9" s="98">
        <v>10</v>
      </c>
      <c r="W9" s="99">
        <v>51</v>
      </c>
      <c r="X9" s="101">
        <v>52</v>
      </c>
      <c r="Y9" s="102">
        <v>8</v>
      </c>
      <c r="Z9" s="98">
        <v>12</v>
      </c>
      <c r="AA9" s="99">
        <v>20</v>
      </c>
      <c r="AB9" s="100">
        <v>0</v>
      </c>
      <c r="AC9" s="98">
        <v>1327</v>
      </c>
      <c r="AD9" s="98">
        <v>918</v>
      </c>
      <c r="AE9" s="98">
        <v>647</v>
      </c>
      <c r="AF9" s="98">
        <v>341</v>
      </c>
      <c r="AG9" s="98">
        <v>176</v>
      </c>
      <c r="AH9" s="99">
        <v>3409</v>
      </c>
      <c r="AI9" s="101">
        <v>3429</v>
      </c>
    </row>
    <row r="10" spans="2:35" ht="21" customHeight="1" x14ac:dyDescent="0.2">
      <c r="B10" s="18" t="s">
        <v>8</v>
      </c>
      <c r="C10" s="97">
        <v>7</v>
      </c>
      <c r="D10" s="98">
        <v>9</v>
      </c>
      <c r="E10" s="99">
        <v>16</v>
      </c>
      <c r="F10" s="100">
        <v>0</v>
      </c>
      <c r="G10" s="98">
        <v>746</v>
      </c>
      <c r="H10" s="98">
        <v>662</v>
      </c>
      <c r="I10" s="98">
        <v>405</v>
      </c>
      <c r="J10" s="98">
        <v>226</v>
      </c>
      <c r="K10" s="98">
        <v>144</v>
      </c>
      <c r="L10" s="99">
        <v>2183</v>
      </c>
      <c r="M10" s="101">
        <v>2199</v>
      </c>
      <c r="N10" s="102">
        <v>0</v>
      </c>
      <c r="O10" s="98">
        <v>1</v>
      </c>
      <c r="P10" s="99">
        <v>1</v>
      </c>
      <c r="Q10" s="100">
        <v>0</v>
      </c>
      <c r="R10" s="98">
        <v>18</v>
      </c>
      <c r="S10" s="98">
        <v>16</v>
      </c>
      <c r="T10" s="98">
        <v>6</v>
      </c>
      <c r="U10" s="98">
        <v>3</v>
      </c>
      <c r="V10" s="98">
        <v>4</v>
      </c>
      <c r="W10" s="99">
        <v>47</v>
      </c>
      <c r="X10" s="101">
        <v>48</v>
      </c>
      <c r="Y10" s="102">
        <v>7</v>
      </c>
      <c r="Z10" s="98">
        <v>10</v>
      </c>
      <c r="AA10" s="99">
        <v>17</v>
      </c>
      <c r="AB10" s="100">
        <v>0</v>
      </c>
      <c r="AC10" s="98">
        <v>764</v>
      </c>
      <c r="AD10" s="98">
        <v>678</v>
      </c>
      <c r="AE10" s="98">
        <v>411</v>
      </c>
      <c r="AF10" s="98">
        <v>229</v>
      </c>
      <c r="AG10" s="98">
        <v>148</v>
      </c>
      <c r="AH10" s="99">
        <v>2230</v>
      </c>
      <c r="AI10" s="101">
        <v>2247</v>
      </c>
    </row>
    <row r="11" spans="2:35" ht="21" customHeight="1" x14ac:dyDescent="0.2">
      <c r="B11" s="18" t="s">
        <v>9</v>
      </c>
      <c r="C11" s="97">
        <v>3</v>
      </c>
      <c r="D11" s="98">
        <v>7</v>
      </c>
      <c r="E11" s="99">
        <v>10</v>
      </c>
      <c r="F11" s="100">
        <v>0</v>
      </c>
      <c r="G11" s="98">
        <v>499</v>
      </c>
      <c r="H11" s="98">
        <v>384</v>
      </c>
      <c r="I11" s="98">
        <v>295</v>
      </c>
      <c r="J11" s="98">
        <v>177</v>
      </c>
      <c r="K11" s="98">
        <v>81</v>
      </c>
      <c r="L11" s="99">
        <v>1436</v>
      </c>
      <c r="M11" s="101">
        <v>1446</v>
      </c>
      <c r="N11" s="102">
        <v>0</v>
      </c>
      <c r="O11" s="98">
        <v>0</v>
      </c>
      <c r="P11" s="99">
        <v>0</v>
      </c>
      <c r="Q11" s="100">
        <v>0</v>
      </c>
      <c r="R11" s="98">
        <v>12</v>
      </c>
      <c r="S11" s="98">
        <v>12</v>
      </c>
      <c r="T11" s="98">
        <v>6</v>
      </c>
      <c r="U11" s="98">
        <v>5</v>
      </c>
      <c r="V11" s="98">
        <v>1</v>
      </c>
      <c r="W11" s="99">
        <v>36</v>
      </c>
      <c r="X11" s="101">
        <v>36</v>
      </c>
      <c r="Y11" s="102">
        <v>3</v>
      </c>
      <c r="Z11" s="98">
        <v>7</v>
      </c>
      <c r="AA11" s="99">
        <v>10</v>
      </c>
      <c r="AB11" s="100">
        <v>0</v>
      </c>
      <c r="AC11" s="98">
        <v>511</v>
      </c>
      <c r="AD11" s="98">
        <v>396</v>
      </c>
      <c r="AE11" s="98">
        <v>301</v>
      </c>
      <c r="AF11" s="98">
        <v>182</v>
      </c>
      <c r="AG11" s="98">
        <v>82</v>
      </c>
      <c r="AH11" s="99">
        <v>1472</v>
      </c>
      <c r="AI11" s="101">
        <v>1482</v>
      </c>
    </row>
    <row r="12" spans="2:35" ht="21" customHeight="1" x14ac:dyDescent="0.2">
      <c r="B12" s="18" t="s">
        <v>10</v>
      </c>
      <c r="C12" s="97">
        <v>11</v>
      </c>
      <c r="D12" s="98">
        <v>26</v>
      </c>
      <c r="E12" s="99">
        <v>37</v>
      </c>
      <c r="F12" s="100">
        <v>0</v>
      </c>
      <c r="G12" s="98">
        <v>862</v>
      </c>
      <c r="H12" s="98">
        <v>576</v>
      </c>
      <c r="I12" s="98">
        <v>403</v>
      </c>
      <c r="J12" s="98">
        <v>301</v>
      </c>
      <c r="K12" s="98">
        <v>262</v>
      </c>
      <c r="L12" s="99">
        <v>2404</v>
      </c>
      <c r="M12" s="101">
        <v>2441</v>
      </c>
      <c r="N12" s="102">
        <v>0</v>
      </c>
      <c r="O12" s="98">
        <v>1</v>
      </c>
      <c r="P12" s="99">
        <v>1</v>
      </c>
      <c r="Q12" s="100">
        <v>0</v>
      </c>
      <c r="R12" s="98">
        <v>9</v>
      </c>
      <c r="S12" s="98">
        <v>9</v>
      </c>
      <c r="T12" s="98">
        <v>10</v>
      </c>
      <c r="U12" s="98">
        <v>8</v>
      </c>
      <c r="V12" s="98">
        <v>6</v>
      </c>
      <c r="W12" s="99">
        <v>42</v>
      </c>
      <c r="X12" s="101">
        <v>43</v>
      </c>
      <c r="Y12" s="102">
        <v>11</v>
      </c>
      <c r="Z12" s="98">
        <v>27</v>
      </c>
      <c r="AA12" s="99">
        <v>38</v>
      </c>
      <c r="AB12" s="100">
        <v>0</v>
      </c>
      <c r="AC12" s="98">
        <v>871</v>
      </c>
      <c r="AD12" s="98">
        <v>585</v>
      </c>
      <c r="AE12" s="98">
        <v>413</v>
      </c>
      <c r="AF12" s="98">
        <v>309</v>
      </c>
      <c r="AG12" s="98">
        <v>268</v>
      </c>
      <c r="AH12" s="99">
        <v>2446</v>
      </c>
      <c r="AI12" s="101">
        <v>2484</v>
      </c>
    </row>
    <row r="13" spans="2:35" ht="21" customHeight="1" x14ac:dyDescent="0.2">
      <c r="B13" s="18" t="s">
        <v>11</v>
      </c>
      <c r="C13" s="97">
        <v>3</v>
      </c>
      <c r="D13" s="98">
        <v>11</v>
      </c>
      <c r="E13" s="99">
        <v>14</v>
      </c>
      <c r="F13" s="100">
        <v>0</v>
      </c>
      <c r="G13" s="98">
        <v>668</v>
      </c>
      <c r="H13" s="98">
        <v>402</v>
      </c>
      <c r="I13" s="98">
        <v>248</v>
      </c>
      <c r="J13" s="98">
        <v>163</v>
      </c>
      <c r="K13" s="98">
        <v>82</v>
      </c>
      <c r="L13" s="99">
        <v>1563</v>
      </c>
      <c r="M13" s="101">
        <v>1577</v>
      </c>
      <c r="N13" s="102">
        <v>0</v>
      </c>
      <c r="O13" s="98">
        <v>0</v>
      </c>
      <c r="P13" s="99">
        <v>0</v>
      </c>
      <c r="Q13" s="100">
        <v>0</v>
      </c>
      <c r="R13" s="98">
        <v>10</v>
      </c>
      <c r="S13" s="98">
        <v>7</v>
      </c>
      <c r="T13" s="98">
        <v>2</v>
      </c>
      <c r="U13" s="98">
        <v>2</v>
      </c>
      <c r="V13" s="98">
        <v>3</v>
      </c>
      <c r="W13" s="99">
        <v>24</v>
      </c>
      <c r="X13" s="101">
        <v>24</v>
      </c>
      <c r="Y13" s="102">
        <v>3</v>
      </c>
      <c r="Z13" s="98">
        <v>11</v>
      </c>
      <c r="AA13" s="99">
        <v>14</v>
      </c>
      <c r="AB13" s="100">
        <v>0</v>
      </c>
      <c r="AC13" s="98">
        <v>678</v>
      </c>
      <c r="AD13" s="98">
        <v>409</v>
      </c>
      <c r="AE13" s="98">
        <v>250</v>
      </c>
      <c r="AF13" s="98">
        <v>165</v>
      </c>
      <c r="AG13" s="98">
        <v>85</v>
      </c>
      <c r="AH13" s="99">
        <v>1587</v>
      </c>
      <c r="AI13" s="101">
        <v>1601</v>
      </c>
    </row>
    <row r="14" spans="2:35" ht="21" customHeight="1" x14ac:dyDescent="0.2">
      <c r="B14" s="18" t="s">
        <v>12</v>
      </c>
      <c r="C14" s="97">
        <v>2</v>
      </c>
      <c r="D14" s="98">
        <v>1</v>
      </c>
      <c r="E14" s="99">
        <v>3</v>
      </c>
      <c r="F14" s="100">
        <v>0</v>
      </c>
      <c r="G14" s="98">
        <v>490</v>
      </c>
      <c r="H14" s="98">
        <v>329</v>
      </c>
      <c r="I14" s="98">
        <v>300</v>
      </c>
      <c r="J14" s="98">
        <v>212</v>
      </c>
      <c r="K14" s="98">
        <v>116</v>
      </c>
      <c r="L14" s="99">
        <v>1447</v>
      </c>
      <c r="M14" s="101">
        <v>1450</v>
      </c>
      <c r="N14" s="102">
        <v>0</v>
      </c>
      <c r="O14" s="98">
        <v>0</v>
      </c>
      <c r="P14" s="99">
        <v>0</v>
      </c>
      <c r="Q14" s="100">
        <v>0</v>
      </c>
      <c r="R14" s="98">
        <v>5</v>
      </c>
      <c r="S14" s="98">
        <v>5</v>
      </c>
      <c r="T14" s="98">
        <v>5</v>
      </c>
      <c r="U14" s="98">
        <v>2</v>
      </c>
      <c r="V14" s="98">
        <v>3</v>
      </c>
      <c r="W14" s="99">
        <v>20</v>
      </c>
      <c r="X14" s="101">
        <v>20</v>
      </c>
      <c r="Y14" s="102">
        <v>2</v>
      </c>
      <c r="Z14" s="98">
        <v>1</v>
      </c>
      <c r="AA14" s="99">
        <v>3</v>
      </c>
      <c r="AB14" s="100">
        <v>0</v>
      </c>
      <c r="AC14" s="98">
        <v>495</v>
      </c>
      <c r="AD14" s="98">
        <v>334</v>
      </c>
      <c r="AE14" s="98">
        <v>305</v>
      </c>
      <c r="AF14" s="98">
        <v>214</v>
      </c>
      <c r="AG14" s="98">
        <v>119</v>
      </c>
      <c r="AH14" s="99">
        <v>1467</v>
      </c>
      <c r="AI14" s="101">
        <v>1470</v>
      </c>
    </row>
    <row r="15" spans="2:35" ht="21" customHeight="1" x14ac:dyDescent="0.2">
      <c r="B15" s="18" t="s">
        <v>13</v>
      </c>
      <c r="C15" s="97">
        <v>1</v>
      </c>
      <c r="D15" s="98">
        <v>2</v>
      </c>
      <c r="E15" s="99">
        <v>3</v>
      </c>
      <c r="F15" s="100">
        <v>0</v>
      </c>
      <c r="G15" s="98">
        <v>156</v>
      </c>
      <c r="H15" s="98">
        <v>161</v>
      </c>
      <c r="I15" s="98">
        <v>91</v>
      </c>
      <c r="J15" s="98">
        <v>71</v>
      </c>
      <c r="K15" s="98">
        <v>35</v>
      </c>
      <c r="L15" s="99">
        <v>514</v>
      </c>
      <c r="M15" s="101">
        <v>517</v>
      </c>
      <c r="N15" s="102">
        <v>0</v>
      </c>
      <c r="O15" s="98">
        <v>0</v>
      </c>
      <c r="P15" s="99">
        <v>0</v>
      </c>
      <c r="Q15" s="100">
        <v>0</v>
      </c>
      <c r="R15" s="98">
        <v>3</v>
      </c>
      <c r="S15" s="98">
        <v>2</v>
      </c>
      <c r="T15" s="98">
        <v>5</v>
      </c>
      <c r="U15" s="98">
        <v>1</v>
      </c>
      <c r="V15" s="98">
        <v>0</v>
      </c>
      <c r="W15" s="99">
        <v>11</v>
      </c>
      <c r="X15" s="101">
        <v>11</v>
      </c>
      <c r="Y15" s="102">
        <v>1</v>
      </c>
      <c r="Z15" s="98">
        <v>2</v>
      </c>
      <c r="AA15" s="99">
        <v>3</v>
      </c>
      <c r="AB15" s="100">
        <v>0</v>
      </c>
      <c r="AC15" s="98">
        <v>159</v>
      </c>
      <c r="AD15" s="98">
        <v>163</v>
      </c>
      <c r="AE15" s="98">
        <v>96</v>
      </c>
      <c r="AF15" s="98">
        <v>72</v>
      </c>
      <c r="AG15" s="98">
        <v>35</v>
      </c>
      <c r="AH15" s="99">
        <v>525</v>
      </c>
      <c r="AI15" s="101">
        <v>528</v>
      </c>
    </row>
    <row r="16" spans="2:35" ht="21" customHeight="1" x14ac:dyDescent="0.2">
      <c r="B16" s="18" t="s">
        <v>15</v>
      </c>
      <c r="C16" s="97">
        <v>4</v>
      </c>
      <c r="D16" s="98">
        <v>15</v>
      </c>
      <c r="E16" s="99">
        <v>19</v>
      </c>
      <c r="F16" s="100">
        <v>0</v>
      </c>
      <c r="G16" s="98">
        <v>194</v>
      </c>
      <c r="H16" s="98">
        <v>206</v>
      </c>
      <c r="I16" s="98">
        <v>139</v>
      </c>
      <c r="J16" s="98">
        <v>99</v>
      </c>
      <c r="K16" s="98">
        <v>47</v>
      </c>
      <c r="L16" s="99">
        <v>685</v>
      </c>
      <c r="M16" s="101">
        <v>704</v>
      </c>
      <c r="N16" s="102">
        <v>0</v>
      </c>
      <c r="O16" s="98">
        <v>1</v>
      </c>
      <c r="P16" s="99">
        <v>1</v>
      </c>
      <c r="Q16" s="100">
        <v>0</v>
      </c>
      <c r="R16" s="98">
        <v>3</v>
      </c>
      <c r="S16" s="98">
        <v>6</v>
      </c>
      <c r="T16" s="98">
        <v>2</v>
      </c>
      <c r="U16" s="98">
        <v>1</v>
      </c>
      <c r="V16" s="98">
        <v>1</v>
      </c>
      <c r="W16" s="99">
        <v>13</v>
      </c>
      <c r="X16" s="101">
        <v>14</v>
      </c>
      <c r="Y16" s="102">
        <v>4</v>
      </c>
      <c r="Z16" s="98">
        <v>16</v>
      </c>
      <c r="AA16" s="99">
        <v>20</v>
      </c>
      <c r="AB16" s="100">
        <v>0</v>
      </c>
      <c r="AC16" s="98">
        <v>197</v>
      </c>
      <c r="AD16" s="98">
        <v>212</v>
      </c>
      <c r="AE16" s="98">
        <v>141</v>
      </c>
      <c r="AF16" s="98">
        <v>100</v>
      </c>
      <c r="AG16" s="98">
        <v>48</v>
      </c>
      <c r="AH16" s="99">
        <v>698</v>
      </c>
      <c r="AI16" s="101">
        <v>718</v>
      </c>
    </row>
    <row r="17" spans="2:35" ht="21" customHeight="1" x14ac:dyDescent="0.2">
      <c r="B17" s="18" t="s">
        <v>16</v>
      </c>
      <c r="C17" s="97">
        <v>1</v>
      </c>
      <c r="D17" s="98">
        <v>1</v>
      </c>
      <c r="E17" s="99">
        <v>2</v>
      </c>
      <c r="F17" s="100">
        <v>0</v>
      </c>
      <c r="G17" s="98">
        <v>209</v>
      </c>
      <c r="H17" s="98">
        <v>277</v>
      </c>
      <c r="I17" s="98">
        <v>192</v>
      </c>
      <c r="J17" s="98">
        <v>126</v>
      </c>
      <c r="K17" s="98">
        <v>76</v>
      </c>
      <c r="L17" s="99">
        <v>880</v>
      </c>
      <c r="M17" s="101">
        <v>882</v>
      </c>
      <c r="N17" s="102">
        <v>0</v>
      </c>
      <c r="O17" s="98">
        <v>0</v>
      </c>
      <c r="P17" s="99">
        <v>0</v>
      </c>
      <c r="Q17" s="100">
        <v>0</v>
      </c>
      <c r="R17" s="98">
        <v>3</v>
      </c>
      <c r="S17" s="98">
        <v>2</v>
      </c>
      <c r="T17" s="98">
        <v>5</v>
      </c>
      <c r="U17" s="98">
        <v>1</v>
      </c>
      <c r="V17" s="98">
        <v>3</v>
      </c>
      <c r="W17" s="99">
        <v>14</v>
      </c>
      <c r="X17" s="101">
        <v>14</v>
      </c>
      <c r="Y17" s="102">
        <v>1</v>
      </c>
      <c r="Z17" s="98">
        <v>1</v>
      </c>
      <c r="AA17" s="99">
        <v>2</v>
      </c>
      <c r="AB17" s="100">
        <v>0</v>
      </c>
      <c r="AC17" s="98">
        <v>212</v>
      </c>
      <c r="AD17" s="98">
        <v>279</v>
      </c>
      <c r="AE17" s="98">
        <v>197</v>
      </c>
      <c r="AF17" s="98">
        <v>127</v>
      </c>
      <c r="AG17" s="98">
        <v>79</v>
      </c>
      <c r="AH17" s="99">
        <v>894</v>
      </c>
      <c r="AI17" s="101">
        <v>896</v>
      </c>
    </row>
    <row r="18" spans="2:35" ht="21" customHeight="1" x14ac:dyDescent="0.2">
      <c r="B18" s="18" t="s">
        <v>17</v>
      </c>
      <c r="C18" s="97">
        <v>3</v>
      </c>
      <c r="D18" s="98">
        <v>4</v>
      </c>
      <c r="E18" s="99">
        <v>7</v>
      </c>
      <c r="F18" s="100">
        <v>0</v>
      </c>
      <c r="G18" s="98">
        <v>317</v>
      </c>
      <c r="H18" s="98">
        <v>396</v>
      </c>
      <c r="I18" s="98">
        <v>264</v>
      </c>
      <c r="J18" s="98">
        <v>190</v>
      </c>
      <c r="K18" s="98">
        <v>141</v>
      </c>
      <c r="L18" s="99">
        <v>1308</v>
      </c>
      <c r="M18" s="101">
        <v>1315</v>
      </c>
      <c r="N18" s="102">
        <v>0</v>
      </c>
      <c r="O18" s="98">
        <v>0</v>
      </c>
      <c r="P18" s="99">
        <v>0</v>
      </c>
      <c r="Q18" s="100">
        <v>0</v>
      </c>
      <c r="R18" s="98">
        <v>2</v>
      </c>
      <c r="S18" s="98">
        <v>15</v>
      </c>
      <c r="T18" s="98">
        <v>12</v>
      </c>
      <c r="U18" s="98">
        <v>10</v>
      </c>
      <c r="V18" s="98">
        <v>5</v>
      </c>
      <c r="W18" s="99">
        <v>44</v>
      </c>
      <c r="X18" s="101">
        <v>44</v>
      </c>
      <c r="Y18" s="102">
        <v>3</v>
      </c>
      <c r="Z18" s="98">
        <v>4</v>
      </c>
      <c r="AA18" s="99">
        <v>7</v>
      </c>
      <c r="AB18" s="100">
        <v>0</v>
      </c>
      <c r="AC18" s="98">
        <v>319</v>
      </c>
      <c r="AD18" s="98">
        <v>411</v>
      </c>
      <c r="AE18" s="98">
        <v>276</v>
      </c>
      <c r="AF18" s="98">
        <v>200</v>
      </c>
      <c r="AG18" s="98">
        <v>146</v>
      </c>
      <c r="AH18" s="99">
        <v>1352</v>
      </c>
      <c r="AI18" s="101">
        <v>1359</v>
      </c>
    </row>
    <row r="19" spans="2:35" ht="21" customHeight="1" x14ac:dyDescent="0.2">
      <c r="B19" s="18" t="s">
        <v>18</v>
      </c>
      <c r="C19" s="97">
        <v>9</v>
      </c>
      <c r="D19" s="98">
        <v>11</v>
      </c>
      <c r="E19" s="99">
        <v>20</v>
      </c>
      <c r="F19" s="100">
        <v>0</v>
      </c>
      <c r="G19" s="98">
        <v>374</v>
      </c>
      <c r="H19" s="98">
        <v>354</v>
      </c>
      <c r="I19" s="98">
        <v>247</v>
      </c>
      <c r="J19" s="98">
        <v>146</v>
      </c>
      <c r="K19" s="98">
        <v>96</v>
      </c>
      <c r="L19" s="99">
        <v>1217</v>
      </c>
      <c r="M19" s="101">
        <v>1237</v>
      </c>
      <c r="N19" s="102">
        <v>0</v>
      </c>
      <c r="O19" s="98">
        <v>0</v>
      </c>
      <c r="P19" s="99">
        <v>0</v>
      </c>
      <c r="Q19" s="100">
        <v>0</v>
      </c>
      <c r="R19" s="98">
        <v>4</v>
      </c>
      <c r="S19" s="98">
        <v>2</v>
      </c>
      <c r="T19" s="98">
        <v>1</v>
      </c>
      <c r="U19" s="98">
        <v>5</v>
      </c>
      <c r="V19" s="98">
        <v>4</v>
      </c>
      <c r="W19" s="99">
        <v>16</v>
      </c>
      <c r="X19" s="101">
        <v>16</v>
      </c>
      <c r="Y19" s="102">
        <v>9</v>
      </c>
      <c r="Z19" s="98">
        <v>11</v>
      </c>
      <c r="AA19" s="99">
        <v>20</v>
      </c>
      <c r="AB19" s="100">
        <v>0</v>
      </c>
      <c r="AC19" s="98">
        <v>378</v>
      </c>
      <c r="AD19" s="98">
        <v>356</v>
      </c>
      <c r="AE19" s="98">
        <v>248</v>
      </c>
      <c r="AF19" s="98">
        <v>151</v>
      </c>
      <c r="AG19" s="98">
        <v>100</v>
      </c>
      <c r="AH19" s="99">
        <v>1233</v>
      </c>
      <c r="AI19" s="101">
        <v>1253</v>
      </c>
    </row>
    <row r="20" spans="2:35" ht="21" customHeight="1" x14ac:dyDescent="0.2">
      <c r="B20" s="18" t="s">
        <v>19</v>
      </c>
      <c r="C20" s="97">
        <v>1</v>
      </c>
      <c r="D20" s="98">
        <v>2</v>
      </c>
      <c r="E20" s="99">
        <v>3</v>
      </c>
      <c r="F20" s="100">
        <v>0</v>
      </c>
      <c r="G20" s="98">
        <v>203</v>
      </c>
      <c r="H20" s="98">
        <v>198</v>
      </c>
      <c r="I20" s="98">
        <v>121</v>
      </c>
      <c r="J20" s="98">
        <v>68</v>
      </c>
      <c r="K20" s="98">
        <v>55</v>
      </c>
      <c r="L20" s="99">
        <v>645</v>
      </c>
      <c r="M20" s="101">
        <v>648</v>
      </c>
      <c r="N20" s="102">
        <v>0</v>
      </c>
      <c r="O20" s="98">
        <v>0</v>
      </c>
      <c r="P20" s="99">
        <v>0</v>
      </c>
      <c r="Q20" s="100">
        <v>0</v>
      </c>
      <c r="R20" s="98">
        <v>0</v>
      </c>
      <c r="S20" s="98">
        <v>1</v>
      </c>
      <c r="T20" s="98">
        <v>4</v>
      </c>
      <c r="U20" s="98">
        <v>1</v>
      </c>
      <c r="V20" s="98">
        <v>0</v>
      </c>
      <c r="W20" s="99">
        <v>6</v>
      </c>
      <c r="X20" s="101">
        <v>6</v>
      </c>
      <c r="Y20" s="102">
        <v>1</v>
      </c>
      <c r="Z20" s="98">
        <v>2</v>
      </c>
      <c r="AA20" s="99">
        <v>3</v>
      </c>
      <c r="AB20" s="100">
        <v>0</v>
      </c>
      <c r="AC20" s="98">
        <v>203</v>
      </c>
      <c r="AD20" s="98">
        <v>199</v>
      </c>
      <c r="AE20" s="98">
        <v>125</v>
      </c>
      <c r="AF20" s="98">
        <v>69</v>
      </c>
      <c r="AG20" s="98">
        <v>55</v>
      </c>
      <c r="AH20" s="99">
        <v>651</v>
      </c>
      <c r="AI20" s="101">
        <v>654</v>
      </c>
    </row>
    <row r="21" spans="2:35" ht="21" customHeight="1" x14ac:dyDescent="0.2">
      <c r="B21" s="18" t="s">
        <v>20</v>
      </c>
      <c r="C21" s="97">
        <v>1</v>
      </c>
      <c r="D21" s="98">
        <v>2</v>
      </c>
      <c r="E21" s="99">
        <v>3</v>
      </c>
      <c r="F21" s="100">
        <v>0</v>
      </c>
      <c r="G21" s="98">
        <v>235</v>
      </c>
      <c r="H21" s="98">
        <v>115</v>
      </c>
      <c r="I21" s="98">
        <v>95</v>
      </c>
      <c r="J21" s="98">
        <v>44</v>
      </c>
      <c r="K21" s="98">
        <v>17</v>
      </c>
      <c r="L21" s="99">
        <v>506</v>
      </c>
      <c r="M21" s="101">
        <v>509</v>
      </c>
      <c r="N21" s="102">
        <v>0</v>
      </c>
      <c r="O21" s="98">
        <v>0</v>
      </c>
      <c r="P21" s="99">
        <v>0</v>
      </c>
      <c r="Q21" s="100">
        <v>0</v>
      </c>
      <c r="R21" s="98">
        <v>5</v>
      </c>
      <c r="S21" s="98">
        <v>1</v>
      </c>
      <c r="T21" s="98">
        <v>0</v>
      </c>
      <c r="U21" s="98">
        <v>0</v>
      </c>
      <c r="V21" s="98">
        <v>0</v>
      </c>
      <c r="W21" s="99">
        <v>6</v>
      </c>
      <c r="X21" s="101">
        <v>6</v>
      </c>
      <c r="Y21" s="102">
        <v>1</v>
      </c>
      <c r="Z21" s="98">
        <v>2</v>
      </c>
      <c r="AA21" s="99">
        <v>3</v>
      </c>
      <c r="AB21" s="100">
        <v>0</v>
      </c>
      <c r="AC21" s="98">
        <v>240</v>
      </c>
      <c r="AD21" s="98">
        <v>116</v>
      </c>
      <c r="AE21" s="98">
        <v>95</v>
      </c>
      <c r="AF21" s="98">
        <v>44</v>
      </c>
      <c r="AG21" s="98">
        <v>17</v>
      </c>
      <c r="AH21" s="99">
        <v>512</v>
      </c>
      <c r="AI21" s="101">
        <v>515</v>
      </c>
    </row>
    <row r="22" spans="2:35" ht="21" customHeight="1" x14ac:dyDescent="0.2">
      <c r="B22" s="18" t="s">
        <v>21</v>
      </c>
      <c r="C22" s="97">
        <v>0</v>
      </c>
      <c r="D22" s="98">
        <v>1</v>
      </c>
      <c r="E22" s="99">
        <v>1</v>
      </c>
      <c r="F22" s="100">
        <v>0</v>
      </c>
      <c r="G22" s="98">
        <v>212</v>
      </c>
      <c r="H22" s="98">
        <v>246</v>
      </c>
      <c r="I22" s="98">
        <v>114</v>
      </c>
      <c r="J22" s="98">
        <v>64</v>
      </c>
      <c r="K22" s="98">
        <v>35</v>
      </c>
      <c r="L22" s="99">
        <v>671</v>
      </c>
      <c r="M22" s="101">
        <v>672</v>
      </c>
      <c r="N22" s="102">
        <v>0</v>
      </c>
      <c r="O22" s="98">
        <v>0</v>
      </c>
      <c r="P22" s="99">
        <v>0</v>
      </c>
      <c r="Q22" s="100">
        <v>0</v>
      </c>
      <c r="R22" s="98">
        <v>0</v>
      </c>
      <c r="S22" s="98">
        <v>6</v>
      </c>
      <c r="T22" s="98">
        <v>3</v>
      </c>
      <c r="U22" s="98">
        <v>2</v>
      </c>
      <c r="V22" s="98">
        <v>3</v>
      </c>
      <c r="W22" s="99">
        <v>14</v>
      </c>
      <c r="X22" s="101">
        <v>14</v>
      </c>
      <c r="Y22" s="102">
        <v>0</v>
      </c>
      <c r="Z22" s="98">
        <v>1</v>
      </c>
      <c r="AA22" s="99">
        <v>1</v>
      </c>
      <c r="AB22" s="100">
        <v>0</v>
      </c>
      <c r="AC22" s="98">
        <v>212</v>
      </c>
      <c r="AD22" s="98">
        <v>252</v>
      </c>
      <c r="AE22" s="98">
        <v>117</v>
      </c>
      <c r="AF22" s="98">
        <v>66</v>
      </c>
      <c r="AG22" s="98">
        <v>38</v>
      </c>
      <c r="AH22" s="99">
        <v>685</v>
      </c>
      <c r="AI22" s="101">
        <v>686</v>
      </c>
    </row>
    <row r="23" spans="2:35" ht="21" customHeight="1" x14ac:dyDescent="0.2">
      <c r="B23" s="18" t="s">
        <v>22</v>
      </c>
      <c r="C23" s="97">
        <v>3</v>
      </c>
      <c r="D23" s="98">
        <v>5</v>
      </c>
      <c r="E23" s="99">
        <v>8</v>
      </c>
      <c r="F23" s="100">
        <v>0</v>
      </c>
      <c r="G23" s="98">
        <v>176</v>
      </c>
      <c r="H23" s="98">
        <v>142</v>
      </c>
      <c r="I23" s="98">
        <v>73</v>
      </c>
      <c r="J23" s="98">
        <v>56</v>
      </c>
      <c r="K23" s="98">
        <v>22</v>
      </c>
      <c r="L23" s="99">
        <v>469</v>
      </c>
      <c r="M23" s="101">
        <v>477</v>
      </c>
      <c r="N23" s="102">
        <v>0</v>
      </c>
      <c r="O23" s="98">
        <v>0</v>
      </c>
      <c r="P23" s="99">
        <v>0</v>
      </c>
      <c r="Q23" s="100">
        <v>0</v>
      </c>
      <c r="R23" s="98">
        <v>4</v>
      </c>
      <c r="S23" s="98">
        <v>0</v>
      </c>
      <c r="T23" s="98">
        <v>2</v>
      </c>
      <c r="U23" s="98">
        <v>1</v>
      </c>
      <c r="V23" s="98">
        <v>0</v>
      </c>
      <c r="W23" s="99">
        <v>7</v>
      </c>
      <c r="X23" s="101">
        <v>7</v>
      </c>
      <c r="Y23" s="102">
        <v>3</v>
      </c>
      <c r="Z23" s="98">
        <v>5</v>
      </c>
      <c r="AA23" s="99">
        <v>8</v>
      </c>
      <c r="AB23" s="100">
        <v>0</v>
      </c>
      <c r="AC23" s="98">
        <v>180</v>
      </c>
      <c r="AD23" s="98">
        <v>142</v>
      </c>
      <c r="AE23" s="98">
        <v>75</v>
      </c>
      <c r="AF23" s="98">
        <v>57</v>
      </c>
      <c r="AG23" s="98">
        <v>22</v>
      </c>
      <c r="AH23" s="99">
        <v>476</v>
      </c>
      <c r="AI23" s="101">
        <v>484</v>
      </c>
    </row>
    <row r="24" spans="2:35" ht="21" customHeight="1" x14ac:dyDescent="0.2">
      <c r="B24" s="18" t="s">
        <v>23</v>
      </c>
      <c r="C24" s="97">
        <v>0</v>
      </c>
      <c r="D24" s="98">
        <v>1</v>
      </c>
      <c r="E24" s="99">
        <v>1</v>
      </c>
      <c r="F24" s="100">
        <v>0</v>
      </c>
      <c r="G24" s="98">
        <v>85</v>
      </c>
      <c r="H24" s="98">
        <v>64</v>
      </c>
      <c r="I24" s="98">
        <v>42</v>
      </c>
      <c r="J24" s="98">
        <v>27</v>
      </c>
      <c r="K24" s="98">
        <v>12</v>
      </c>
      <c r="L24" s="99">
        <v>230</v>
      </c>
      <c r="M24" s="101">
        <v>231</v>
      </c>
      <c r="N24" s="102">
        <v>0</v>
      </c>
      <c r="O24" s="98">
        <v>0</v>
      </c>
      <c r="P24" s="99">
        <v>0</v>
      </c>
      <c r="Q24" s="100">
        <v>0</v>
      </c>
      <c r="R24" s="98">
        <v>0</v>
      </c>
      <c r="S24" s="98">
        <v>1</v>
      </c>
      <c r="T24" s="98">
        <v>0</v>
      </c>
      <c r="U24" s="98">
        <v>0</v>
      </c>
      <c r="V24" s="98">
        <v>0</v>
      </c>
      <c r="W24" s="99">
        <v>1</v>
      </c>
      <c r="X24" s="101">
        <v>1</v>
      </c>
      <c r="Y24" s="102">
        <v>0</v>
      </c>
      <c r="Z24" s="98">
        <v>1</v>
      </c>
      <c r="AA24" s="99">
        <v>1</v>
      </c>
      <c r="AB24" s="100">
        <v>0</v>
      </c>
      <c r="AC24" s="98">
        <v>85</v>
      </c>
      <c r="AD24" s="98">
        <v>65</v>
      </c>
      <c r="AE24" s="98">
        <v>42</v>
      </c>
      <c r="AF24" s="98">
        <v>27</v>
      </c>
      <c r="AG24" s="98">
        <v>12</v>
      </c>
      <c r="AH24" s="99">
        <v>231</v>
      </c>
      <c r="AI24" s="101">
        <v>232</v>
      </c>
    </row>
    <row r="25" spans="2:35" ht="21" customHeight="1" x14ac:dyDescent="0.2">
      <c r="B25" s="18" t="s">
        <v>24</v>
      </c>
      <c r="C25" s="97">
        <v>5</v>
      </c>
      <c r="D25" s="98">
        <v>4</v>
      </c>
      <c r="E25" s="99">
        <v>9</v>
      </c>
      <c r="F25" s="100">
        <v>0</v>
      </c>
      <c r="G25" s="98">
        <v>55</v>
      </c>
      <c r="H25" s="98">
        <v>33</v>
      </c>
      <c r="I25" s="98">
        <v>33</v>
      </c>
      <c r="J25" s="98">
        <v>17</v>
      </c>
      <c r="K25" s="98">
        <v>11</v>
      </c>
      <c r="L25" s="99">
        <v>149</v>
      </c>
      <c r="M25" s="101">
        <v>158</v>
      </c>
      <c r="N25" s="102">
        <v>0</v>
      </c>
      <c r="O25" s="98">
        <v>0</v>
      </c>
      <c r="P25" s="99">
        <v>0</v>
      </c>
      <c r="Q25" s="100">
        <v>0</v>
      </c>
      <c r="R25" s="98">
        <v>0</v>
      </c>
      <c r="S25" s="98">
        <v>1</v>
      </c>
      <c r="T25" s="98">
        <v>0</v>
      </c>
      <c r="U25" s="98">
        <v>0</v>
      </c>
      <c r="V25" s="98">
        <v>0</v>
      </c>
      <c r="W25" s="99">
        <v>1</v>
      </c>
      <c r="X25" s="101">
        <v>1</v>
      </c>
      <c r="Y25" s="102">
        <v>5</v>
      </c>
      <c r="Z25" s="98">
        <v>4</v>
      </c>
      <c r="AA25" s="99">
        <v>9</v>
      </c>
      <c r="AB25" s="100">
        <v>0</v>
      </c>
      <c r="AC25" s="98">
        <v>55</v>
      </c>
      <c r="AD25" s="98">
        <v>34</v>
      </c>
      <c r="AE25" s="98">
        <v>33</v>
      </c>
      <c r="AF25" s="98">
        <v>17</v>
      </c>
      <c r="AG25" s="98">
        <v>11</v>
      </c>
      <c r="AH25" s="99">
        <v>150</v>
      </c>
      <c r="AI25" s="101">
        <v>159</v>
      </c>
    </row>
    <row r="26" spans="2:35" ht="21" customHeight="1" x14ac:dyDescent="0.2">
      <c r="B26" s="18" t="s">
        <v>25</v>
      </c>
      <c r="C26" s="97">
        <v>0</v>
      </c>
      <c r="D26" s="98">
        <v>0</v>
      </c>
      <c r="E26" s="99">
        <v>0</v>
      </c>
      <c r="F26" s="100">
        <v>0</v>
      </c>
      <c r="G26" s="98">
        <v>97</v>
      </c>
      <c r="H26" s="98">
        <v>43</v>
      </c>
      <c r="I26" s="98">
        <v>24</v>
      </c>
      <c r="J26" s="98">
        <v>10</v>
      </c>
      <c r="K26" s="98">
        <v>3</v>
      </c>
      <c r="L26" s="99">
        <v>177</v>
      </c>
      <c r="M26" s="101">
        <v>177</v>
      </c>
      <c r="N26" s="102">
        <v>0</v>
      </c>
      <c r="O26" s="98">
        <v>0</v>
      </c>
      <c r="P26" s="99">
        <v>0</v>
      </c>
      <c r="Q26" s="100">
        <v>0</v>
      </c>
      <c r="R26" s="98">
        <v>1</v>
      </c>
      <c r="S26" s="98">
        <v>1</v>
      </c>
      <c r="T26" s="98">
        <v>1</v>
      </c>
      <c r="U26" s="98">
        <v>0</v>
      </c>
      <c r="V26" s="98">
        <v>0</v>
      </c>
      <c r="W26" s="99">
        <v>3</v>
      </c>
      <c r="X26" s="101">
        <v>3</v>
      </c>
      <c r="Y26" s="102">
        <v>0</v>
      </c>
      <c r="Z26" s="98">
        <v>0</v>
      </c>
      <c r="AA26" s="99">
        <v>0</v>
      </c>
      <c r="AB26" s="100">
        <v>0</v>
      </c>
      <c r="AC26" s="98">
        <v>98</v>
      </c>
      <c r="AD26" s="98">
        <v>44</v>
      </c>
      <c r="AE26" s="98">
        <v>25</v>
      </c>
      <c r="AF26" s="98">
        <v>10</v>
      </c>
      <c r="AG26" s="98">
        <v>3</v>
      </c>
      <c r="AH26" s="99">
        <v>180</v>
      </c>
      <c r="AI26" s="101">
        <v>180</v>
      </c>
    </row>
    <row r="27" spans="2:35" ht="21" customHeight="1" x14ac:dyDescent="0.2">
      <c r="B27" s="18" t="s">
        <v>26</v>
      </c>
      <c r="C27" s="97">
        <v>1</v>
      </c>
      <c r="D27" s="98">
        <v>0</v>
      </c>
      <c r="E27" s="99">
        <v>1</v>
      </c>
      <c r="F27" s="100">
        <v>0</v>
      </c>
      <c r="G27" s="98">
        <v>61</v>
      </c>
      <c r="H27" s="98">
        <v>68</v>
      </c>
      <c r="I27" s="98">
        <v>51</v>
      </c>
      <c r="J27" s="98">
        <v>27</v>
      </c>
      <c r="K27" s="98">
        <v>21</v>
      </c>
      <c r="L27" s="99">
        <v>228</v>
      </c>
      <c r="M27" s="101">
        <v>229</v>
      </c>
      <c r="N27" s="102">
        <v>0</v>
      </c>
      <c r="O27" s="98">
        <v>0</v>
      </c>
      <c r="P27" s="99">
        <v>0</v>
      </c>
      <c r="Q27" s="100">
        <v>0</v>
      </c>
      <c r="R27" s="98">
        <v>0</v>
      </c>
      <c r="S27" s="98">
        <v>0</v>
      </c>
      <c r="T27" s="98">
        <v>0</v>
      </c>
      <c r="U27" s="98">
        <v>0</v>
      </c>
      <c r="V27" s="98">
        <v>0</v>
      </c>
      <c r="W27" s="99">
        <v>0</v>
      </c>
      <c r="X27" s="101">
        <v>0</v>
      </c>
      <c r="Y27" s="102">
        <v>1</v>
      </c>
      <c r="Z27" s="98">
        <v>0</v>
      </c>
      <c r="AA27" s="99">
        <v>1</v>
      </c>
      <c r="AB27" s="100">
        <v>0</v>
      </c>
      <c r="AC27" s="98">
        <v>61</v>
      </c>
      <c r="AD27" s="98">
        <v>68</v>
      </c>
      <c r="AE27" s="98">
        <v>51</v>
      </c>
      <c r="AF27" s="98">
        <v>27</v>
      </c>
      <c r="AG27" s="98">
        <v>21</v>
      </c>
      <c r="AH27" s="99">
        <v>228</v>
      </c>
      <c r="AI27" s="101">
        <v>229</v>
      </c>
    </row>
    <row r="28" spans="2:35" ht="21" customHeight="1" x14ac:dyDescent="0.2">
      <c r="B28" s="18" t="s">
        <v>27</v>
      </c>
      <c r="C28" s="97">
        <v>0</v>
      </c>
      <c r="D28" s="98">
        <v>0</v>
      </c>
      <c r="E28" s="99">
        <v>0</v>
      </c>
      <c r="F28" s="100">
        <v>0</v>
      </c>
      <c r="G28" s="98">
        <v>55</v>
      </c>
      <c r="H28" s="98">
        <v>26</v>
      </c>
      <c r="I28" s="98">
        <v>32</v>
      </c>
      <c r="J28" s="98">
        <v>15</v>
      </c>
      <c r="K28" s="98">
        <v>8</v>
      </c>
      <c r="L28" s="99">
        <v>136</v>
      </c>
      <c r="M28" s="101">
        <v>136</v>
      </c>
      <c r="N28" s="102">
        <v>0</v>
      </c>
      <c r="O28" s="98">
        <v>0</v>
      </c>
      <c r="P28" s="99">
        <v>0</v>
      </c>
      <c r="Q28" s="100">
        <v>0</v>
      </c>
      <c r="R28" s="98">
        <v>1</v>
      </c>
      <c r="S28" s="98">
        <v>0</v>
      </c>
      <c r="T28" s="98">
        <v>1</v>
      </c>
      <c r="U28" s="98">
        <v>0</v>
      </c>
      <c r="V28" s="98">
        <v>0</v>
      </c>
      <c r="W28" s="99">
        <v>2</v>
      </c>
      <c r="X28" s="101">
        <v>2</v>
      </c>
      <c r="Y28" s="102">
        <v>0</v>
      </c>
      <c r="Z28" s="98">
        <v>0</v>
      </c>
      <c r="AA28" s="99">
        <v>0</v>
      </c>
      <c r="AB28" s="100">
        <v>0</v>
      </c>
      <c r="AC28" s="98">
        <v>56</v>
      </c>
      <c r="AD28" s="98">
        <v>26</v>
      </c>
      <c r="AE28" s="98">
        <v>33</v>
      </c>
      <c r="AF28" s="98">
        <v>15</v>
      </c>
      <c r="AG28" s="98">
        <v>8</v>
      </c>
      <c r="AH28" s="99">
        <v>138</v>
      </c>
      <c r="AI28" s="101">
        <v>138</v>
      </c>
    </row>
    <row r="29" spans="2:35" ht="21" customHeight="1" x14ac:dyDescent="0.2">
      <c r="B29" s="18" t="s">
        <v>28</v>
      </c>
      <c r="C29" s="97">
        <v>0</v>
      </c>
      <c r="D29" s="98">
        <v>0</v>
      </c>
      <c r="E29" s="99">
        <v>0</v>
      </c>
      <c r="F29" s="100">
        <v>0</v>
      </c>
      <c r="G29" s="98">
        <v>22</v>
      </c>
      <c r="H29" s="98">
        <v>20</v>
      </c>
      <c r="I29" s="98">
        <v>10</v>
      </c>
      <c r="J29" s="98">
        <v>4</v>
      </c>
      <c r="K29" s="98">
        <v>5</v>
      </c>
      <c r="L29" s="99">
        <v>61</v>
      </c>
      <c r="M29" s="101">
        <v>61</v>
      </c>
      <c r="N29" s="102">
        <v>0</v>
      </c>
      <c r="O29" s="98">
        <v>0</v>
      </c>
      <c r="P29" s="99">
        <v>0</v>
      </c>
      <c r="Q29" s="100">
        <v>0</v>
      </c>
      <c r="R29" s="98">
        <v>0</v>
      </c>
      <c r="S29" s="98">
        <v>0</v>
      </c>
      <c r="T29" s="98">
        <v>0</v>
      </c>
      <c r="U29" s="98">
        <v>0</v>
      </c>
      <c r="V29" s="98">
        <v>1</v>
      </c>
      <c r="W29" s="99">
        <v>1</v>
      </c>
      <c r="X29" s="101">
        <v>1</v>
      </c>
      <c r="Y29" s="102">
        <v>0</v>
      </c>
      <c r="Z29" s="98">
        <v>0</v>
      </c>
      <c r="AA29" s="99">
        <v>0</v>
      </c>
      <c r="AB29" s="100">
        <v>0</v>
      </c>
      <c r="AC29" s="98">
        <v>22</v>
      </c>
      <c r="AD29" s="98">
        <v>20</v>
      </c>
      <c r="AE29" s="98">
        <v>10</v>
      </c>
      <c r="AF29" s="98">
        <v>4</v>
      </c>
      <c r="AG29" s="98">
        <v>6</v>
      </c>
      <c r="AH29" s="99">
        <v>62</v>
      </c>
      <c r="AI29" s="101">
        <v>62</v>
      </c>
    </row>
    <row r="30" spans="2:35" ht="21" customHeight="1" x14ac:dyDescent="0.2">
      <c r="B30" s="18" t="s">
        <v>29</v>
      </c>
      <c r="C30" s="97">
        <v>1</v>
      </c>
      <c r="D30" s="98">
        <v>3</v>
      </c>
      <c r="E30" s="99">
        <v>4</v>
      </c>
      <c r="F30" s="100">
        <v>0</v>
      </c>
      <c r="G30" s="98">
        <v>28</v>
      </c>
      <c r="H30" s="98">
        <v>29</v>
      </c>
      <c r="I30" s="98">
        <v>20</v>
      </c>
      <c r="J30" s="98">
        <v>18</v>
      </c>
      <c r="K30" s="98">
        <v>9</v>
      </c>
      <c r="L30" s="99">
        <v>104</v>
      </c>
      <c r="M30" s="101">
        <v>108</v>
      </c>
      <c r="N30" s="102">
        <v>0</v>
      </c>
      <c r="O30" s="98">
        <v>0</v>
      </c>
      <c r="P30" s="99">
        <v>0</v>
      </c>
      <c r="Q30" s="100">
        <v>0</v>
      </c>
      <c r="R30" s="98">
        <v>0</v>
      </c>
      <c r="S30" s="98">
        <v>0</v>
      </c>
      <c r="T30" s="98">
        <v>0</v>
      </c>
      <c r="U30" s="98">
        <v>0</v>
      </c>
      <c r="V30" s="98">
        <v>0</v>
      </c>
      <c r="W30" s="99">
        <v>0</v>
      </c>
      <c r="X30" s="101">
        <v>0</v>
      </c>
      <c r="Y30" s="102">
        <v>1</v>
      </c>
      <c r="Z30" s="98">
        <v>3</v>
      </c>
      <c r="AA30" s="99">
        <v>4</v>
      </c>
      <c r="AB30" s="100">
        <v>0</v>
      </c>
      <c r="AC30" s="98">
        <v>28</v>
      </c>
      <c r="AD30" s="98">
        <v>29</v>
      </c>
      <c r="AE30" s="98">
        <v>20</v>
      </c>
      <c r="AF30" s="98">
        <v>18</v>
      </c>
      <c r="AG30" s="98">
        <v>9</v>
      </c>
      <c r="AH30" s="99">
        <v>104</v>
      </c>
      <c r="AI30" s="101">
        <v>108</v>
      </c>
    </row>
    <row r="31" spans="2:35" ht="21" customHeight="1" x14ac:dyDescent="0.2">
      <c r="B31" s="18" t="s">
        <v>30</v>
      </c>
      <c r="C31" s="97">
        <v>1</v>
      </c>
      <c r="D31" s="98">
        <v>0</v>
      </c>
      <c r="E31" s="99">
        <v>1</v>
      </c>
      <c r="F31" s="100">
        <v>0</v>
      </c>
      <c r="G31" s="98">
        <v>37</v>
      </c>
      <c r="H31" s="98">
        <v>18</v>
      </c>
      <c r="I31" s="98">
        <v>16</v>
      </c>
      <c r="J31" s="98">
        <v>9</v>
      </c>
      <c r="K31" s="98">
        <v>2</v>
      </c>
      <c r="L31" s="99">
        <v>82</v>
      </c>
      <c r="M31" s="101">
        <v>83</v>
      </c>
      <c r="N31" s="102">
        <v>0</v>
      </c>
      <c r="O31" s="98">
        <v>0</v>
      </c>
      <c r="P31" s="99">
        <v>0</v>
      </c>
      <c r="Q31" s="100">
        <v>0</v>
      </c>
      <c r="R31" s="98">
        <v>1</v>
      </c>
      <c r="S31" s="98">
        <v>0</v>
      </c>
      <c r="T31" s="98">
        <v>0</v>
      </c>
      <c r="U31" s="98">
        <v>0</v>
      </c>
      <c r="V31" s="98">
        <v>0</v>
      </c>
      <c r="W31" s="99">
        <v>1</v>
      </c>
      <c r="X31" s="101">
        <v>1</v>
      </c>
      <c r="Y31" s="102">
        <v>1</v>
      </c>
      <c r="Z31" s="98">
        <v>0</v>
      </c>
      <c r="AA31" s="99">
        <v>1</v>
      </c>
      <c r="AB31" s="100">
        <v>0</v>
      </c>
      <c r="AC31" s="98">
        <v>38</v>
      </c>
      <c r="AD31" s="98">
        <v>18</v>
      </c>
      <c r="AE31" s="98">
        <v>16</v>
      </c>
      <c r="AF31" s="98">
        <v>9</v>
      </c>
      <c r="AG31" s="98">
        <v>2</v>
      </c>
      <c r="AH31" s="99">
        <v>83</v>
      </c>
      <c r="AI31" s="101">
        <v>84</v>
      </c>
    </row>
    <row r="32" spans="2:35" ht="21" customHeight="1" x14ac:dyDescent="0.2">
      <c r="B32" s="18" t="s">
        <v>31</v>
      </c>
      <c r="C32" s="97">
        <v>0</v>
      </c>
      <c r="D32" s="98">
        <v>2</v>
      </c>
      <c r="E32" s="99">
        <v>2</v>
      </c>
      <c r="F32" s="100">
        <v>0</v>
      </c>
      <c r="G32" s="98">
        <v>52</v>
      </c>
      <c r="H32" s="98">
        <v>42</v>
      </c>
      <c r="I32" s="98">
        <v>26</v>
      </c>
      <c r="J32" s="98">
        <v>12</v>
      </c>
      <c r="K32" s="98">
        <v>6</v>
      </c>
      <c r="L32" s="99">
        <v>138</v>
      </c>
      <c r="M32" s="101">
        <v>140</v>
      </c>
      <c r="N32" s="102">
        <v>0</v>
      </c>
      <c r="O32" s="98">
        <v>0</v>
      </c>
      <c r="P32" s="99">
        <v>0</v>
      </c>
      <c r="Q32" s="100">
        <v>0</v>
      </c>
      <c r="R32" s="98">
        <v>0</v>
      </c>
      <c r="S32" s="98">
        <v>0</v>
      </c>
      <c r="T32" s="98">
        <v>0</v>
      </c>
      <c r="U32" s="98">
        <v>0</v>
      </c>
      <c r="V32" s="98">
        <v>0</v>
      </c>
      <c r="W32" s="99">
        <v>0</v>
      </c>
      <c r="X32" s="101">
        <v>0</v>
      </c>
      <c r="Y32" s="102">
        <v>0</v>
      </c>
      <c r="Z32" s="98">
        <v>2</v>
      </c>
      <c r="AA32" s="99">
        <v>2</v>
      </c>
      <c r="AB32" s="100">
        <v>0</v>
      </c>
      <c r="AC32" s="98">
        <v>52</v>
      </c>
      <c r="AD32" s="98">
        <v>42</v>
      </c>
      <c r="AE32" s="98">
        <v>26</v>
      </c>
      <c r="AF32" s="98">
        <v>12</v>
      </c>
      <c r="AG32" s="98">
        <v>6</v>
      </c>
      <c r="AH32" s="99">
        <v>138</v>
      </c>
      <c r="AI32" s="101">
        <v>140</v>
      </c>
    </row>
    <row r="33" spans="2:35" ht="21" customHeight="1" x14ac:dyDescent="0.2">
      <c r="B33" s="18" t="s">
        <v>32</v>
      </c>
      <c r="C33" s="97">
        <v>0</v>
      </c>
      <c r="D33" s="98">
        <v>3</v>
      </c>
      <c r="E33" s="99">
        <v>3</v>
      </c>
      <c r="F33" s="100">
        <v>0</v>
      </c>
      <c r="G33" s="98">
        <v>49</v>
      </c>
      <c r="H33" s="98">
        <v>36</v>
      </c>
      <c r="I33" s="98">
        <v>34</v>
      </c>
      <c r="J33" s="98">
        <v>25</v>
      </c>
      <c r="K33" s="98">
        <v>9</v>
      </c>
      <c r="L33" s="99">
        <v>153</v>
      </c>
      <c r="M33" s="101">
        <v>156</v>
      </c>
      <c r="N33" s="102">
        <v>0</v>
      </c>
      <c r="O33" s="98">
        <v>0</v>
      </c>
      <c r="P33" s="99">
        <v>0</v>
      </c>
      <c r="Q33" s="100">
        <v>0</v>
      </c>
      <c r="R33" s="98">
        <v>1</v>
      </c>
      <c r="S33" s="98">
        <v>2</v>
      </c>
      <c r="T33" s="98">
        <v>0</v>
      </c>
      <c r="U33" s="98">
        <v>1</v>
      </c>
      <c r="V33" s="98">
        <v>0</v>
      </c>
      <c r="W33" s="99">
        <v>4</v>
      </c>
      <c r="X33" s="101">
        <v>4</v>
      </c>
      <c r="Y33" s="102">
        <v>0</v>
      </c>
      <c r="Z33" s="98">
        <v>3</v>
      </c>
      <c r="AA33" s="99">
        <v>3</v>
      </c>
      <c r="AB33" s="100">
        <v>0</v>
      </c>
      <c r="AC33" s="98">
        <v>50</v>
      </c>
      <c r="AD33" s="98">
        <v>38</v>
      </c>
      <c r="AE33" s="98">
        <v>34</v>
      </c>
      <c r="AF33" s="98">
        <v>26</v>
      </c>
      <c r="AG33" s="98">
        <v>9</v>
      </c>
      <c r="AH33" s="99">
        <v>157</v>
      </c>
      <c r="AI33" s="101">
        <v>160</v>
      </c>
    </row>
    <row r="34" spans="2:35" ht="21" customHeight="1" x14ac:dyDescent="0.2">
      <c r="B34" s="18" t="s">
        <v>33</v>
      </c>
      <c r="C34" s="97">
        <v>0</v>
      </c>
      <c r="D34" s="98">
        <v>2</v>
      </c>
      <c r="E34" s="99">
        <v>2</v>
      </c>
      <c r="F34" s="100">
        <v>0</v>
      </c>
      <c r="G34" s="98">
        <v>37</v>
      </c>
      <c r="H34" s="98">
        <v>20</v>
      </c>
      <c r="I34" s="98">
        <v>23</v>
      </c>
      <c r="J34" s="98">
        <v>7</v>
      </c>
      <c r="K34" s="98">
        <v>7</v>
      </c>
      <c r="L34" s="99">
        <v>94</v>
      </c>
      <c r="M34" s="101">
        <v>96</v>
      </c>
      <c r="N34" s="102">
        <v>0</v>
      </c>
      <c r="O34" s="98">
        <v>0</v>
      </c>
      <c r="P34" s="99">
        <v>0</v>
      </c>
      <c r="Q34" s="100">
        <v>0</v>
      </c>
      <c r="R34" s="98">
        <v>0</v>
      </c>
      <c r="S34" s="98">
        <v>0</v>
      </c>
      <c r="T34" s="98">
        <v>0</v>
      </c>
      <c r="U34" s="98">
        <v>0</v>
      </c>
      <c r="V34" s="98">
        <v>0</v>
      </c>
      <c r="W34" s="99">
        <v>0</v>
      </c>
      <c r="X34" s="101">
        <v>0</v>
      </c>
      <c r="Y34" s="102">
        <v>0</v>
      </c>
      <c r="Z34" s="98">
        <v>2</v>
      </c>
      <c r="AA34" s="99">
        <v>2</v>
      </c>
      <c r="AB34" s="100">
        <v>0</v>
      </c>
      <c r="AC34" s="98">
        <v>37</v>
      </c>
      <c r="AD34" s="98">
        <v>20</v>
      </c>
      <c r="AE34" s="98">
        <v>23</v>
      </c>
      <c r="AF34" s="98">
        <v>7</v>
      </c>
      <c r="AG34" s="98">
        <v>7</v>
      </c>
      <c r="AH34" s="99">
        <v>94</v>
      </c>
      <c r="AI34" s="101">
        <v>96</v>
      </c>
    </row>
    <row r="35" spans="2:35" ht="21" customHeight="1" x14ac:dyDescent="0.2">
      <c r="B35" s="18" t="s">
        <v>34</v>
      </c>
      <c r="C35" s="97">
        <v>1</v>
      </c>
      <c r="D35" s="98">
        <v>2</v>
      </c>
      <c r="E35" s="99">
        <v>3</v>
      </c>
      <c r="F35" s="100">
        <v>0</v>
      </c>
      <c r="G35" s="98">
        <v>29</v>
      </c>
      <c r="H35" s="98">
        <v>27</v>
      </c>
      <c r="I35" s="98">
        <v>15</v>
      </c>
      <c r="J35" s="98">
        <v>8</v>
      </c>
      <c r="K35" s="98">
        <v>5</v>
      </c>
      <c r="L35" s="99">
        <v>84</v>
      </c>
      <c r="M35" s="101">
        <v>87</v>
      </c>
      <c r="N35" s="102">
        <v>0</v>
      </c>
      <c r="O35" s="98">
        <v>0</v>
      </c>
      <c r="P35" s="99">
        <v>0</v>
      </c>
      <c r="Q35" s="100">
        <v>0</v>
      </c>
      <c r="R35" s="98">
        <v>0</v>
      </c>
      <c r="S35" s="98">
        <v>0</v>
      </c>
      <c r="T35" s="98">
        <v>1</v>
      </c>
      <c r="U35" s="98">
        <v>1</v>
      </c>
      <c r="V35" s="98">
        <v>0</v>
      </c>
      <c r="W35" s="99">
        <v>2</v>
      </c>
      <c r="X35" s="101">
        <v>2</v>
      </c>
      <c r="Y35" s="102">
        <v>1</v>
      </c>
      <c r="Z35" s="98">
        <v>2</v>
      </c>
      <c r="AA35" s="99">
        <v>3</v>
      </c>
      <c r="AB35" s="100">
        <v>0</v>
      </c>
      <c r="AC35" s="98">
        <v>29</v>
      </c>
      <c r="AD35" s="98">
        <v>27</v>
      </c>
      <c r="AE35" s="98">
        <v>16</v>
      </c>
      <c r="AF35" s="98">
        <v>9</v>
      </c>
      <c r="AG35" s="98">
        <v>5</v>
      </c>
      <c r="AH35" s="99">
        <v>86</v>
      </c>
      <c r="AI35" s="101">
        <v>89</v>
      </c>
    </row>
    <row r="36" spans="2:35" ht="21" customHeight="1" x14ac:dyDescent="0.2">
      <c r="B36" s="18" t="s">
        <v>35</v>
      </c>
      <c r="C36" s="97">
        <v>2</v>
      </c>
      <c r="D36" s="98">
        <v>3</v>
      </c>
      <c r="E36" s="99">
        <v>5</v>
      </c>
      <c r="F36" s="100">
        <v>0</v>
      </c>
      <c r="G36" s="98">
        <v>39</v>
      </c>
      <c r="H36" s="98">
        <v>41</v>
      </c>
      <c r="I36" s="98">
        <v>33</v>
      </c>
      <c r="J36" s="98">
        <v>26</v>
      </c>
      <c r="K36" s="98">
        <v>9</v>
      </c>
      <c r="L36" s="99">
        <v>148</v>
      </c>
      <c r="M36" s="101">
        <v>153</v>
      </c>
      <c r="N36" s="102">
        <v>0</v>
      </c>
      <c r="O36" s="98">
        <v>0</v>
      </c>
      <c r="P36" s="99">
        <v>0</v>
      </c>
      <c r="Q36" s="100">
        <v>0</v>
      </c>
      <c r="R36" s="98">
        <v>0</v>
      </c>
      <c r="S36" s="98">
        <v>0</v>
      </c>
      <c r="T36" s="98">
        <v>0</v>
      </c>
      <c r="U36" s="98">
        <v>0</v>
      </c>
      <c r="V36" s="98">
        <v>0</v>
      </c>
      <c r="W36" s="99">
        <v>0</v>
      </c>
      <c r="X36" s="101">
        <v>0</v>
      </c>
      <c r="Y36" s="102">
        <v>2</v>
      </c>
      <c r="Z36" s="98">
        <v>3</v>
      </c>
      <c r="AA36" s="99">
        <v>5</v>
      </c>
      <c r="AB36" s="100">
        <v>0</v>
      </c>
      <c r="AC36" s="98">
        <v>39</v>
      </c>
      <c r="AD36" s="98">
        <v>41</v>
      </c>
      <c r="AE36" s="98">
        <v>33</v>
      </c>
      <c r="AF36" s="98">
        <v>26</v>
      </c>
      <c r="AG36" s="98">
        <v>9</v>
      </c>
      <c r="AH36" s="99">
        <v>148</v>
      </c>
      <c r="AI36" s="101">
        <v>153</v>
      </c>
    </row>
    <row r="37" spans="2:35" ht="21" customHeight="1" x14ac:dyDescent="0.2">
      <c r="B37" s="18" t="s">
        <v>36</v>
      </c>
      <c r="C37" s="97">
        <v>1</v>
      </c>
      <c r="D37" s="98">
        <v>1</v>
      </c>
      <c r="E37" s="99">
        <v>2</v>
      </c>
      <c r="F37" s="100">
        <v>0</v>
      </c>
      <c r="G37" s="98">
        <v>74</v>
      </c>
      <c r="H37" s="98">
        <v>55</v>
      </c>
      <c r="I37" s="98">
        <v>53</v>
      </c>
      <c r="J37" s="98">
        <v>21</v>
      </c>
      <c r="K37" s="98">
        <v>11</v>
      </c>
      <c r="L37" s="99">
        <v>214</v>
      </c>
      <c r="M37" s="101">
        <v>216</v>
      </c>
      <c r="N37" s="102">
        <v>0</v>
      </c>
      <c r="O37" s="98">
        <v>0</v>
      </c>
      <c r="P37" s="99">
        <v>0</v>
      </c>
      <c r="Q37" s="100">
        <v>0</v>
      </c>
      <c r="R37" s="98">
        <v>0</v>
      </c>
      <c r="S37" s="98">
        <v>2</v>
      </c>
      <c r="T37" s="98">
        <v>1</v>
      </c>
      <c r="U37" s="98">
        <v>0</v>
      </c>
      <c r="V37" s="98">
        <v>0</v>
      </c>
      <c r="W37" s="99">
        <v>3</v>
      </c>
      <c r="X37" s="101">
        <v>3</v>
      </c>
      <c r="Y37" s="102">
        <v>1</v>
      </c>
      <c r="Z37" s="98">
        <v>1</v>
      </c>
      <c r="AA37" s="99">
        <v>2</v>
      </c>
      <c r="AB37" s="100">
        <v>0</v>
      </c>
      <c r="AC37" s="98">
        <v>74</v>
      </c>
      <c r="AD37" s="98">
        <v>57</v>
      </c>
      <c r="AE37" s="98">
        <v>54</v>
      </c>
      <c r="AF37" s="98">
        <v>21</v>
      </c>
      <c r="AG37" s="98">
        <v>11</v>
      </c>
      <c r="AH37" s="99">
        <v>217</v>
      </c>
      <c r="AI37" s="101">
        <v>219</v>
      </c>
    </row>
    <row r="38" spans="2:35" ht="21" customHeight="1" thickBot="1" x14ac:dyDescent="0.25">
      <c r="B38" s="19" t="s">
        <v>37</v>
      </c>
      <c r="C38" s="103">
        <v>0</v>
      </c>
      <c r="D38" s="104">
        <v>0</v>
      </c>
      <c r="E38" s="105">
        <v>0</v>
      </c>
      <c r="F38" s="106">
        <v>0</v>
      </c>
      <c r="G38" s="104">
        <v>16</v>
      </c>
      <c r="H38" s="104">
        <v>7</v>
      </c>
      <c r="I38" s="104">
        <v>10</v>
      </c>
      <c r="J38" s="104">
        <v>0</v>
      </c>
      <c r="K38" s="104">
        <v>3</v>
      </c>
      <c r="L38" s="105">
        <v>36</v>
      </c>
      <c r="M38" s="107">
        <v>36</v>
      </c>
      <c r="N38" s="108">
        <v>0</v>
      </c>
      <c r="O38" s="104">
        <v>0</v>
      </c>
      <c r="P38" s="105">
        <v>0</v>
      </c>
      <c r="Q38" s="106">
        <v>0</v>
      </c>
      <c r="R38" s="104">
        <v>0</v>
      </c>
      <c r="S38" s="104">
        <v>0</v>
      </c>
      <c r="T38" s="104">
        <v>0</v>
      </c>
      <c r="U38" s="104">
        <v>0</v>
      </c>
      <c r="V38" s="104">
        <v>0</v>
      </c>
      <c r="W38" s="105">
        <v>0</v>
      </c>
      <c r="X38" s="107">
        <v>0</v>
      </c>
      <c r="Y38" s="108">
        <v>0</v>
      </c>
      <c r="Z38" s="104">
        <v>0</v>
      </c>
      <c r="AA38" s="105">
        <v>0</v>
      </c>
      <c r="AB38" s="106">
        <v>0</v>
      </c>
      <c r="AC38" s="104">
        <v>16</v>
      </c>
      <c r="AD38" s="104">
        <v>7</v>
      </c>
      <c r="AE38" s="104">
        <v>10</v>
      </c>
      <c r="AF38" s="104">
        <v>0</v>
      </c>
      <c r="AG38" s="104">
        <v>3</v>
      </c>
      <c r="AH38" s="105">
        <v>36</v>
      </c>
      <c r="AI38" s="107">
        <v>36</v>
      </c>
    </row>
    <row r="39" spans="2:35" x14ac:dyDescent="0.2">
      <c r="AA39" s="3"/>
      <c r="AB39" s="3"/>
      <c r="AC39" s="3"/>
      <c r="AD39" s="3"/>
      <c r="AE39" s="3"/>
      <c r="AF39" s="3"/>
      <c r="AG39" s="3"/>
      <c r="AH39" s="3"/>
      <c r="AI39" s="3"/>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33203125" style="256" customWidth="1"/>
    <col min="6" max="6" width="7.6640625" style="256" customWidth="1"/>
    <col min="7" max="7" width="8.44140625" style="256" customWidth="1"/>
    <col min="8" max="8" width="8.77734375" style="256" customWidth="1"/>
    <col min="9" max="16" width="9" style="256"/>
    <col min="17" max="17" width="7.21875" style="256" customWidth="1"/>
    <col min="18" max="27" width="9" style="256"/>
    <col min="28" max="28" width="7.6640625" style="256" customWidth="1"/>
    <col min="29" max="38" width="9" style="256"/>
    <col min="39" max="39" width="7.6640625" style="256" customWidth="1"/>
    <col min="40" max="49" width="9" style="256"/>
    <col min="50" max="50" width="7.6640625" style="256" customWidth="1"/>
    <col min="51" max="60" width="9" style="256"/>
    <col min="61" max="61" width="7.21875" style="256" customWidth="1"/>
    <col min="62" max="71" width="9" style="256"/>
    <col min="72" max="72" width="7.21875" style="256" customWidth="1"/>
    <col min="73" max="82" width="9" style="256"/>
    <col min="83" max="83" width="7.33203125" style="256" customWidth="1"/>
    <col min="84" max="93" width="9" style="256"/>
    <col min="94" max="94" width="7.44140625" style="256" customWidth="1"/>
    <col min="95" max="16384" width="9" style="256"/>
  </cols>
  <sheetData>
    <row r="1" spans="1:101" ht="24" customHeight="1" x14ac:dyDescent="0.2">
      <c r="B1" s="291" t="s">
        <v>124</v>
      </c>
      <c r="I1" s="528">
        <f>第１表!F2</f>
        <v>4</v>
      </c>
      <c r="J1" s="528"/>
      <c r="K1" s="248">
        <f>第１表!G2</f>
        <v>9</v>
      </c>
      <c r="L1" s="529">
        <f>IF(K1&lt;3,K1+12-2,K1-2)</f>
        <v>7</v>
      </c>
      <c r="M1" s="529"/>
    </row>
    <row r="2" spans="1:101" s="292" customFormat="1" ht="24" customHeight="1" thickBot="1" x14ac:dyDescent="0.25">
      <c r="A2" s="44"/>
      <c r="B2" s="291" t="s">
        <v>133</v>
      </c>
    </row>
    <row r="3" spans="1:101" ht="23.25" customHeight="1" thickBot="1" x14ac:dyDescent="0.25">
      <c r="B3" s="537"/>
      <c r="C3" s="540" t="s">
        <v>114</v>
      </c>
      <c r="D3" s="541"/>
      <c r="E3" s="541"/>
      <c r="F3" s="541"/>
      <c r="G3" s="541"/>
      <c r="H3" s="541"/>
      <c r="I3" s="541"/>
      <c r="J3" s="541"/>
      <c r="K3" s="541"/>
      <c r="L3" s="541"/>
      <c r="M3" s="542"/>
      <c r="N3" s="540" t="s">
        <v>115</v>
      </c>
      <c r="O3" s="541"/>
      <c r="P3" s="541"/>
      <c r="Q3" s="541"/>
      <c r="R3" s="541"/>
      <c r="S3" s="541"/>
      <c r="T3" s="541"/>
      <c r="U3" s="541"/>
      <c r="V3" s="541"/>
      <c r="W3" s="541"/>
      <c r="X3" s="542"/>
      <c r="Y3" s="540" t="s">
        <v>142</v>
      </c>
      <c r="Z3" s="541"/>
      <c r="AA3" s="541"/>
      <c r="AB3" s="541"/>
      <c r="AC3" s="541"/>
      <c r="AD3" s="541"/>
      <c r="AE3" s="541"/>
      <c r="AF3" s="541"/>
      <c r="AG3" s="541"/>
      <c r="AH3" s="541"/>
      <c r="AI3" s="542"/>
      <c r="AJ3" s="540" t="s">
        <v>90</v>
      </c>
      <c r="AK3" s="541"/>
      <c r="AL3" s="541"/>
      <c r="AM3" s="541"/>
      <c r="AN3" s="541"/>
      <c r="AO3" s="541"/>
      <c r="AP3" s="541"/>
      <c r="AQ3" s="541"/>
      <c r="AR3" s="541"/>
      <c r="AS3" s="541"/>
      <c r="AT3" s="542"/>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1</v>
      </c>
      <c r="CN3" s="547"/>
      <c r="CO3" s="547"/>
      <c r="CP3" s="547"/>
      <c r="CQ3" s="547"/>
      <c r="CR3" s="547"/>
      <c r="CS3" s="547"/>
      <c r="CT3" s="547"/>
      <c r="CU3" s="547"/>
      <c r="CV3" s="547"/>
      <c r="CW3" s="548"/>
    </row>
    <row r="4" spans="1:101" ht="22.5"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62" t="s">
        <v>61</v>
      </c>
      <c r="AV4" s="560"/>
      <c r="AW4" s="561"/>
      <c r="AX4" s="559" t="s">
        <v>62</v>
      </c>
      <c r="AY4" s="560"/>
      <c r="AZ4" s="560"/>
      <c r="BA4" s="560"/>
      <c r="BB4" s="560"/>
      <c r="BC4" s="560"/>
      <c r="BD4" s="561"/>
      <c r="BE4" s="563" t="s">
        <v>52</v>
      </c>
      <c r="BF4" s="562" t="s">
        <v>61</v>
      </c>
      <c r="BG4" s="560"/>
      <c r="BH4" s="561"/>
      <c r="BI4" s="559" t="s">
        <v>62</v>
      </c>
      <c r="BJ4" s="560"/>
      <c r="BK4" s="560"/>
      <c r="BL4" s="560"/>
      <c r="BM4" s="560"/>
      <c r="BN4" s="560"/>
      <c r="BO4" s="561"/>
      <c r="BP4" s="563" t="s">
        <v>52</v>
      </c>
      <c r="BQ4" s="562" t="s">
        <v>61</v>
      </c>
      <c r="BR4" s="560"/>
      <c r="BS4" s="561"/>
      <c r="BT4" s="559" t="s">
        <v>62</v>
      </c>
      <c r="BU4" s="560"/>
      <c r="BV4" s="560"/>
      <c r="BW4" s="560"/>
      <c r="BX4" s="560"/>
      <c r="BY4" s="560"/>
      <c r="BZ4" s="561"/>
      <c r="CA4" s="563" t="s">
        <v>52</v>
      </c>
      <c r="CB4" s="562" t="s">
        <v>61</v>
      </c>
      <c r="CC4" s="560"/>
      <c r="CD4" s="561"/>
      <c r="CE4" s="559" t="s">
        <v>62</v>
      </c>
      <c r="CF4" s="560"/>
      <c r="CG4" s="560"/>
      <c r="CH4" s="560"/>
      <c r="CI4" s="560"/>
      <c r="CJ4" s="560"/>
      <c r="CK4" s="561"/>
      <c r="CL4" s="563" t="s">
        <v>52</v>
      </c>
      <c r="CM4" s="562" t="s">
        <v>61</v>
      </c>
      <c r="CN4" s="560"/>
      <c r="CO4" s="561"/>
      <c r="CP4" s="559" t="s">
        <v>62</v>
      </c>
      <c r="CQ4" s="560"/>
      <c r="CR4" s="560"/>
      <c r="CS4" s="560"/>
      <c r="CT4" s="560"/>
      <c r="CU4" s="560"/>
      <c r="CV4" s="561"/>
      <c r="CW4" s="563" t="s">
        <v>52</v>
      </c>
    </row>
    <row r="5" spans="1:101" ht="34.5" customHeight="1" thickBot="1" x14ac:dyDescent="0.25">
      <c r="B5" s="539"/>
      <c r="C5" s="264" t="s">
        <v>43</v>
      </c>
      <c r="D5" s="266" t="s">
        <v>44</v>
      </c>
      <c r="E5" s="267" t="s">
        <v>45</v>
      </c>
      <c r="F5" s="268" t="s">
        <v>83</v>
      </c>
      <c r="G5" s="260" t="s">
        <v>47</v>
      </c>
      <c r="H5" s="260" t="s">
        <v>48</v>
      </c>
      <c r="I5" s="260" t="s">
        <v>49</v>
      </c>
      <c r="J5" s="260" t="s">
        <v>50</v>
      </c>
      <c r="K5" s="260" t="s">
        <v>51</v>
      </c>
      <c r="L5" s="269" t="s">
        <v>45</v>
      </c>
      <c r="M5" s="531"/>
      <c r="N5" s="264" t="s">
        <v>43</v>
      </c>
      <c r="O5" s="260" t="s">
        <v>44</v>
      </c>
      <c r="P5" s="266" t="s">
        <v>45</v>
      </c>
      <c r="Q5" s="268" t="s">
        <v>83</v>
      </c>
      <c r="R5" s="260" t="s">
        <v>47</v>
      </c>
      <c r="S5" s="260" t="s">
        <v>48</v>
      </c>
      <c r="T5" s="260" t="s">
        <v>49</v>
      </c>
      <c r="U5" s="260" t="s">
        <v>50</v>
      </c>
      <c r="V5" s="260" t="s">
        <v>51</v>
      </c>
      <c r="W5" s="266" t="s">
        <v>45</v>
      </c>
      <c r="X5" s="531"/>
      <c r="Y5" s="264" t="s">
        <v>43</v>
      </c>
      <c r="Z5" s="260" t="s">
        <v>44</v>
      </c>
      <c r="AA5" s="266" t="s">
        <v>45</v>
      </c>
      <c r="AB5" s="268" t="s">
        <v>83</v>
      </c>
      <c r="AC5" s="260" t="s">
        <v>47</v>
      </c>
      <c r="AD5" s="260" t="s">
        <v>48</v>
      </c>
      <c r="AE5" s="260" t="s">
        <v>49</v>
      </c>
      <c r="AF5" s="260" t="s">
        <v>50</v>
      </c>
      <c r="AG5" s="260" t="s">
        <v>51</v>
      </c>
      <c r="AH5" s="266" t="s">
        <v>45</v>
      </c>
      <c r="AI5" s="531"/>
      <c r="AJ5" s="341" t="s">
        <v>43</v>
      </c>
      <c r="AK5" s="260" t="s">
        <v>44</v>
      </c>
      <c r="AL5" s="266" t="s">
        <v>45</v>
      </c>
      <c r="AM5" s="268" t="s">
        <v>83</v>
      </c>
      <c r="AN5" s="260" t="s">
        <v>47</v>
      </c>
      <c r="AO5" s="260" t="s">
        <v>48</v>
      </c>
      <c r="AP5" s="260" t="s">
        <v>49</v>
      </c>
      <c r="AQ5" s="260" t="s">
        <v>50</v>
      </c>
      <c r="AR5" s="260" t="s">
        <v>51</v>
      </c>
      <c r="AS5" s="266" t="s">
        <v>45</v>
      </c>
      <c r="AT5" s="531"/>
      <c r="AU5" s="341" t="s">
        <v>43</v>
      </c>
      <c r="AV5" s="260" t="s">
        <v>44</v>
      </c>
      <c r="AW5" s="266" t="s">
        <v>45</v>
      </c>
      <c r="AX5" s="268" t="s">
        <v>83</v>
      </c>
      <c r="AY5" s="260" t="s">
        <v>47</v>
      </c>
      <c r="AZ5" s="260" t="s">
        <v>48</v>
      </c>
      <c r="BA5" s="260" t="s">
        <v>49</v>
      </c>
      <c r="BB5" s="260" t="s">
        <v>50</v>
      </c>
      <c r="BC5" s="260" t="s">
        <v>51</v>
      </c>
      <c r="BD5" s="266" t="s">
        <v>45</v>
      </c>
      <c r="BE5" s="564"/>
      <c r="BF5" s="341" t="s">
        <v>43</v>
      </c>
      <c r="BG5" s="260" t="s">
        <v>44</v>
      </c>
      <c r="BH5" s="266" t="s">
        <v>45</v>
      </c>
      <c r="BI5" s="268" t="s">
        <v>83</v>
      </c>
      <c r="BJ5" s="260" t="s">
        <v>47</v>
      </c>
      <c r="BK5" s="260" t="s">
        <v>48</v>
      </c>
      <c r="BL5" s="260" t="s">
        <v>49</v>
      </c>
      <c r="BM5" s="260" t="s">
        <v>50</v>
      </c>
      <c r="BN5" s="260" t="s">
        <v>51</v>
      </c>
      <c r="BO5" s="266" t="s">
        <v>45</v>
      </c>
      <c r="BP5" s="564"/>
      <c r="BQ5" s="341" t="s">
        <v>43</v>
      </c>
      <c r="BR5" s="260" t="s">
        <v>44</v>
      </c>
      <c r="BS5" s="266" t="s">
        <v>45</v>
      </c>
      <c r="BT5" s="268" t="s">
        <v>83</v>
      </c>
      <c r="BU5" s="260" t="s">
        <v>47</v>
      </c>
      <c r="BV5" s="260" t="s">
        <v>48</v>
      </c>
      <c r="BW5" s="260" t="s">
        <v>49</v>
      </c>
      <c r="BX5" s="260" t="s">
        <v>50</v>
      </c>
      <c r="BY5" s="260" t="s">
        <v>51</v>
      </c>
      <c r="BZ5" s="266" t="s">
        <v>45</v>
      </c>
      <c r="CA5" s="564"/>
      <c r="CB5" s="341" t="s">
        <v>43</v>
      </c>
      <c r="CC5" s="260" t="s">
        <v>44</v>
      </c>
      <c r="CD5" s="266" t="s">
        <v>45</v>
      </c>
      <c r="CE5" s="268" t="s">
        <v>83</v>
      </c>
      <c r="CF5" s="260" t="s">
        <v>47</v>
      </c>
      <c r="CG5" s="260" t="s">
        <v>48</v>
      </c>
      <c r="CH5" s="260" t="s">
        <v>49</v>
      </c>
      <c r="CI5" s="260" t="s">
        <v>50</v>
      </c>
      <c r="CJ5" s="260" t="s">
        <v>51</v>
      </c>
      <c r="CK5" s="266" t="s">
        <v>45</v>
      </c>
      <c r="CL5" s="564"/>
      <c r="CM5" s="341" t="s">
        <v>43</v>
      </c>
      <c r="CN5" s="260" t="s">
        <v>44</v>
      </c>
      <c r="CO5" s="266" t="s">
        <v>45</v>
      </c>
      <c r="CP5" s="268" t="s">
        <v>83</v>
      </c>
      <c r="CQ5" s="260" t="s">
        <v>47</v>
      </c>
      <c r="CR5" s="260" t="s">
        <v>48</v>
      </c>
      <c r="CS5" s="260" t="s">
        <v>49</v>
      </c>
      <c r="CT5" s="260" t="s">
        <v>50</v>
      </c>
      <c r="CU5" s="260" t="s">
        <v>51</v>
      </c>
      <c r="CV5" s="266" t="s">
        <v>45</v>
      </c>
      <c r="CW5" s="564"/>
    </row>
    <row r="6" spans="1:101" ht="21" customHeight="1" x14ac:dyDescent="0.2">
      <c r="B6" s="261" t="s">
        <v>4</v>
      </c>
      <c r="C6" s="270">
        <v>0</v>
      </c>
      <c r="D6" s="271">
        <v>0</v>
      </c>
      <c r="E6" s="272">
        <v>0</v>
      </c>
      <c r="F6" s="273">
        <v>0</v>
      </c>
      <c r="G6" s="274">
        <v>325</v>
      </c>
      <c r="H6" s="274">
        <v>373</v>
      </c>
      <c r="I6" s="274">
        <v>321</v>
      </c>
      <c r="J6" s="274">
        <v>386</v>
      </c>
      <c r="K6" s="274">
        <v>333</v>
      </c>
      <c r="L6" s="275">
        <v>1738</v>
      </c>
      <c r="M6" s="276">
        <v>1738</v>
      </c>
      <c r="N6" s="270">
        <v>0</v>
      </c>
      <c r="O6" s="274">
        <v>0</v>
      </c>
      <c r="P6" s="271">
        <v>0</v>
      </c>
      <c r="Q6" s="273">
        <v>0</v>
      </c>
      <c r="R6" s="274">
        <v>191</v>
      </c>
      <c r="S6" s="274">
        <v>545</v>
      </c>
      <c r="T6" s="274">
        <v>480</v>
      </c>
      <c r="U6" s="274">
        <v>470</v>
      </c>
      <c r="V6" s="274">
        <v>400</v>
      </c>
      <c r="W6" s="271">
        <v>2086</v>
      </c>
      <c r="X6" s="276">
        <v>2086</v>
      </c>
      <c r="Y6" s="270">
        <v>0</v>
      </c>
      <c r="Z6" s="274">
        <v>0</v>
      </c>
      <c r="AA6" s="271">
        <v>0</v>
      </c>
      <c r="AB6" s="273">
        <v>0</v>
      </c>
      <c r="AC6" s="274">
        <v>13293</v>
      </c>
      <c r="AD6" s="274">
        <v>11950</v>
      </c>
      <c r="AE6" s="274">
        <v>5813</v>
      </c>
      <c r="AF6" s="274">
        <v>2982</v>
      </c>
      <c r="AG6" s="274">
        <v>1380</v>
      </c>
      <c r="AH6" s="271">
        <v>35418</v>
      </c>
      <c r="AI6" s="276">
        <v>35418</v>
      </c>
      <c r="AJ6" s="270">
        <v>10</v>
      </c>
      <c r="AK6" s="274">
        <v>7</v>
      </c>
      <c r="AL6" s="271">
        <v>17</v>
      </c>
      <c r="AM6" s="273">
        <v>0</v>
      </c>
      <c r="AN6" s="274">
        <v>853</v>
      </c>
      <c r="AO6" s="274">
        <v>948</v>
      </c>
      <c r="AP6" s="274">
        <v>1087</v>
      </c>
      <c r="AQ6" s="274">
        <v>567</v>
      </c>
      <c r="AR6" s="274">
        <v>468</v>
      </c>
      <c r="AS6" s="271">
        <v>3923</v>
      </c>
      <c r="AT6" s="276">
        <v>3940</v>
      </c>
      <c r="AU6" s="270">
        <v>177</v>
      </c>
      <c r="AV6" s="274">
        <v>272</v>
      </c>
      <c r="AW6" s="271">
        <v>449</v>
      </c>
      <c r="AX6" s="273">
        <v>0</v>
      </c>
      <c r="AY6" s="274">
        <v>1422</v>
      </c>
      <c r="AZ6" s="274">
        <v>1587</v>
      </c>
      <c r="BA6" s="274">
        <v>1327</v>
      </c>
      <c r="BB6" s="274">
        <v>979</v>
      </c>
      <c r="BC6" s="274">
        <v>497</v>
      </c>
      <c r="BD6" s="271">
        <v>5812</v>
      </c>
      <c r="BE6" s="276">
        <v>6261</v>
      </c>
      <c r="BF6" s="270">
        <v>0</v>
      </c>
      <c r="BG6" s="274">
        <v>40</v>
      </c>
      <c r="BH6" s="271">
        <v>40</v>
      </c>
      <c r="BI6" s="273">
        <v>0</v>
      </c>
      <c r="BJ6" s="274">
        <v>2692</v>
      </c>
      <c r="BK6" s="274">
        <v>3248</v>
      </c>
      <c r="BL6" s="274">
        <v>3436</v>
      </c>
      <c r="BM6" s="274">
        <v>2289</v>
      </c>
      <c r="BN6" s="274">
        <v>1575</v>
      </c>
      <c r="BO6" s="275">
        <v>13240</v>
      </c>
      <c r="BP6" s="276">
        <v>13280</v>
      </c>
      <c r="BQ6" s="270">
        <v>0</v>
      </c>
      <c r="BR6" s="274">
        <v>0</v>
      </c>
      <c r="BS6" s="271">
        <v>0</v>
      </c>
      <c r="BT6" s="273">
        <v>0</v>
      </c>
      <c r="BU6" s="274">
        <v>35</v>
      </c>
      <c r="BV6" s="274">
        <v>55</v>
      </c>
      <c r="BW6" s="274">
        <v>60</v>
      </c>
      <c r="BX6" s="274">
        <v>69</v>
      </c>
      <c r="BY6" s="274">
        <v>57</v>
      </c>
      <c r="BZ6" s="271">
        <v>276</v>
      </c>
      <c r="CA6" s="276">
        <v>276</v>
      </c>
      <c r="CB6" s="270">
        <v>0</v>
      </c>
      <c r="CC6" s="274">
        <v>0</v>
      </c>
      <c r="CD6" s="271">
        <v>0</v>
      </c>
      <c r="CE6" s="273">
        <v>0</v>
      </c>
      <c r="CF6" s="274">
        <v>14</v>
      </c>
      <c r="CG6" s="274">
        <v>31</v>
      </c>
      <c r="CH6" s="274">
        <v>249</v>
      </c>
      <c r="CI6" s="274">
        <v>331</v>
      </c>
      <c r="CJ6" s="274">
        <v>211</v>
      </c>
      <c r="CK6" s="271">
        <v>836</v>
      </c>
      <c r="CL6" s="276">
        <v>836</v>
      </c>
      <c r="CM6" s="270">
        <v>0</v>
      </c>
      <c r="CN6" s="274">
        <v>0</v>
      </c>
      <c r="CO6" s="271">
        <v>0</v>
      </c>
      <c r="CP6" s="273">
        <v>0</v>
      </c>
      <c r="CQ6" s="274">
        <v>194</v>
      </c>
      <c r="CR6" s="274">
        <v>268</v>
      </c>
      <c r="CS6" s="274">
        <v>282</v>
      </c>
      <c r="CT6" s="274">
        <v>341</v>
      </c>
      <c r="CU6" s="274">
        <v>420</v>
      </c>
      <c r="CV6" s="271">
        <v>1505</v>
      </c>
      <c r="CW6" s="276">
        <v>1505</v>
      </c>
    </row>
    <row r="7" spans="1:101" ht="21" customHeight="1" x14ac:dyDescent="0.2">
      <c r="B7" s="262" t="s">
        <v>5</v>
      </c>
      <c r="C7" s="277">
        <v>0</v>
      </c>
      <c r="D7" s="278">
        <v>0</v>
      </c>
      <c r="E7" s="279">
        <v>0</v>
      </c>
      <c r="F7" s="280">
        <v>0</v>
      </c>
      <c r="G7" s="281">
        <v>129</v>
      </c>
      <c r="H7" s="281">
        <v>176</v>
      </c>
      <c r="I7" s="281">
        <v>165</v>
      </c>
      <c r="J7" s="281">
        <v>176</v>
      </c>
      <c r="K7" s="281">
        <v>165</v>
      </c>
      <c r="L7" s="282">
        <v>811</v>
      </c>
      <c r="M7" s="283">
        <v>811</v>
      </c>
      <c r="N7" s="277">
        <v>0</v>
      </c>
      <c r="O7" s="281">
        <v>0</v>
      </c>
      <c r="P7" s="278">
        <v>0</v>
      </c>
      <c r="Q7" s="280">
        <v>0</v>
      </c>
      <c r="R7" s="281">
        <v>99</v>
      </c>
      <c r="S7" s="281">
        <v>411</v>
      </c>
      <c r="T7" s="281">
        <v>360</v>
      </c>
      <c r="U7" s="281">
        <v>338</v>
      </c>
      <c r="V7" s="281">
        <v>297</v>
      </c>
      <c r="W7" s="278">
        <v>1505</v>
      </c>
      <c r="X7" s="283">
        <v>1505</v>
      </c>
      <c r="Y7" s="277">
        <v>0</v>
      </c>
      <c r="Z7" s="281">
        <v>0</v>
      </c>
      <c r="AA7" s="278">
        <v>0</v>
      </c>
      <c r="AB7" s="280">
        <v>0</v>
      </c>
      <c r="AC7" s="281">
        <v>4535</v>
      </c>
      <c r="AD7" s="281">
        <v>5570</v>
      </c>
      <c r="AE7" s="281">
        <v>2626</v>
      </c>
      <c r="AF7" s="281">
        <v>1344</v>
      </c>
      <c r="AG7" s="281">
        <v>612</v>
      </c>
      <c r="AH7" s="278">
        <v>14687</v>
      </c>
      <c r="AI7" s="283">
        <v>14687</v>
      </c>
      <c r="AJ7" s="277">
        <v>3</v>
      </c>
      <c r="AK7" s="281">
        <v>1</v>
      </c>
      <c r="AL7" s="278">
        <v>4</v>
      </c>
      <c r="AM7" s="280">
        <v>0</v>
      </c>
      <c r="AN7" s="281">
        <v>403</v>
      </c>
      <c r="AO7" s="281">
        <v>483</v>
      </c>
      <c r="AP7" s="281">
        <v>550</v>
      </c>
      <c r="AQ7" s="281">
        <v>319</v>
      </c>
      <c r="AR7" s="281">
        <v>275</v>
      </c>
      <c r="AS7" s="278">
        <v>2030</v>
      </c>
      <c r="AT7" s="283">
        <v>2034</v>
      </c>
      <c r="AU7" s="277">
        <v>78</v>
      </c>
      <c r="AV7" s="281">
        <v>104</v>
      </c>
      <c r="AW7" s="278">
        <v>182</v>
      </c>
      <c r="AX7" s="280">
        <v>0</v>
      </c>
      <c r="AY7" s="281">
        <v>502</v>
      </c>
      <c r="AZ7" s="281">
        <v>656</v>
      </c>
      <c r="BA7" s="281">
        <v>562</v>
      </c>
      <c r="BB7" s="281">
        <v>430</v>
      </c>
      <c r="BC7" s="281">
        <v>246</v>
      </c>
      <c r="BD7" s="278">
        <v>2396</v>
      </c>
      <c r="BE7" s="283">
        <v>2578</v>
      </c>
      <c r="BF7" s="277">
        <v>0</v>
      </c>
      <c r="BG7" s="281">
        <v>13</v>
      </c>
      <c r="BH7" s="278">
        <v>13</v>
      </c>
      <c r="BI7" s="280">
        <v>0</v>
      </c>
      <c r="BJ7" s="281">
        <v>1194</v>
      </c>
      <c r="BK7" s="281">
        <v>1473</v>
      </c>
      <c r="BL7" s="281">
        <v>1439</v>
      </c>
      <c r="BM7" s="281">
        <v>953</v>
      </c>
      <c r="BN7" s="281">
        <v>686</v>
      </c>
      <c r="BO7" s="282">
        <v>5745</v>
      </c>
      <c r="BP7" s="283">
        <v>5758</v>
      </c>
      <c r="BQ7" s="277">
        <v>0</v>
      </c>
      <c r="BR7" s="281">
        <v>0</v>
      </c>
      <c r="BS7" s="278">
        <v>0</v>
      </c>
      <c r="BT7" s="280">
        <v>0</v>
      </c>
      <c r="BU7" s="281">
        <v>2</v>
      </c>
      <c r="BV7" s="281">
        <v>1</v>
      </c>
      <c r="BW7" s="281">
        <v>3</v>
      </c>
      <c r="BX7" s="281">
        <v>2</v>
      </c>
      <c r="BY7" s="281">
        <v>5</v>
      </c>
      <c r="BZ7" s="278">
        <v>13</v>
      </c>
      <c r="CA7" s="283">
        <v>13</v>
      </c>
      <c r="CB7" s="277">
        <v>0</v>
      </c>
      <c r="CC7" s="281">
        <v>0</v>
      </c>
      <c r="CD7" s="278">
        <v>0</v>
      </c>
      <c r="CE7" s="280">
        <v>0</v>
      </c>
      <c r="CF7" s="281">
        <v>6</v>
      </c>
      <c r="CG7" s="281">
        <v>9</v>
      </c>
      <c r="CH7" s="281">
        <v>36</v>
      </c>
      <c r="CI7" s="281">
        <v>36</v>
      </c>
      <c r="CJ7" s="281">
        <v>23</v>
      </c>
      <c r="CK7" s="278">
        <v>110</v>
      </c>
      <c r="CL7" s="283">
        <v>110</v>
      </c>
      <c r="CM7" s="277">
        <v>0</v>
      </c>
      <c r="CN7" s="281">
        <v>0</v>
      </c>
      <c r="CO7" s="278">
        <v>0</v>
      </c>
      <c r="CP7" s="280">
        <v>0</v>
      </c>
      <c r="CQ7" s="281">
        <v>32</v>
      </c>
      <c r="CR7" s="281">
        <v>65</v>
      </c>
      <c r="CS7" s="281">
        <v>69</v>
      </c>
      <c r="CT7" s="281">
        <v>94</v>
      </c>
      <c r="CU7" s="281">
        <v>167</v>
      </c>
      <c r="CV7" s="278">
        <v>427</v>
      </c>
      <c r="CW7" s="283">
        <v>427</v>
      </c>
    </row>
    <row r="8" spans="1:101" ht="21" customHeight="1" x14ac:dyDescent="0.2">
      <c r="B8" s="262" t="s">
        <v>6</v>
      </c>
      <c r="C8" s="277">
        <v>0</v>
      </c>
      <c r="D8" s="278">
        <v>0</v>
      </c>
      <c r="E8" s="279">
        <v>0</v>
      </c>
      <c r="F8" s="280">
        <v>0</v>
      </c>
      <c r="G8" s="281">
        <v>86</v>
      </c>
      <c r="H8" s="281">
        <v>82</v>
      </c>
      <c r="I8" s="281">
        <v>66</v>
      </c>
      <c r="J8" s="281">
        <v>108</v>
      </c>
      <c r="K8" s="281">
        <v>99</v>
      </c>
      <c r="L8" s="282">
        <v>441</v>
      </c>
      <c r="M8" s="283">
        <v>441</v>
      </c>
      <c r="N8" s="277">
        <v>0</v>
      </c>
      <c r="O8" s="281">
        <v>0</v>
      </c>
      <c r="P8" s="278">
        <v>0</v>
      </c>
      <c r="Q8" s="280">
        <v>0</v>
      </c>
      <c r="R8" s="281">
        <v>65</v>
      </c>
      <c r="S8" s="281">
        <v>96</v>
      </c>
      <c r="T8" s="281">
        <v>92</v>
      </c>
      <c r="U8" s="281">
        <v>105</v>
      </c>
      <c r="V8" s="281">
        <v>82</v>
      </c>
      <c r="W8" s="278">
        <v>440</v>
      </c>
      <c r="X8" s="283">
        <v>440</v>
      </c>
      <c r="Y8" s="277">
        <v>0</v>
      </c>
      <c r="Z8" s="281">
        <v>0</v>
      </c>
      <c r="AA8" s="278">
        <v>0</v>
      </c>
      <c r="AB8" s="280">
        <v>0</v>
      </c>
      <c r="AC8" s="281">
        <v>2000</v>
      </c>
      <c r="AD8" s="281">
        <v>1281</v>
      </c>
      <c r="AE8" s="281">
        <v>718</v>
      </c>
      <c r="AF8" s="281">
        <v>438</v>
      </c>
      <c r="AG8" s="281">
        <v>215</v>
      </c>
      <c r="AH8" s="278">
        <v>4652</v>
      </c>
      <c r="AI8" s="283">
        <v>4652</v>
      </c>
      <c r="AJ8" s="277">
        <v>3</v>
      </c>
      <c r="AK8" s="281">
        <v>1</v>
      </c>
      <c r="AL8" s="278">
        <v>4</v>
      </c>
      <c r="AM8" s="280">
        <v>0</v>
      </c>
      <c r="AN8" s="281">
        <v>188</v>
      </c>
      <c r="AO8" s="281">
        <v>194</v>
      </c>
      <c r="AP8" s="281">
        <v>220</v>
      </c>
      <c r="AQ8" s="281">
        <v>133</v>
      </c>
      <c r="AR8" s="281">
        <v>83</v>
      </c>
      <c r="AS8" s="278">
        <v>818</v>
      </c>
      <c r="AT8" s="283">
        <v>822</v>
      </c>
      <c r="AU8" s="277">
        <v>18</v>
      </c>
      <c r="AV8" s="281">
        <v>33</v>
      </c>
      <c r="AW8" s="278">
        <v>51</v>
      </c>
      <c r="AX8" s="280">
        <v>0</v>
      </c>
      <c r="AY8" s="281">
        <v>223</v>
      </c>
      <c r="AZ8" s="281">
        <v>241</v>
      </c>
      <c r="BA8" s="281">
        <v>182</v>
      </c>
      <c r="BB8" s="281">
        <v>137</v>
      </c>
      <c r="BC8" s="281">
        <v>67</v>
      </c>
      <c r="BD8" s="278">
        <v>850</v>
      </c>
      <c r="BE8" s="283">
        <v>901</v>
      </c>
      <c r="BF8" s="277">
        <v>0</v>
      </c>
      <c r="BG8" s="281">
        <v>7</v>
      </c>
      <c r="BH8" s="278">
        <v>7</v>
      </c>
      <c r="BI8" s="280">
        <v>0</v>
      </c>
      <c r="BJ8" s="281">
        <v>474</v>
      </c>
      <c r="BK8" s="281">
        <v>539</v>
      </c>
      <c r="BL8" s="281">
        <v>572</v>
      </c>
      <c r="BM8" s="281">
        <v>382</v>
      </c>
      <c r="BN8" s="281">
        <v>250</v>
      </c>
      <c r="BO8" s="282">
        <v>2217</v>
      </c>
      <c r="BP8" s="283">
        <v>2224</v>
      </c>
      <c r="BQ8" s="277">
        <v>0</v>
      </c>
      <c r="BR8" s="281">
        <v>0</v>
      </c>
      <c r="BS8" s="278">
        <v>0</v>
      </c>
      <c r="BT8" s="280">
        <v>0</v>
      </c>
      <c r="BU8" s="281">
        <v>0</v>
      </c>
      <c r="BV8" s="281">
        <v>0</v>
      </c>
      <c r="BW8" s="281">
        <v>0</v>
      </c>
      <c r="BX8" s="281">
        <v>0</v>
      </c>
      <c r="BY8" s="281">
        <v>0</v>
      </c>
      <c r="BZ8" s="278">
        <v>0</v>
      </c>
      <c r="CA8" s="283">
        <v>0</v>
      </c>
      <c r="CB8" s="277">
        <v>0</v>
      </c>
      <c r="CC8" s="281">
        <v>0</v>
      </c>
      <c r="CD8" s="278">
        <v>0</v>
      </c>
      <c r="CE8" s="280">
        <v>0</v>
      </c>
      <c r="CF8" s="281">
        <v>4</v>
      </c>
      <c r="CG8" s="281">
        <v>7</v>
      </c>
      <c r="CH8" s="281">
        <v>70</v>
      </c>
      <c r="CI8" s="281">
        <v>97</v>
      </c>
      <c r="CJ8" s="281">
        <v>66</v>
      </c>
      <c r="CK8" s="278">
        <v>244</v>
      </c>
      <c r="CL8" s="283">
        <v>244</v>
      </c>
      <c r="CM8" s="277">
        <v>0</v>
      </c>
      <c r="CN8" s="281">
        <v>0</v>
      </c>
      <c r="CO8" s="278">
        <v>0</v>
      </c>
      <c r="CP8" s="280">
        <v>0</v>
      </c>
      <c r="CQ8" s="281">
        <v>54</v>
      </c>
      <c r="CR8" s="281">
        <v>74</v>
      </c>
      <c r="CS8" s="281">
        <v>73</v>
      </c>
      <c r="CT8" s="281">
        <v>101</v>
      </c>
      <c r="CU8" s="281">
        <v>91</v>
      </c>
      <c r="CV8" s="278">
        <v>393</v>
      </c>
      <c r="CW8" s="283">
        <v>393</v>
      </c>
    </row>
    <row r="9" spans="1:101" ht="21" customHeight="1" x14ac:dyDescent="0.2">
      <c r="B9" s="262" t="s">
        <v>14</v>
      </c>
      <c r="C9" s="277">
        <v>0</v>
      </c>
      <c r="D9" s="278">
        <v>0</v>
      </c>
      <c r="E9" s="279">
        <v>0</v>
      </c>
      <c r="F9" s="280">
        <v>0</v>
      </c>
      <c r="G9" s="281">
        <v>19</v>
      </c>
      <c r="H9" s="281">
        <v>14</v>
      </c>
      <c r="I9" s="281">
        <v>19</v>
      </c>
      <c r="J9" s="281">
        <v>15</v>
      </c>
      <c r="K9" s="281">
        <v>12</v>
      </c>
      <c r="L9" s="282">
        <v>79</v>
      </c>
      <c r="M9" s="283">
        <v>79</v>
      </c>
      <c r="N9" s="277">
        <v>0</v>
      </c>
      <c r="O9" s="281">
        <v>0</v>
      </c>
      <c r="P9" s="278">
        <v>0</v>
      </c>
      <c r="Q9" s="280">
        <v>0</v>
      </c>
      <c r="R9" s="281">
        <v>2</v>
      </c>
      <c r="S9" s="281">
        <v>2</v>
      </c>
      <c r="T9" s="281">
        <v>3</v>
      </c>
      <c r="U9" s="281">
        <v>2</v>
      </c>
      <c r="V9" s="281">
        <v>2</v>
      </c>
      <c r="W9" s="278">
        <v>11</v>
      </c>
      <c r="X9" s="283">
        <v>11</v>
      </c>
      <c r="Y9" s="277">
        <v>0</v>
      </c>
      <c r="Z9" s="281">
        <v>0</v>
      </c>
      <c r="AA9" s="278">
        <v>0</v>
      </c>
      <c r="AB9" s="280">
        <v>0</v>
      </c>
      <c r="AC9" s="281">
        <v>1041</v>
      </c>
      <c r="AD9" s="281">
        <v>1093</v>
      </c>
      <c r="AE9" s="281">
        <v>537</v>
      </c>
      <c r="AF9" s="281">
        <v>273</v>
      </c>
      <c r="AG9" s="281">
        <v>124</v>
      </c>
      <c r="AH9" s="278">
        <v>3068</v>
      </c>
      <c r="AI9" s="283">
        <v>3068</v>
      </c>
      <c r="AJ9" s="277">
        <v>1</v>
      </c>
      <c r="AK9" s="281">
        <v>0</v>
      </c>
      <c r="AL9" s="278">
        <v>1</v>
      </c>
      <c r="AM9" s="280">
        <v>0</v>
      </c>
      <c r="AN9" s="281">
        <v>21</v>
      </c>
      <c r="AO9" s="281">
        <v>22</v>
      </c>
      <c r="AP9" s="281">
        <v>40</v>
      </c>
      <c r="AQ9" s="281">
        <v>16</v>
      </c>
      <c r="AR9" s="281">
        <v>23</v>
      </c>
      <c r="AS9" s="278">
        <v>122</v>
      </c>
      <c r="AT9" s="283">
        <v>123</v>
      </c>
      <c r="AU9" s="277">
        <v>15</v>
      </c>
      <c r="AV9" s="281">
        <v>25</v>
      </c>
      <c r="AW9" s="278">
        <v>40</v>
      </c>
      <c r="AX9" s="280">
        <v>0</v>
      </c>
      <c r="AY9" s="281">
        <v>129</v>
      </c>
      <c r="AZ9" s="281">
        <v>142</v>
      </c>
      <c r="BA9" s="281">
        <v>118</v>
      </c>
      <c r="BB9" s="281">
        <v>80</v>
      </c>
      <c r="BC9" s="281">
        <v>26</v>
      </c>
      <c r="BD9" s="278">
        <v>495</v>
      </c>
      <c r="BE9" s="283">
        <v>535</v>
      </c>
      <c r="BF9" s="277">
        <v>0</v>
      </c>
      <c r="BG9" s="281">
        <v>2</v>
      </c>
      <c r="BH9" s="278">
        <v>2</v>
      </c>
      <c r="BI9" s="280">
        <v>0</v>
      </c>
      <c r="BJ9" s="281">
        <v>254</v>
      </c>
      <c r="BK9" s="281">
        <v>294</v>
      </c>
      <c r="BL9" s="281">
        <v>339</v>
      </c>
      <c r="BM9" s="281">
        <v>212</v>
      </c>
      <c r="BN9" s="281">
        <v>149</v>
      </c>
      <c r="BO9" s="282">
        <v>1248</v>
      </c>
      <c r="BP9" s="283">
        <v>1250</v>
      </c>
      <c r="BQ9" s="277">
        <v>0</v>
      </c>
      <c r="BR9" s="281">
        <v>0</v>
      </c>
      <c r="BS9" s="278">
        <v>0</v>
      </c>
      <c r="BT9" s="280">
        <v>0</v>
      </c>
      <c r="BU9" s="281">
        <v>0</v>
      </c>
      <c r="BV9" s="281">
        <v>0</v>
      </c>
      <c r="BW9" s="281">
        <v>0</v>
      </c>
      <c r="BX9" s="281">
        <v>0</v>
      </c>
      <c r="BY9" s="281">
        <v>0</v>
      </c>
      <c r="BZ9" s="278">
        <v>0</v>
      </c>
      <c r="CA9" s="283">
        <v>0</v>
      </c>
      <c r="CB9" s="277">
        <v>0</v>
      </c>
      <c r="CC9" s="281">
        <v>0</v>
      </c>
      <c r="CD9" s="278">
        <v>0</v>
      </c>
      <c r="CE9" s="280">
        <v>0</v>
      </c>
      <c r="CF9" s="281">
        <v>0</v>
      </c>
      <c r="CG9" s="281">
        <v>2</v>
      </c>
      <c r="CH9" s="281">
        <v>16</v>
      </c>
      <c r="CI9" s="281">
        <v>31</v>
      </c>
      <c r="CJ9" s="281">
        <v>9</v>
      </c>
      <c r="CK9" s="278">
        <v>58</v>
      </c>
      <c r="CL9" s="283">
        <v>58</v>
      </c>
      <c r="CM9" s="277">
        <v>0</v>
      </c>
      <c r="CN9" s="281">
        <v>0</v>
      </c>
      <c r="CO9" s="278">
        <v>0</v>
      </c>
      <c r="CP9" s="280">
        <v>0</v>
      </c>
      <c r="CQ9" s="281">
        <v>11</v>
      </c>
      <c r="CR9" s="281">
        <v>16</v>
      </c>
      <c r="CS9" s="281">
        <v>12</v>
      </c>
      <c r="CT9" s="281">
        <v>13</v>
      </c>
      <c r="CU9" s="281">
        <v>13</v>
      </c>
      <c r="CV9" s="278">
        <v>65</v>
      </c>
      <c r="CW9" s="283">
        <v>65</v>
      </c>
    </row>
    <row r="10" spans="1:101" ht="21" customHeight="1" x14ac:dyDescent="0.2">
      <c r="B10" s="262" t="s">
        <v>7</v>
      </c>
      <c r="C10" s="277">
        <v>0</v>
      </c>
      <c r="D10" s="278">
        <v>0</v>
      </c>
      <c r="E10" s="279">
        <v>0</v>
      </c>
      <c r="F10" s="280">
        <v>0</v>
      </c>
      <c r="G10" s="281">
        <v>3</v>
      </c>
      <c r="H10" s="281">
        <v>9</v>
      </c>
      <c r="I10" s="281">
        <v>9</v>
      </c>
      <c r="J10" s="281">
        <v>8</v>
      </c>
      <c r="K10" s="281">
        <v>6</v>
      </c>
      <c r="L10" s="282">
        <v>35</v>
      </c>
      <c r="M10" s="283">
        <v>35</v>
      </c>
      <c r="N10" s="277">
        <v>0</v>
      </c>
      <c r="O10" s="281">
        <v>0</v>
      </c>
      <c r="P10" s="278">
        <v>0</v>
      </c>
      <c r="Q10" s="280">
        <v>0</v>
      </c>
      <c r="R10" s="281">
        <v>0</v>
      </c>
      <c r="S10" s="281">
        <v>0</v>
      </c>
      <c r="T10" s="281">
        <v>0</v>
      </c>
      <c r="U10" s="281">
        <v>0</v>
      </c>
      <c r="V10" s="281">
        <v>0</v>
      </c>
      <c r="W10" s="278">
        <v>0</v>
      </c>
      <c r="X10" s="283">
        <v>0</v>
      </c>
      <c r="Y10" s="277">
        <v>0</v>
      </c>
      <c r="Z10" s="281">
        <v>0</v>
      </c>
      <c r="AA10" s="278">
        <v>0</v>
      </c>
      <c r="AB10" s="280">
        <v>0</v>
      </c>
      <c r="AC10" s="281">
        <v>1062</v>
      </c>
      <c r="AD10" s="281">
        <v>631</v>
      </c>
      <c r="AE10" s="281">
        <v>302</v>
      </c>
      <c r="AF10" s="281">
        <v>135</v>
      </c>
      <c r="AG10" s="281">
        <v>59</v>
      </c>
      <c r="AH10" s="278">
        <v>2189</v>
      </c>
      <c r="AI10" s="283">
        <v>2189</v>
      </c>
      <c r="AJ10" s="277">
        <v>0</v>
      </c>
      <c r="AK10" s="281">
        <v>0</v>
      </c>
      <c r="AL10" s="278">
        <v>0</v>
      </c>
      <c r="AM10" s="280">
        <v>0</v>
      </c>
      <c r="AN10" s="281">
        <v>92</v>
      </c>
      <c r="AO10" s="281">
        <v>100</v>
      </c>
      <c r="AP10" s="281">
        <v>111</v>
      </c>
      <c r="AQ10" s="281">
        <v>31</v>
      </c>
      <c r="AR10" s="281">
        <v>15</v>
      </c>
      <c r="AS10" s="278">
        <v>349</v>
      </c>
      <c r="AT10" s="283">
        <v>349</v>
      </c>
      <c r="AU10" s="277">
        <v>8</v>
      </c>
      <c r="AV10" s="281">
        <v>12</v>
      </c>
      <c r="AW10" s="278">
        <v>20</v>
      </c>
      <c r="AX10" s="280">
        <v>0</v>
      </c>
      <c r="AY10" s="281">
        <v>57</v>
      </c>
      <c r="AZ10" s="281">
        <v>44</v>
      </c>
      <c r="BA10" s="281">
        <v>33</v>
      </c>
      <c r="BB10" s="281">
        <v>18</v>
      </c>
      <c r="BC10" s="281">
        <v>3</v>
      </c>
      <c r="BD10" s="278">
        <v>155</v>
      </c>
      <c r="BE10" s="283">
        <v>175</v>
      </c>
      <c r="BF10" s="277">
        <v>0</v>
      </c>
      <c r="BG10" s="281">
        <v>0</v>
      </c>
      <c r="BH10" s="278">
        <v>0</v>
      </c>
      <c r="BI10" s="280">
        <v>0</v>
      </c>
      <c r="BJ10" s="281">
        <v>115</v>
      </c>
      <c r="BK10" s="281">
        <v>141</v>
      </c>
      <c r="BL10" s="281">
        <v>191</v>
      </c>
      <c r="BM10" s="281">
        <v>143</v>
      </c>
      <c r="BN10" s="281">
        <v>73</v>
      </c>
      <c r="BO10" s="282">
        <v>663</v>
      </c>
      <c r="BP10" s="283">
        <v>663</v>
      </c>
      <c r="BQ10" s="277">
        <v>0</v>
      </c>
      <c r="BR10" s="281">
        <v>0</v>
      </c>
      <c r="BS10" s="278">
        <v>0</v>
      </c>
      <c r="BT10" s="280">
        <v>0</v>
      </c>
      <c r="BU10" s="281">
        <v>0</v>
      </c>
      <c r="BV10" s="281">
        <v>0</v>
      </c>
      <c r="BW10" s="281">
        <v>0</v>
      </c>
      <c r="BX10" s="281">
        <v>0</v>
      </c>
      <c r="BY10" s="281">
        <v>0</v>
      </c>
      <c r="BZ10" s="278">
        <v>0</v>
      </c>
      <c r="CA10" s="283">
        <v>0</v>
      </c>
      <c r="CB10" s="277">
        <v>0</v>
      </c>
      <c r="CC10" s="281">
        <v>0</v>
      </c>
      <c r="CD10" s="278">
        <v>0</v>
      </c>
      <c r="CE10" s="280">
        <v>0</v>
      </c>
      <c r="CF10" s="281">
        <v>0</v>
      </c>
      <c r="CG10" s="281">
        <v>0</v>
      </c>
      <c r="CH10" s="281">
        <v>0</v>
      </c>
      <c r="CI10" s="281">
        <v>0</v>
      </c>
      <c r="CJ10" s="281">
        <v>0</v>
      </c>
      <c r="CK10" s="278">
        <v>0</v>
      </c>
      <c r="CL10" s="283">
        <v>0</v>
      </c>
      <c r="CM10" s="277">
        <v>0</v>
      </c>
      <c r="CN10" s="281">
        <v>0</v>
      </c>
      <c r="CO10" s="278">
        <v>0</v>
      </c>
      <c r="CP10" s="280">
        <v>0</v>
      </c>
      <c r="CQ10" s="281">
        <v>6</v>
      </c>
      <c r="CR10" s="281">
        <v>12</v>
      </c>
      <c r="CS10" s="281">
        <v>10</v>
      </c>
      <c r="CT10" s="281">
        <v>9</v>
      </c>
      <c r="CU10" s="281">
        <v>21</v>
      </c>
      <c r="CV10" s="278">
        <v>58</v>
      </c>
      <c r="CW10" s="283">
        <v>58</v>
      </c>
    </row>
    <row r="11" spans="1:101" ht="21" customHeight="1" x14ac:dyDescent="0.2">
      <c r="B11" s="262" t="s">
        <v>8</v>
      </c>
      <c r="C11" s="277">
        <v>0</v>
      </c>
      <c r="D11" s="278">
        <v>0</v>
      </c>
      <c r="E11" s="279">
        <v>0</v>
      </c>
      <c r="F11" s="280">
        <v>0</v>
      </c>
      <c r="G11" s="281">
        <v>3</v>
      </c>
      <c r="H11" s="281">
        <v>9</v>
      </c>
      <c r="I11" s="281">
        <v>4</v>
      </c>
      <c r="J11" s="281">
        <v>5</v>
      </c>
      <c r="K11" s="281">
        <v>2</v>
      </c>
      <c r="L11" s="282">
        <v>23</v>
      </c>
      <c r="M11" s="283">
        <v>23</v>
      </c>
      <c r="N11" s="277">
        <v>0</v>
      </c>
      <c r="O11" s="281">
        <v>0</v>
      </c>
      <c r="P11" s="278">
        <v>0</v>
      </c>
      <c r="Q11" s="280">
        <v>0</v>
      </c>
      <c r="R11" s="281">
        <v>2</v>
      </c>
      <c r="S11" s="281">
        <v>2</v>
      </c>
      <c r="T11" s="281">
        <v>0</v>
      </c>
      <c r="U11" s="281">
        <v>2</v>
      </c>
      <c r="V11" s="281">
        <v>7</v>
      </c>
      <c r="W11" s="278">
        <v>13</v>
      </c>
      <c r="X11" s="283">
        <v>13</v>
      </c>
      <c r="Y11" s="277">
        <v>0</v>
      </c>
      <c r="Z11" s="281">
        <v>0</v>
      </c>
      <c r="AA11" s="278">
        <v>0</v>
      </c>
      <c r="AB11" s="280">
        <v>0</v>
      </c>
      <c r="AC11" s="281">
        <v>593</v>
      </c>
      <c r="AD11" s="281">
        <v>513</v>
      </c>
      <c r="AE11" s="281">
        <v>235</v>
      </c>
      <c r="AF11" s="281">
        <v>93</v>
      </c>
      <c r="AG11" s="281">
        <v>58</v>
      </c>
      <c r="AH11" s="278">
        <v>1492</v>
      </c>
      <c r="AI11" s="283">
        <v>1492</v>
      </c>
      <c r="AJ11" s="277">
        <v>0</v>
      </c>
      <c r="AK11" s="281">
        <v>0</v>
      </c>
      <c r="AL11" s="278">
        <v>0</v>
      </c>
      <c r="AM11" s="280">
        <v>0</v>
      </c>
      <c r="AN11" s="281">
        <v>8</v>
      </c>
      <c r="AO11" s="281">
        <v>12</v>
      </c>
      <c r="AP11" s="281">
        <v>9</v>
      </c>
      <c r="AQ11" s="281">
        <v>5</v>
      </c>
      <c r="AR11" s="281">
        <v>5</v>
      </c>
      <c r="AS11" s="278">
        <v>39</v>
      </c>
      <c r="AT11" s="283">
        <v>39</v>
      </c>
      <c r="AU11" s="277">
        <v>7</v>
      </c>
      <c r="AV11" s="281">
        <v>10</v>
      </c>
      <c r="AW11" s="278">
        <v>17</v>
      </c>
      <c r="AX11" s="280">
        <v>0</v>
      </c>
      <c r="AY11" s="281">
        <v>79</v>
      </c>
      <c r="AZ11" s="281">
        <v>51</v>
      </c>
      <c r="BA11" s="281">
        <v>49</v>
      </c>
      <c r="BB11" s="281">
        <v>24</v>
      </c>
      <c r="BC11" s="281">
        <v>9</v>
      </c>
      <c r="BD11" s="278">
        <v>212</v>
      </c>
      <c r="BE11" s="283">
        <v>229</v>
      </c>
      <c r="BF11" s="277">
        <v>0</v>
      </c>
      <c r="BG11" s="281">
        <v>0</v>
      </c>
      <c r="BH11" s="278">
        <v>0</v>
      </c>
      <c r="BI11" s="280">
        <v>0</v>
      </c>
      <c r="BJ11" s="281">
        <v>65</v>
      </c>
      <c r="BK11" s="281">
        <v>72</v>
      </c>
      <c r="BL11" s="281">
        <v>73</v>
      </c>
      <c r="BM11" s="281">
        <v>60</v>
      </c>
      <c r="BN11" s="281">
        <v>41</v>
      </c>
      <c r="BO11" s="282">
        <v>311</v>
      </c>
      <c r="BP11" s="283">
        <v>311</v>
      </c>
      <c r="BQ11" s="277">
        <v>0</v>
      </c>
      <c r="BR11" s="281">
        <v>0</v>
      </c>
      <c r="BS11" s="278">
        <v>0</v>
      </c>
      <c r="BT11" s="280">
        <v>0</v>
      </c>
      <c r="BU11" s="281">
        <v>3</v>
      </c>
      <c r="BV11" s="281">
        <v>8</v>
      </c>
      <c r="BW11" s="281">
        <v>13</v>
      </c>
      <c r="BX11" s="281">
        <v>16</v>
      </c>
      <c r="BY11" s="281">
        <v>6</v>
      </c>
      <c r="BZ11" s="278">
        <v>46</v>
      </c>
      <c r="CA11" s="283">
        <v>46</v>
      </c>
      <c r="CB11" s="277">
        <v>0</v>
      </c>
      <c r="CC11" s="281">
        <v>0</v>
      </c>
      <c r="CD11" s="278">
        <v>0</v>
      </c>
      <c r="CE11" s="280">
        <v>0</v>
      </c>
      <c r="CF11" s="281">
        <v>0</v>
      </c>
      <c r="CG11" s="281">
        <v>2</v>
      </c>
      <c r="CH11" s="281">
        <v>15</v>
      </c>
      <c r="CI11" s="281">
        <v>17</v>
      </c>
      <c r="CJ11" s="281">
        <v>14</v>
      </c>
      <c r="CK11" s="278">
        <v>48</v>
      </c>
      <c r="CL11" s="283">
        <v>48</v>
      </c>
      <c r="CM11" s="277">
        <v>0</v>
      </c>
      <c r="CN11" s="281">
        <v>0</v>
      </c>
      <c r="CO11" s="278">
        <v>0</v>
      </c>
      <c r="CP11" s="280">
        <v>0</v>
      </c>
      <c r="CQ11" s="281">
        <v>13</v>
      </c>
      <c r="CR11" s="281">
        <v>13</v>
      </c>
      <c r="CS11" s="281">
        <v>15</v>
      </c>
      <c r="CT11" s="281">
        <v>9</v>
      </c>
      <c r="CU11" s="281">
        <v>8</v>
      </c>
      <c r="CV11" s="278">
        <v>58</v>
      </c>
      <c r="CW11" s="283">
        <v>58</v>
      </c>
    </row>
    <row r="12" spans="1:101" ht="21" customHeight="1" x14ac:dyDescent="0.2">
      <c r="B12" s="262" t="s">
        <v>9</v>
      </c>
      <c r="C12" s="277">
        <v>0</v>
      </c>
      <c r="D12" s="278">
        <v>0</v>
      </c>
      <c r="E12" s="279">
        <v>0</v>
      </c>
      <c r="F12" s="280">
        <v>0</v>
      </c>
      <c r="G12" s="281">
        <v>1</v>
      </c>
      <c r="H12" s="281">
        <v>6</v>
      </c>
      <c r="I12" s="281">
        <v>3</v>
      </c>
      <c r="J12" s="281">
        <v>10</v>
      </c>
      <c r="K12" s="281">
        <v>6</v>
      </c>
      <c r="L12" s="282">
        <v>26</v>
      </c>
      <c r="M12" s="283">
        <v>26</v>
      </c>
      <c r="N12" s="277">
        <v>0</v>
      </c>
      <c r="O12" s="281">
        <v>0</v>
      </c>
      <c r="P12" s="278">
        <v>0</v>
      </c>
      <c r="Q12" s="280">
        <v>0</v>
      </c>
      <c r="R12" s="281">
        <v>0</v>
      </c>
      <c r="S12" s="281">
        <v>0</v>
      </c>
      <c r="T12" s="281">
        <v>0</v>
      </c>
      <c r="U12" s="281">
        <v>0</v>
      </c>
      <c r="V12" s="281">
        <v>0</v>
      </c>
      <c r="W12" s="278">
        <v>0</v>
      </c>
      <c r="X12" s="283">
        <v>0</v>
      </c>
      <c r="Y12" s="277">
        <v>0</v>
      </c>
      <c r="Z12" s="281">
        <v>0</v>
      </c>
      <c r="AA12" s="278">
        <v>0</v>
      </c>
      <c r="AB12" s="280">
        <v>0</v>
      </c>
      <c r="AC12" s="281">
        <v>420</v>
      </c>
      <c r="AD12" s="281">
        <v>295</v>
      </c>
      <c r="AE12" s="281">
        <v>161</v>
      </c>
      <c r="AF12" s="281">
        <v>78</v>
      </c>
      <c r="AG12" s="281">
        <v>29</v>
      </c>
      <c r="AH12" s="278">
        <v>983</v>
      </c>
      <c r="AI12" s="283">
        <v>983</v>
      </c>
      <c r="AJ12" s="277">
        <v>0</v>
      </c>
      <c r="AK12" s="281">
        <v>0</v>
      </c>
      <c r="AL12" s="278">
        <v>0</v>
      </c>
      <c r="AM12" s="280">
        <v>0</v>
      </c>
      <c r="AN12" s="281">
        <v>10</v>
      </c>
      <c r="AO12" s="281">
        <v>6</v>
      </c>
      <c r="AP12" s="281">
        <v>11</v>
      </c>
      <c r="AQ12" s="281">
        <v>6</v>
      </c>
      <c r="AR12" s="281">
        <v>4</v>
      </c>
      <c r="AS12" s="278">
        <v>37</v>
      </c>
      <c r="AT12" s="283">
        <v>37</v>
      </c>
      <c r="AU12" s="277">
        <v>3</v>
      </c>
      <c r="AV12" s="281">
        <v>6</v>
      </c>
      <c r="AW12" s="278">
        <v>9</v>
      </c>
      <c r="AX12" s="280">
        <v>0</v>
      </c>
      <c r="AY12" s="281">
        <v>37</v>
      </c>
      <c r="AZ12" s="281">
        <v>38</v>
      </c>
      <c r="BA12" s="281">
        <v>21</v>
      </c>
      <c r="BB12" s="281">
        <v>24</v>
      </c>
      <c r="BC12" s="281">
        <v>5</v>
      </c>
      <c r="BD12" s="278">
        <v>125</v>
      </c>
      <c r="BE12" s="283">
        <v>134</v>
      </c>
      <c r="BF12" s="277">
        <v>0</v>
      </c>
      <c r="BG12" s="281">
        <v>1</v>
      </c>
      <c r="BH12" s="278">
        <v>1</v>
      </c>
      <c r="BI12" s="280">
        <v>0</v>
      </c>
      <c r="BJ12" s="281">
        <v>34</v>
      </c>
      <c r="BK12" s="281">
        <v>47</v>
      </c>
      <c r="BL12" s="281">
        <v>92</v>
      </c>
      <c r="BM12" s="281">
        <v>47</v>
      </c>
      <c r="BN12" s="281">
        <v>25</v>
      </c>
      <c r="BO12" s="282">
        <v>245</v>
      </c>
      <c r="BP12" s="283">
        <v>246</v>
      </c>
      <c r="BQ12" s="277">
        <v>0</v>
      </c>
      <c r="BR12" s="281">
        <v>0</v>
      </c>
      <c r="BS12" s="278">
        <v>0</v>
      </c>
      <c r="BT12" s="280">
        <v>0</v>
      </c>
      <c r="BU12" s="281">
        <v>4</v>
      </c>
      <c r="BV12" s="281">
        <v>6</v>
      </c>
      <c r="BW12" s="281">
        <v>4</v>
      </c>
      <c r="BX12" s="281">
        <v>5</v>
      </c>
      <c r="BY12" s="281">
        <v>5</v>
      </c>
      <c r="BZ12" s="278">
        <v>24</v>
      </c>
      <c r="CA12" s="283">
        <v>24</v>
      </c>
      <c r="CB12" s="277">
        <v>0</v>
      </c>
      <c r="CC12" s="281">
        <v>0</v>
      </c>
      <c r="CD12" s="278">
        <v>0</v>
      </c>
      <c r="CE12" s="280">
        <v>0</v>
      </c>
      <c r="CF12" s="281">
        <v>0</v>
      </c>
      <c r="CG12" s="281">
        <v>0</v>
      </c>
      <c r="CH12" s="281">
        <v>0</v>
      </c>
      <c r="CI12" s="281">
        <v>1</v>
      </c>
      <c r="CJ12" s="281">
        <v>0</v>
      </c>
      <c r="CK12" s="278">
        <v>1</v>
      </c>
      <c r="CL12" s="283">
        <v>1</v>
      </c>
      <c r="CM12" s="277">
        <v>0</v>
      </c>
      <c r="CN12" s="281">
        <v>0</v>
      </c>
      <c r="CO12" s="278">
        <v>0</v>
      </c>
      <c r="CP12" s="280">
        <v>0</v>
      </c>
      <c r="CQ12" s="281">
        <v>7</v>
      </c>
      <c r="CR12" s="281">
        <v>2</v>
      </c>
      <c r="CS12" s="281">
        <v>14</v>
      </c>
      <c r="CT12" s="281">
        <v>14</v>
      </c>
      <c r="CU12" s="281">
        <v>9</v>
      </c>
      <c r="CV12" s="278">
        <v>46</v>
      </c>
      <c r="CW12" s="283">
        <v>46</v>
      </c>
    </row>
    <row r="13" spans="1:101" ht="21" customHeight="1" x14ac:dyDescent="0.2">
      <c r="B13" s="262" t="s">
        <v>10</v>
      </c>
      <c r="C13" s="277">
        <v>0</v>
      </c>
      <c r="D13" s="278">
        <v>0</v>
      </c>
      <c r="E13" s="279">
        <v>0</v>
      </c>
      <c r="F13" s="280">
        <v>0</v>
      </c>
      <c r="G13" s="281">
        <v>25</v>
      </c>
      <c r="H13" s="281">
        <v>15</v>
      </c>
      <c r="I13" s="281">
        <v>13</v>
      </c>
      <c r="J13" s="281">
        <v>18</v>
      </c>
      <c r="K13" s="281">
        <v>12</v>
      </c>
      <c r="L13" s="282">
        <v>83</v>
      </c>
      <c r="M13" s="283">
        <v>83</v>
      </c>
      <c r="N13" s="277">
        <v>0</v>
      </c>
      <c r="O13" s="281">
        <v>0</v>
      </c>
      <c r="P13" s="278">
        <v>0</v>
      </c>
      <c r="Q13" s="280">
        <v>0</v>
      </c>
      <c r="R13" s="281">
        <v>11</v>
      </c>
      <c r="S13" s="281">
        <v>14</v>
      </c>
      <c r="T13" s="281">
        <v>13</v>
      </c>
      <c r="U13" s="281">
        <v>11</v>
      </c>
      <c r="V13" s="281">
        <v>7</v>
      </c>
      <c r="W13" s="278">
        <v>56</v>
      </c>
      <c r="X13" s="283">
        <v>56</v>
      </c>
      <c r="Y13" s="277">
        <v>0</v>
      </c>
      <c r="Z13" s="281">
        <v>0</v>
      </c>
      <c r="AA13" s="278">
        <v>0</v>
      </c>
      <c r="AB13" s="280">
        <v>0</v>
      </c>
      <c r="AC13" s="281">
        <v>565</v>
      </c>
      <c r="AD13" s="281">
        <v>274</v>
      </c>
      <c r="AE13" s="281">
        <v>130</v>
      </c>
      <c r="AF13" s="281">
        <v>60</v>
      </c>
      <c r="AG13" s="281">
        <v>33</v>
      </c>
      <c r="AH13" s="278">
        <v>1062</v>
      </c>
      <c r="AI13" s="283">
        <v>1062</v>
      </c>
      <c r="AJ13" s="277">
        <v>0</v>
      </c>
      <c r="AK13" s="281">
        <v>1</v>
      </c>
      <c r="AL13" s="278">
        <v>1</v>
      </c>
      <c r="AM13" s="280">
        <v>0</v>
      </c>
      <c r="AN13" s="281">
        <v>15</v>
      </c>
      <c r="AO13" s="281">
        <v>19</v>
      </c>
      <c r="AP13" s="281">
        <v>22</v>
      </c>
      <c r="AQ13" s="281">
        <v>8</v>
      </c>
      <c r="AR13" s="281">
        <v>10</v>
      </c>
      <c r="AS13" s="278">
        <v>74</v>
      </c>
      <c r="AT13" s="283">
        <v>75</v>
      </c>
      <c r="AU13" s="277">
        <v>11</v>
      </c>
      <c r="AV13" s="281">
        <v>23</v>
      </c>
      <c r="AW13" s="278">
        <v>34</v>
      </c>
      <c r="AX13" s="280">
        <v>0</v>
      </c>
      <c r="AY13" s="281">
        <v>89</v>
      </c>
      <c r="AZ13" s="281">
        <v>75</v>
      </c>
      <c r="BA13" s="281">
        <v>79</v>
      </c>
      <c r="BB13" s="281">
        <v>51</v>
      </c>
      <c r="BC13" s="281">
        <v>36</v>
      </c>
      <c r="BD13" s="278">
        <v>330</v>
      </c>
      <c r="BE13" s="283">
        <v>364</v>
      </c>
      <c r="BF13" s="277">
        <v>0</v>
      </c>
      <c r="BG13" s="281">
        <v>3</v>
      </c>
      <c r="BH13" s="278">
        <v>3</v>
      </c>
      <c r="BI13" s="280">
        <v>0</v>
      </c>
      <c r="BJ13" s="281">
        <v>117</v>
      </c>
      <c r="BK13" s="281">
        <v>129</v>
      </c>
      <c r="BL13" s="281">
        <v>90</v>
      </c>
      <c r="BM13" s="281">
        <v>85</v>
      </c>
      <c r="BN13" s="281">
        <v>86</v>
      </c>
      <c r="BO13" s="282">
        <v>507</v>
      </c>
      <c r="BP13" s="283">
        <v>510</v>
      </c>
      <c r="BQ13" s="277">
        <v>0</v>
      </c>
      <c r="BR13" s="281">
        <v>0</v>
      </c>
      <c r="BS13" s="278">
        <v>0</v>
      </c>
      <c r="BT13" s="280">
        <v>0</v>
      </c>
      <c r="BU13" s="281">
        <v>25</v>
      </c>
      <c r="BV13" s="281">
        <v>32</v>
      </c>
      <c r="BW13" s="281">
        <v>33</v>
      </c>
      <c r="BX13" s="281">
        <v>28</v>
      </c>
      <c r="BY13" s="281">
        <v>33</v>
      </c>
      <c r="BZ13" s="278">
        <v>151</v>
      </c>
      <c r="CA13" s="283">
        <v>151</v>
      </c>
      <c r="CB13" s="277">
        <v>0</v>
      </c>
      <c r="CC13" s="281">
        <v>0</v>
      </c>
      <c r="CD13" s="278">
        <v>0</v>
      </c>
      <c r="CE13" s="280">
        <v>0</v>
      </c>
      <c r="CF13" s="281">
        <v>0</v>
      </c>
      <c r="CG13" s="281">
        <v>0</v>
      </c>
      <c r="CH13" s="281">
        <v>5</v>
      </c>
      <c r="CI13" s="281">
        <v>19</v>
      </c>
      <c r="CJ13" s="281">
        <v>19</v>
      </c>
      <c r="CK13" s="278">
        <v>43</v>
      </c>
      <c r="CL13" s="283">
        <v>43</v>
      </c>
      <c r="CM13" s="277">
        <v>0</v>
      </c>
      <c r="CN13" s="281">
        <v>0</v>
      </c>
      <c r="CO13" s="278">
        <v>0</v>
      </c>
      <c r="CP13" s="280">
        <v>0</v>
      </c>
      <c r="CQ13" s="281">
        <v>25</v>
      </c>
      <c r="CR13" s="281">
        <v>37</v>
      </c>
      <c r="CS13" s="281">
        <v>32</v>
      </c>
      <c r="CT13" s="281">
        <v>32</v>
      </c>
      <c r="CU13" s="281">
        <v>33</v>
      </c>
      <c r="CV13" s="278">
        <v>159</v>
      </c>
      <c r="CW13" s="283">
        <v>159</v>
      </c>
    </row>
    <row r="14" spans="1:101" ht="21" customHeight="1" x14ac:dyDescent="0.2">
      <c r="B14" s="262" t="s">
        <v>11</v>
      </c>
      <c r="C14" s="277">
        <v>0</v>
      </c>
      <c r="D14" s="278">
        <v>0</v>
      </c>
      <c r="E14" s="279">
        <v>0</v>
      </c>
      <c r="F14" s="280">
        <v>0</v>
      </c>
      <c r="G14" s="281">
        <v>11</v>
      </c>
      <c r="H14" s="281">
        <v>6</v>
      </c>
      <c r="I14" s="281">
        <v>6</v>
      </c>
      <c r="J14" s="281">
        <v>7</v>
      </c>
      <c r="K14" s="281">
        <v>7</v>
      </c>
      <c r="L14" s="282">
        <v>37</v>
      </c>
      <c r="M14" s="283">
        <v>37</v>
      </c>
      <c r="N14" s="277">
        <v>0</v>
      </c>
      <c r="O14" s="281">
        <v>0</v>
      </c>
      <c r="P14" s="278">
        <v>0</v>
      </c>
      <c r="Q14" s="280">
        <v>0</v>
      </c>
      <c r="R14" s="281">
        <v>11</v>
      </c>
      <c r="S14" s="281">
        <v>15</v>
      </c>
      <c r="T14" s="281">
        <v>7</v>
      </c>
      <c r="U14" s="281">
        <v>8</v>
      </c>
      <c r="V14" s="281">
        <v>5</v>
      </c>
      <c r="W14" s="278">
        <v>46</v>
      </c>
      <c r="X14" s="283">
        <v>46</v>
      </c>
      <c r="Y14" s="277">
        <v>0</v>
      </c>
      <c r="Z14" s="281">
        <v>0</v>
      </c>
      <c r="AA14" s="278">
        <v>0</v>
      </c>
      <c r="AB14" s="280">
        <v>0</v>
      </c>
      <c r="AC14" s="281">
        <v>542</v>
      </c>
      <c r="AD14" s="281">
        <v>250</v>
      </c>
      <c r="AE14" s="281">
        <v>132</v>
      </c>
      <c r="AF14" s="281">
        <v>80</v>
      </c>
      <c r="AG14" s="281">
        <v>28</v>
      </c>
      <c r="AH14" s="278">
        <v>1032</v>
      </c>
      <c r="AI14" s="283">
        <v>1032</v>
      </c>
      <c r="AJ14" s="277">
        <v>0</v>
      </c>
      <c r="AK14" s="281">
        <v>1</v>
      </c>
      <c r="AL14" s="278">
        <v>1</v>
      </c>
      <c r="AM14" s="280">
        <v>0</v>
      </c>
      <c r="AN14" s="281">
        <v>19</v>
      </c>
      <c r="AO14" s="281">
        <v>16</v>
      </c>
      <c r="AP14" s="281">
        <v>11</v>
      </c>
      <c r="AQ14" s="281">
        <v>1</v>
      </c>
      <c r="AR14" s="281">
        <v>1</v>
      </c>
      <c r="AS14" s="278">
        <v>48</v>
      </c>
      <c r="AT14" s="283">
        <v>49</v>
      </c>
      <c r="AU14" s="277">
        <v>3</v>
      </c>
      <c r="AV14" s="281">
        <v>4</v>
      </c>
      <c r="AW14" s="278">
        <v>7</v>
      </c>
      <c r="AX14" s="280">
        <v>0</v>
      </c>
      <c r="AY14" s="281">
        <v>40</v>
      </c>
      <c r="AZ14" s="281">
        <v>43</v>
      </c>
      <c r="BA14" s="281">
        <v>33</v>
      </c>
      <c r="BB14" s="281">
        <v>19</v>
      </c>
      <c r="BC14" s="281">
        <v>9</v>
      </c>
      <c r="BD14" s="278">
        <v>144</v>
      </c>
      <c r="BE14" s="283">
        <v>151</v>
      </c>
      <c r="BF14" s="277">
        <v>0</v>
      </c>
      <c r="BG14" s="281">
        <v>6</v>
      </c>
      <c r="BH14" s="278">
        <v>6</v>
      </c>
      <c r="BI14" s="280">
        <v>0</v>
      </c>
      <c r="BJ14" s="281">
        <v>60</v>
      </c>
      <c r="BK14" s="281">
        <v>80</v>
      </c>
      <c r="BL14" s="281">
        <v>66</v>
      </c>
      <c r="BM14" s="281">
        <v>46</v>
      </c>
      <c r="BN14" s="281">
        <v>32</v>
      </c>
      <c r="BO14" s="282">
        <v>284</v>
      </c>
      <c r="BP14" s="283">
        <v>290</v>
      </c>
      <c r="BQ14" s="277">
        <v>0</v>
      </c>
      <c r="BR14" s="281">
        <v>0</v>
      </c>
      <c r="BS14" s="278">
        <v>0</v>
      </c>
      <c r="BT14" s="280">
        <v>0</v>
      </c>
      <c r="BU14" s="281">
        <v>0</v>
      </c>
      <c r="BV14" s="281">
        <v>0</v>
      </c>
      <c r="BW14" s="281">
        <v>0</v>
      </c>
      <c r="BX14" s="281">
        <v>0</v>
      </c>
      <c r="BY14" s="281">
        <v>0</v>
      </c>
      <c r="BZ14" s="278">
        <v>0</v>
      </c>
      <c r="CA14" s="283">
        <v>0</v>
      </c>
      <c r="CB14" s="277">
        <v>0</v>
      </c>
      <c r="CC14" s="281">
        <v>0</v>
      </c>
      <c r="CD14" s="278">
        <v>0</v>
      </c>
      <c r="CE14" s="280">
        <v>0</v>
      </c>
      <c r="CF14" s="281">
        <v>0</v>
      </c>
      <c r="CG14" s="281">
        <v>1</v>
      </c>
      <c r="CH14" s="281">
        <v>0</v>
      </c>
      <c r="CI14" s="281">
        <v>0</v>
      </c>
      <c r="CJ14" s="281">
        <v>0</v>
      </c>
      <c r="CK14" s="278">
        <v>1</v>
      </c>
      <c r="CL14" s="283">
        <v>1</v>
      </c>
      <c r="CM14" s="277">
        <v>0</v>
      </c>
      <c r="CN14" s="281">
        <v>0</v>
      </c>
      <c r="CO14" s="278">
        <v>0</v>
      </c>
      <c r="CP14" s="280">
        <v>0</v>
      </c>
      <c r="CQ14" s="281">
        <v>6</v>
      </c>
      <c r="CR14" s="281">
        <v>3</v>
      </c>
      <c r="CS14" s="281">
        <v>2</v>
      </c>
      <c r="CT14" s="281">
        <v>8</v>
      </c>
      <c r="CU14" s="281">
        <v>3</v>
      </c>
      <c r="CV14" s="278">
        <v>22</v>
      </c>
      <c r="CW14" s="283">
        <v>22</v>
      </c>
    </row>
    <row r="15" spans="1:101" ht="21" customHeight="1" x14ac:dyDescent="0.2">
      <c r="B15" s="262" t="s">
        <v>12</v>
      </c>
      <c r="C15" s="277">
        <v>0</v>
      </c>
      <c r="D15" s="278">
        <v>0</v>
      </c>
      <c r="E15" s="279">
        <v>0</v>
      </c>
      <c r="F15" s="280">
        <v>0</v>
      </c>
      <c r="G15" s="281">
        <v>9</v>
      </c>
      <c r="H15" s="281">
        <v>4</v>
      </c>
      <c r="I15" s="281">
        <v>4</v>
      </c>
      <c r="J15" s="281">
        <v>5</v>
      </c>
      <c r="K15" s="281">
        <v>3</v>
      </c>
      <c r="L15" s="282">
        <v>25</v>
      </c>
      <c r="M15" s="283">
        <v>25</v>
      </c>
      <c r="N15" s="277">
        <v>0</v>
      </c>
      <c r="O15" s="281">
        <v>0</v>
      </c>
      <c r="P15" s="278">
        <v>0</v>
      </c>
      <c r="Q15" s="280">
        <v>0</v>
      </c>
      <c r="R15" s="281">
        <v>0</v>
      </c>
      <c r="S15" s="281">
        <v>0</v>
      </c>
      <c r="T15" s="281">
        <v>0</v>
      </c>
      <c r="U15" s="281">
        <v>0</v>
      </c>
      <c r="V15" s="281">
        <v>0</v>
      </c>
      <c r="W15" s="278">
        <v>0</v>
      </c>
      <c r="X15" s="283">
        <v>0</v>
      </c>
      <c r="Y15" s="277">
        <v>0</v>
      </c>
      <c r="Z15" s="281">
        <v>0</v>
      </c>
      <c r="AA15" s="278">
        <v>0</v>
      </c>
      <c r="AB15" s="280">
        <v>0</v>
      </c>
      <c r="AC15" s="281">
        <v>402</v>
      </c>
      <c r="AD15" s="281">
        <v>240</v>
      </c>
      <c r="AE15" s="281">
        <v>169</v>
      </c>
      <c r="AF15" s="281">
        <v>85</v>
      </c>
      <c r="AG15" s="281">
        <v>38</v>
      </c>
      <c r="AH15" s="278">
        <v>934</v>
      </c>
      <c r="AI15" s="283">
        <v>934</v>
      </c>
      <c r="AJ15" s="277">
        <v>0</v>
      </c>
      <c r="AK15" s="281">
        <v>0</v>
      </c>
      <c r="AL15" s="278">
        <v>0</v>
      </c>
      <c r="AM15" s="280">
        <v>0</v>
      </c>
      <c r="AN15" s="281">
        <v>6</v>
      </c>
      <c r="AO15" s="281">
        <v>4</v>
      </c>
      <c r="AP15" s="281">
        <v>1</v>
      </c>
      <c r="AQ15" s="281">
        <v>0</v>
      </c>
      <c r="AR15" s="281">
        <v>1</v>
      </c>
      <c r="AS15" s="278">
        <v>12</v>
      </c>
      <c r="AT15" s="283">
        <v>12</v>
      </c>
      <c r="AU15" s="277">
        <v>2</v>
      </c>
      <c r="AV15" s="281">
        <v>1</v>
      </c>
      <c r="AW15" s="278">
        <v>3</v>
      </c>
      <c r="AX15" s="280">
        <v>0</v>
      </c>
      <c r="AY15" s="281">
        <v>26</v>
      </c>
      <c r="AZ15" s="281">
        <v>28</v>
      </c>
      <c r="BA15" s="281">
        <v>44</v>
      </c>
      <c r="BB15" s="281">
        <v>47</v>
      </c>
      <c r="BC15" s="281">
        <v>22</v>
      </c>
      <c r="BD15" s="278">
        <v>167</v>
      </c>
      <c r="BE15" s="283">
        <v>170</v>
      </c>
      <c r="BF15" s="277">
        <v>0</v>
      </c>
      <c r="BG15" s="281">
        <v>0</v>
      </c>
      <c r="BH15" s="278">
        <v>0</v>
      </c>
      <c r="BI15" s="280">
        <v>0</v>
      </c>
      <c r="BJ15" s="281">
        <v>47</v>
      </c>
      <c r="BK15" s="281">
        <v>41</v>
      </c>
      <c r="BL15" s="281">
        <v>53</v>
      </c>
      <c r="BM15" s="281">
        <v>33</v>
      </c>
      <c r="BN15" s="281">
        <v>33</v>
      </c>
      <c r="BO15" s="282">
        <v>207</v>
      </c>
      <c r="BP15" s="283">
        <v>207</v>
      </c>
      <c r="BQ15" s="277">
        <v>0</v>
      </c>
      <c r="BR15" s="281">
        <v>0</v>
      </c>
      <c r="BS15" s="278">
        <v>0</v>
      </c>
      <c r="BT15" s="280">
        <v>0</v>
      </c>
      <c r="BU15" s="281">
        <v>1</v>
      </c>
      <c r="BV15" s="281">
        <v>8</v>
      </c>
      <c r="BW15" s="281">
        <v>4</v>
      </c>
      <c r="BX15" s="281">
        <v>10</v>
      </c>
      <c r="BY15" s="281">
        <v>4</v>
      </c>
      <c r="BZ15" s="278">
        <v>27</v>
      </c>
      <c r="CA15" s="283">
        <v>27</v>
      </c>
      <c r="CB15" s="277">
        <v>0</v>
      </c>
      <c r="CC15" s="281">
        <v>0</v>
      </c>
      <c r="CD15" s="278">
        <v>0</v>
      </c>
      <c r="CE15" s="280">
        <v>0</v>
      </c>
      <c r="CF15" s="281">
        <v>1</v>
      </c>
      <c r="CG15" s="281">
        <v>1</v>
      </c>
      <c r="CH15" s="281">
        <v>12</v>
      </c>
      <c r="CI15" s="281">
        <v>10</v>
      </c>
      <c r="CJ15" s="281">
        <v>5</v>
      </c>
      <c r="CK15" s="278">
        <v>29</v>
      </c>
      <c r="CL15" s="283">
        <v>29</v>
      </c>
      <c r="CM15" s="277">
        <v>0</v>
      </c>
      <c r="CN15" s="281">
        <v>0</v>
      </c>
      <c r="CO15" s="278">
        <v>0</v>
      </c>
      <c r="CP15" s="280">
        <v>0</v>
      </c>
      <c r="CQ15" s="281">
        <v>11</v>
      </c>
      <c r="CR15" s="281">
        <v>10</v>
      </c>
      <c r="CS15" s="281">
        <v>19</v>
      </c>
      <c r="CT15" s="281">
        <v>24</v>
      </c>
      <c r="CU15" s="281">
        <v>14</v>
      </c>
      <c r="CV15" s="278">
        <v>78</v>
      </c>
      <c r="CW15" s="283">
        <v>78</v>
      </c>
    </row>
    <row r="16" spans="1:101" ht="21" customHeight="1" x14ac:dyDescent="0.2">
      <c r="B16" s="262" t="s">
        <v>13</v>
      </c>
      <c r="C16" s="277">
        <v>0</v>
      </c>
      <c r="D16" s="278">
        <v>0</v>
      </c>
      <c r="E16" s="279">
        <v>0</v>
      </c>
      <c r="F16" s="280">
        <v>0</v>
      </c>
      <c r="G16" s="281">
        <v>0</v>
      </c>
      <c r="H16" s="281">
        <v>1</v>
      </c>
      <c r="I16" s="281">
        <v>1</v>
      </c>
      <c r="J16" s="281">
        <v>0</v>
      </c>
      <c r="K16" s="281">
        <v>1</v>
      </c>
      <c r="L16" s="282">
        <v>3</v>
      </c>
      <c r="M16" s="283">
        <v>3</v>
      </c>
      <c r="N16" s="277">
        <v>0</v>
      </c>
      <c r="O16" s="281">
        <v>0</v>
      </c>
      <c r="P16" s="278">
        <v>0</v>
      </c>
      <c r="Q16" s="280">
        <v>0</v>
      </c>
      <c r="R16" s="281">
        <v>0</v>
      </c>
      <c r="S16" s="281">
        <v>0</v>
      </c>
      <c r="T16" s="281">
        <v>0</v>
      </c>
      <c r="U16" s="281">
        <v>0</v>
      </c>
      <c r="V16" s="281">
        <v>0</v>
      </c>
      <c r="W16" s="278">
        <v>0</v>
      </c>
      <c r="X16" s="283">
        <v>0</v>
      </c>
      <c r="Y16" s="277">
        <v>0</v>
      </c>
      <c r="Z16" s="281">
        <v>0</v>
      </c>
      <c r="AA16" s="278">
        <v>0</v>
      </c>
      <c r="AB16" s="280">
        <v>0</v>
      </c>
      <c r="AC16" s="281">
        <v>131</v>
      </c>
      <c r="AD16" s="281">
        <v>132</v>
      </c>
      <c r="AE16" s="281">
        <v>57</v>
      </c>
      <c r="AF16" s="281">
        <v>38</v>
      </c>
      <c r="AG16" s="281">
        <v>13</v>
      </c>
      <c r="AH16" s="278">
        <v>371</v>
      </c>
      <c r="AI16" s="283">
        <v>371</v>
      </c>
      <c r="AJ16" s="277">
        <v>0</v>
      </c>
      <c r="AK16" s="281">
        <v>0</v>
      </c>
      <c r="AL16" s="278">
        <v>0</v>
      </c>
      <c r="AM16" s="280">
        <v>0</v>
      </c>
      <c r="AN16" s="281">
        <v>2</v>
      </c>
      <c r="AO16" s="281">
        <v>3</v>
      </c>
      <c r="AP16" s="281">
        <v>7</v>
      </c>
      <c r="AQ16" s="281">
        <v>7</v>
      </c>
      <c r="AR16" s="281">
        <v>6</v>
      </c>
      <c r="AS16" s="278">
        <v>25</v>
      </c>
      <c r="AT16" s="283">
        <v>25</v>
      </c>
      <c r="AU16" s="277">
        <v>1</v>
      </c>
      <c r="AV16" s="281">
        <v>2</v>
      </c>
      <c r="AW16" s="278">
        <v>3</v>
      </c>
      <c r="AX16" s="280">
        <v>0</v>
      </c>
      <c r="AY16" s="281">
        <v>16</v>
      </c>
      <c r="AZ16" s="281">
        <v>11</v>
      </c>
      <c r="BA16" s="281">
        <v>7</v>
      </c>
      <c r="BB16" s="281">
        <v>3</v>
      </c>
      <c r="BC16" s="281">
        <v>1</v>
      </c>
      <c r="BD16" s="278">
        <v>38</v>
      </c>
      <c r="BE16" s="283">
        <v>41</v>
      </c>
      <c r="BF16" s="277">
        <v>0</v>
      </c>
      <c r="BG16" s="281">
        <v>0</v>
      </c>
      <c r="BH16" s="278">
        <v>0</v>
      </c>
      <c r="BI16" s="280">
        <v>0</v>
      </c>
      <c r="BJ16" s="281">
        <v>10</v>
      </c>
      <c r="BK16" s="281">
        <v>16</v>
      </c>
      <c r="BL16" s="281">
        <v>23</v>
      </c>
      <c r="BM16" s="281">
        <v>19</v>
      </c>
      <c r="BN16" s="281">
        <v>10</v>
      </c>
      <c r="BO16" s="282">
        <v>78</v>
      </c>
      <c r="BP16" s="283">
        <v>78</v>
      </c>
      <c r="BQ16" s="277">
        <v>0</v>
      </c>
      <c r="BR16" s="281">
        <v>0</v>
      </c>
      <c r="BS16" s="278">
        <v>0</v>
      </c>
      <c r="BT16" s="280">
        <v>0</v>
      </c>
      <c r="BU16" s="281">
        <v>0</v>
      </c>
      <c r="BV16" s="281">
        <v>0</v>
      </c>
      <c r="BW16" s="281">
        <v>3</v>
      </c>
      <c r="BX16" s="281">
        <v>8</v>
      </c>
      <c r="BY16" s="281">
        <v>4</v>
      </c>
      <c r="BZ16" s="278">
        <v>15</v>
      </c>
      <c r="CA16" s="283">
        <v>15</v>
      </c>
      <c r="CB16" s="277">
        <v>0</v>
      </c>
      <c r="CC16" s="281">
        <v>0</v>
      </c>
      <c r="CD16" s="278">
        <v>0</v>
      </c>
      <c r="CE16" s="280">
        <v>0</v>
      </c>
      <c r="CF16" s="281">
        <v>0</v>
      </c>
      <c r="CG16" s="281">
        <v>0</v>
      </c>
      <c r="CH16" s="281">
        <v>0</v>
      </c>
      <c r="CI16" s="281">
        <v>0</v>
      </c>
      <c r="CJ16" s="281">
        <v>0</v>
      </c>
      <c r="CK16" s="278">
        <v>0</v>
      </c>
      <c r="CL16" s="283">
        <v>0</v>
      </c>
      <c r="CM16" s="277">
        <v>0</v>
      </c>
      <c r="CN16" s="281">
        <v>0</v>
      </c>
      <c r="CO16" s="278">
        <v>0</v>
      </c>
      <c r="CP16" s="280">
        <v>0</v>
      </c>
      <c r="CQ16" s="281">
        <v>0</v>
      </c>
      <c r="CR16" s="281">
        <v>0</v>
      </c>
      <c r="CS16" s="281">
        <v>0</v>
      </c>
      <c r="CT16" s="281">
        <v>0</v>
      </c>
      <c r="CU16" s="281">
        <v>0</v>
      </c>
      <c r="CV16" s="278">
        <v>0</v>
      </c>
      <c r="CW16" s="283">
        <v>0</v>
      </c>
    </row>
    <row r="17" spans="2:101" ht="21" customHeight="1" x14ac:dyDescent="0.2">
      <c r="B17" s="262" t="s">
        <v>15</v>
      </c>
      <c r="C17" s="277">
        <v>0</v>
      </c>
      <c r="D17" s="278">
        <v>0</v>
      </c>
      <c r="E17" s="279">
        <v>0</v>
      </c>
      <c r="F17" s="280">
        <v>0</v>
      </c>
      <c r="G17" s="281">
        <v>2</v>
      </c>
      <c r="H17" s="281">
        <v>4</v>
      </c>
      <c r="I17" s="281">
        <v>1</v>
      </c>
      <c r="J17" s="281">
        <v>4</v>
      </c>
      <c r="K17" s="281">
        <v>6</v>
      </c>
      <c r="L17" s="282">
        <v>17</v>
      </c>
      <c r="M17" s="283">
        <v>17</v>
      </c>
      <c r="N17" s="277">
        <v>0</v>
      </c>
      <c r="O17" s="281">
        <v>0</v>
      </c>
      <c r="P17" s="278">
        <v>0</v>
      </c>
      <c r="Q17" s="280">
        <v>0</v>
      </c>
      <c r="R17" s="281">
        <v>0</v>
      </c>
      <c r="S17" s="281">
        <v>0</v>
      </c>
      <c r="T17" s="281">
        <v>0</v>
      </c>
      <c r="U17" s="281">
        <v>0</v>
      </c>
      <c r="V17" s="281">
        <v>0</v>
      </c>
      <c r="W17" s="278">
        <v>0</v>
      </c>
      <c r="X17" s="283">
        <v>0</v>
      </c>
      <c r="Y17" s="277">
        <v>0</v>
      </c>
      <c r="Z17" s="281">
        <v>0</v>
      </c>
      <c r="AA17" s="278">
        <v>0</v>
      </c>
      <c r="AB17" s="280">
        <v>0</v>
      </c>
      <c r="AC17" s="281">
        <v>138</v>
      </c>
      <c r="AD17" s="281">
        <v>160</v>
      </c>
      <c r="AE17" s="281">
        <v>82</v>
      </c>
      <c r="AF17" s="281">
        <v>36</v>
      </c>
      <c r="AG17" s="281">
        <v>14</v>
      </c>
      <c r="AH17" s="278">
        <v>430</v>
      </c>
      <c r="AI17" s="283">
        <v>430</v>
      </c>
      <c r="AJ17" s="277">
        <v>0</v>
      </c>
      <c r="AK17" s="281">
        <v>0</v>
      </c>
      <c r="AL17" s="278">
        <v>0</v>
      </c>
      <c r="AM17" s="280">
        <v>0</v>
      </c>
      <c r="AN17" s="281">
        <v>5</v>
      </c>
      <c r="AO17" s="281">
        <v>6</v>
      </c>
      <c r="AP17" s="281">
        <v>6</v>
      </c>
      <c r="AQ17" s="281">
        <v>2</v>
      </c>
      <c r="AR17" s="281">
        <v>3</v>
      </c>
      <c r="AS17" s="278">
        <v>22</v>
      </c>
      <c r="AT17" s="283">
        <v>22</v>
      </c>
      <c r="AU17" s="277">
        <v>4</v>
      </c>
      <c r="AV17" s="281">
        <v>13</v>
      </c>
      <c r="AW17" s="278">
        <v>17</v>
      </c>
      <c r="AX17" s="280">
        <v>0</v>
      </c>
      <c r="AY17" s="281">
        <v>19</v>
      </c>
      <c r="AZ17" s="281">
        <v>20</v>
      </c>
      <c r="BA17" s="281">
        <v>11</v>
      </c>
      <c r="BB17" s="281">
        <v>15</v>
      </c>
      <c r="BC17" s="281">
        <v>5</v>
      </c>
      <c r="BD17" s="278">
        <v>70</v>
      </c>
      <c r="BE17" s="283">
        <v>87</v>
      </c>
      <c r="BF17" s="277">
        <v>0</v>
      </c>
      <c r="BG17" s="281">
        <v>3</v>
      </c>
      <c r="BH17" s="278">
        <v>3</v>
      </c>
      <c r="BI17" s="280">
        <v>0</v>
      </c>
      <c r="BJ17" s="281">
        <v>39</v>
      </c>
      <c r="BK17" s="281">
        <v>30</v>
      </c>
      <c r="BL17" s="281">
        <v>39</v>
      </c>
      <c r="BM17" s="281">
        <v>31</v>
      </c>
      <c r="BN17" s="281">
        <v>15</v>
      </c>
      <c r="BO17" s="282">
        <v>154</v>
      </c>
      <c r="BP17" s="283">
        <v>157</v>
      </c>
      <c r="BQ17" s="277">
        <v>0</v>
      </c>
      <c r="BR17" s="281">
        <v>0</v>
      </c>
      <c r="BS17" s="278">
        <v>0</v>
      </c>
      <c r="BT17" s="280">
        <v>0</v>
      </c>
      <c r="BU17" s="281">
        <v>0</v>
      </c>
      <c r="BV17" s="281">
        <v>0</v>
      </c>
      <c r="BW17" s="281">
        <v>0</v>
      </c>
      <c r="BX17" s="281">
        <v>0</v>
      </c>
      <c r="BY17" s="281">
        <v>0</v>
      </c>
      <c r="BZ17" s="278">
        <v>0</v>
      </c>
      <c r="CA17" s="283">
        <v>0</v>
      </c>
      <c r="CB17" s="277">
        <v>0</v>
      </c>
      <c r="CC17" s="281">
        <v>0</v>
      </c>
      <c r="CD17" s="278">
        <v>0</v>
      </c>
      <c r="CE17" s="280">
        <v>0</v>
      </c>
      <c r="CF17" s="281">
        <v>0</v>
      </c>
      <c r="CG17" s="281">
        <v>0</v>
      </c>
      <c r="CH17" s="281">
        <v>10</v>
      </c>
      <c r="CI17" s="281">
        <v>13</v>
      </c>
      <c r="CJ17" s="281">
        <v>6</v>
      </c>
      <c r="CK17" s="278">
        <v>29</v>
      </c>
      <c r="CL17" s="283">
        <v>29</v>
      </c>
      <c r="CM17" s="277">
        <v>0</v>
      </c>
      <c r="CN17" s="281">
        <v>0</v>
      </c>
      <c r="CO17" s="278">
        <v>0</v>
      </c>
      <c r="CP17" s="280">
        <v>0</v>
      </c>
      <c r="CQ17" s="281">
        <v>0</v>
      </c>
      <c r="CR17" s="281">
        <v>0</v>
      </c>
      <c r="CS17" s="281">
        <v>0</v>
      </c>
      <c r="CT17" s="281">
        <v>0</v>
      </c>
      <c r="CU17" s="281">
        <v>0</v>
      </c>
      <c r="CV17" s="278">
        <v>0</v>
      </c>
      <c r="CW17" s="283">
        <v>0</v>
      </c>
    </row>
    <row r="18" spans="2:101" ht="21" customHeight="1" x14ac:dyDescent="0.2">
      <c r="B18" s="262" t="s">
        <v>16</v>
      </c>
      <c r="C18" s="277">
        <v>0</v>
      </c>
      <c r="D18" s="278">
        <v>0</v>
      </c>
      <c r="E18" s="279">
        <v>0</v>
      </c>
      <c r="F18" s="280">
        <v>0</v>
      </c>
      <c r="G18" s="281">
        <v>5</v>
      </c>
      <c r="H18" s="281">
        <v>11</v>
      </c>
      <c r="I18" s="281">
        <v>12</v>
      </c>
      <c r="J18" s="281">
        <v>11</v>
      </c>
      <c r="K18" s="281">
        <v>7</v>
      </c>
      <c r="L18" s="282">
        <v>46</v>
      </c>
      <c r="M18" s="283">
        <v>46</v>
      </c>
      <c r="N18" s="277">
        <v>0</v>
      </c>
      <c r="O18" s="281">
        <v>0</v>
      </c>
      <c r="P18" s="278">
        <v>0</v>
      </c>
      <c r="Q18" s="280">
        <v>0</v>
      </c>
      <c r="R18" s="281">
        <v>0</v>
      </c>
      <c r="S18" s="281">
        <v>2</v>
      </c>
      <c r="T18" s="281">
        <v>2</v>
      </c>
      <c r="U18" s="281">
        <v>2</v>
      </c>
      <c r="V18" s="281">
        <v>0</v>
      </c>
      <c r="W18" s="278">
        <v>6</v>
      </c>
      <c r="X18" s="283">
        <v>6</v>
      </c>
      <c r="Y18" s="277">
        <v>0</v>
      </c>
      <c r="Z18" s="281">
        <v>0</v>
      </c>
      <c r="AA18" s="278">
        <v>0</v>
      </c>
      <c r="AB18" s="280">
        <v>0</v>
      </c>
      <c r="AC18" s="281">
        <v>182</v>
      </c>
      <c r="AD18" s="281">
        <v>200</v>
      </c>
      <c r="AE18" s="281">
        <v>94</v>
      </c>
      <c r="AF18" s="281">
        <v>43</v>
      </c>
      <c r="AG18" s="281">
        <v>20</v>
      </c>
      <c r="AH18" s="278">
        <v>539</v>
      </c>
      <c r="AI18" s="283">
        <v>539</v>
      </c>
      <c r="AJ18" s="277">
        <v>0</v>
      </c>
      <c r="AK18" s="281">
        <v>0</v>
      </c>
      <c r="AL18" s="278">
        <v>0</v>
      </c>
      <c r="AM18" s="280">
        <v>0</v>
      </c>
      <c r="AN18" s="281">
        <v>7</v>
      </c>
      <c r="AO18" s="281">
        <v>9</v>
      </c>
      <c r="AP18" s="281">
        <v>9</v>
      </c>
      <c r="AQ18" s="281">
        <v>4</v>
      </c>
      <c r="AR18" s="281">
        <v>4</v>
      </c>
      <c r="AS18" s="278">
        <v>33</v>
      </c>
      <c r="AT18" s="283">
        <v>33</v>
      </c>
      <c r="AU18" s="277">
        <v>1</v>
      </c>
      <c r="AV18" s="281">
        <v>1</v>
      </c>
      <c r="AW18" s="278">
        <v>2</v>
      </c>
      <c r="AX18" s="280">
        <v>0</v>
      </c>
      <c r="AY18" s="281">
        <v>12</v>
      </c>
      <c r="AZ18" s="281">
        <v>24</v>
      </c>
      <c r="BA18" s="281">
        <v>10</v>
      </c>
      <c r="BB18" s="281">
        <v>21</v>
      </c>
      <c r="BC18" s="281">
        <v>10</v>
      </c>
      <c r="BD18" s="278">
        <v>77</v>
      </c>
      <c r="BE18" s="283">
        <v>79</v>
      </c>
      <c r="BF18" s="277">
        <v>0</v>
      </c>
      <c r="BG18" s="281">
        <v>0</v>
      </c>
      <c r="BH18" s="278">
        <v>0</v>
      </c>
      <c r="BI18" s="280">
        <v>0</v>
      </c>
      <c r="BJ18" s="281">
        <v>16</v>
      </c>
      <c r="BK18" s="281">
        <v>43</v>
      </c>
      <c r="BL18" s="281">
        <v>60</v>
      </c>
      <c r="BM18" s="281">
        <v>42</v>
      </c>
      <c r="BN18" s="281">
        <v>30</v>
      </c>
      <c r="BO18" s="282">
        <v>191</v>
      </c>
      <c r="BP18" s="283">
        <v>191</v>
      </c>
      <c r="BQ18" s="277">
        <v>0</v>
      </c>
      <c r="BR18" s="281">
        <v>0</v>
      </c>
      <c r="BS18" s="278">
        <v>0</v>
      </c>
      <c r="BT18" s="280">
        <v>0</v>
      </c>
      <c r="BU18" s="281">
        <v>0</v>
      </c>
      <c r="BV18" s="281">
        <v>0</v>
      </c>
      <c r="BW18" s="281">
        <v>0</v>
      </c>
      <c r="BX18" s="281">
        <v>0</v>
      </c>
      <c r="BY18" s="281">
        <v>0</v>
      </c>
      <c r="BZ18" s="278">
        <v>0</v>
      </c>
      <c r="CA18" s="283">
        <v>0</v>
      </c>
      <c r="CB18" s="277">
        <v>0</v>
      </c>
      <c r="CC18" s="281">
        <v>0</v>
      </c>
      <c r="CD18" s="278">
        <v>0</v>
      </c>
      <c r="CE18" s="280">
        <v>0</v>
      </c>
      <c r="CF18" s="281">
        <v>1</v>
      </c>
      <c r="CG18" s="281">
        <v>2</v>
      </c>
      <c r="CH18" s="281">
        <v>9</v>
      </c>
      <c r="CI18" s="281">
        <v>10</v>
      </c>
      <c r="CJ18" s="281">
        <v>8</v>
      </c>
      <c r="CK18" s="278">
        <v>30</v>
      </c>
      <c r="CL18" s="283">
        <v>30</v>
      </c>
      <c r="CM18" s="277">
        <v>0</v>
      </c>
      <c r="CN18" s="281">
        <v>0</v>
      </c>
      <c r="CO18" s="278">
        <v>0</v>
      </c>
      <c r="CP18" s="280">
        <v>0</v>
      </c>
      <c r="CQ18" s="281">
        <v>3</v>
      </c>
      <c r="CR18" s="281">
        <v>5</v>
      </c>
      <c r="CS18" s="281">
        <v>6</v>
      </c>
      <c r="CT18" s="281">
        <v>1</v>
      </c>
      <c r="CU18" s="281">
        <v>4</v>
      </c>
      <c r="CV18" s="278">
        <v>19</v>
      </c>
      <c r="CW18" s="283">
        <v>19</v>
      </c>
    </row>
    <row r="19" spans="2:101" ht="21" customHeight="1" x14ac:dyDescent="0.2">
      <c r="B19" s="262" t="s">
        <v>17</v>
      </c>
      <c r="C19" s="277">
        <v>0</v>
      </c>
      <c r="D19" s="278">
        <v>0</v>
      </c>
      <c r="E19" s="279">
        <v>0</v>
      </c>
      <c r="F19" s="280">
        <v>0</v>
      </c>
      <c r="G19" s="281">
        <v>3</v>
      </c>
      <c r="H19" s="281">
        <v>5</v>
      </c>
      <c r="I19" s="281">
        <v>2</v>
      </c>
      <c r="J19" s="281">
        <v>5</v>
      </c>
      <c r="K19" s="281">
        <v>0</v>
      </c>
      <c r="L19" s="282">
        <v>15</v>
      </c>
      <c r="M19" s="283">
        <v>15</v>
      </c>
      <c r="N19" s="277">
        <v>0</v>
      </c>
      <c r="O19" s="281">
        <v>0</v>
      </c>
      <c r="P19" s="278">
        <v>0</v>
      </c>
      <c r="Q19" s="280">
        <v>0</v>
      </c>
      <c r="R19" s="281">
        <v>0</v>
      </c>
      <c r="S19" s="281">
        <v>0</v>
      </c>
      <c r="T19" s="281">
        <v>0</v>
      </c>
      <c r="U19" s="281">
        <v>0</v>
      </c>
      <c r="V19" s="281">
        <v>0</v>
      </c>
      <c r="W19" s="278">
        <v>0</v>
      </c>
      <c r="X19" s="283">
        <v>0</v>
      </c>
      <c r="Y19" s="277">
        <v>0</v>
      </c>
      <c r="Z19" s="281">
        <v>0</v>
      </c>
      <c r="AA19" s="278">
        <v>0</v>
      </c>
      <c r="AB19" s="280">
        <v>0</v>
      </c>
      <c r="AC19" s="281">
        <v>241</v>
      </c>
      <c r="AD19" s="281">
        <v>293</v>
      </c>
      <c r="AE19" s="281">
        <v>125</v>
      </c>
      <c r="AF19" s="281">
        <v>83</v>
      </c>
      <c r="AG19" s="281">
        <v>54</v>
      </c>
      <c r="AH19" s="278">
        <v>796</v>
      </c>
      <c r="AI19" s="283">
        <v>796</v>
      </c>
      <c r="AJ19" s="277">
        <v>2</v>
      </c>
      <c r="AK19" s="281">
        <v>2</v>
      </c>
      <c r="AL19" s="278">
        <v>4</v>
      </c>
      <c r="AM19" s="280">
        <v>0</v>
      </c>
      <c r="AN19" s="281">
        <v>22</v>
      </c>
      <c r="AO19" s="281">
        <v>19</v>
      </c>
      <c r="AP19" s="281">
        <v>26</v>
      </c>
      <c r="AQ19" s="281">
        <v>14</v>
      </c>
      <c r="AR19" s="281">
        <v>6</v>
      </c>
      <c r="AS19" s="278">
        <v>87</v>
      </c>
      <c r="AT19" s="283">
        <v>91</v>
      </c>
      <c r="AU19" s="277">
        <v>1</v>
      </c>
      <c r="AV19" s="281">
        <v>2</v>
      </c>
      <c r="AW19" s="278">
        <v>3</v>
      </c>
      <c r="AX19" s="280">
        <v>0</v>
      </c>
      <c r="AY19" s="281">
        <v>10</v>
      </c>
      <c r="AZ19" s="281">
        <v>32</v>
      </c>
      <c r="BA19" s="281">
        <v>36</v>
      </c>
      <c r="BB19" s="281">
        <v>26</v>
      </c>
      <c r="BC19" s="281">
        <v>14</v>
      </c>
      <c r="BD19" s="278">
        <v>118</v>
      </c>
      <c r="BE19" s="283">
        <v>121</v>
      </c>
      <c r="BF19" s="277">
        <v>0</v>
      </c>
      <c r="BG19" s="281">
        <v>0</v>
      </c>
      <c r="BH19" s="278">
        <v>0</v>
      </c>
      <c r="BI19" s="280">
        <v>0</v>
      </c>
      <c r="BJ19" s="281">
        <v>43</v>
      </c>
      <c r="BK19" s="281">
        <v>66</v>
      </c>
      <c r="BL19" s="281">
        <v>55</v>
      </c>
      <c r="BM19" s="281">
        <v>39</v>
      </c>
      <c r="BN19" s="281">
        <v>22</v>
      </c>
      <c r="BO19" s="282">
        <v>225</v>
      </c>
      <c r="BP19" s="283">
        <v>225</v>
      </c>
      <c r="BQ19" s="277">
        <v>0</v>
      </c>
      <c r="BR19" s="281">
        <v>0</v>
      </c>
      <c r="BS19" s="278">
        <v>0</v>
      </c>
      <c r="BT19" s="280">
        <v>0</v>
      </c>
      <c r="BU19" s="281">
        <v>0</v>
      </c>
      <c r="BV19" s="281">
        <v>0</v>
      </c>
      <c r="BW19" s="281">
        <v>0</v>
      </c>
      <c r="BX19" s="281">
        <v>0</v>
      </c>
      <c r="BY19" s="281">
        <v>0</v>
      </c>
      <c r="BZ19" s="278">
        <v>0</v>
      </c>
      <c r="CA19" s="283">
        <v>0</v>
      </c>
      <c r="CB19" s="277">
        <v>0</v>
      </c>
      <c r="CC19" s="281">
        <v>0</v>
      </c>
      <c r="CD19" s="278">
        <v>0</v>
      </c>
      <c r="CE19" s="280">
        <v>0</v>
      </c>
      <c r="CF19" s="281">
        <v>1</v>
      </c>
      <c r="CG19" s="281">
        <v>1</v>
      </c>
      <c r="CH19" s="281">
        <v>32</v>
      </c>
      <c r="CI19" s="281">
        <v>29</v>
      </c>
      <c r="CJ19" s="281">
        <v>41</v>
      </c>
      <c r="CK19" s="278">
        <v>104</v>
      </c>
      <c r="CL19" s="283">
        <v>104</v>
      </c>
      <c r="CM19" s="277">
        <v>0</v>
      </c>
      <c r="CN19" s="281">
        <v>0</v>
      </c>
      <c r="CO19" s="278">
        <v>0</v>
      </c>
      <c r="CP19" s="280">
        <v>0</v>
      </c>
      <c r="CQ19" s="281">
        <v>3</v>
      </c>
      <c r="CR19" s="281">
        <v>0</v>
      </c>
      <c r="CS19" s="281">
        <v>2</v>
      </c>
      <c r="CT19" s="281">
        <v>5</v>
      </c>
      <c r="CU19" s="281">
        <v>9</v>
      </c>
      <c r="CV19" s="278">
        <v>19</v>
      </c>
      <c r="CW19" s="283">
        <v>19</v>
      </c>
    </row>
    <row r="20" spans="2:101" ht="21" customHeight="1" x14ac:dyDescent="0.2">
      <c r="B20" s="262" t="s">
        <v>18</v>
      </c>
      <c r="C20" s="277">
        <v>0</v>
      </c>
      <c r="D20" s="278">
        <v>0</v>
      </c>
      <c r="E20" s="279">
        <v>0</v>
      </c>
      <c r="F20" s="280">
        <v>0</v>
      </c>
      <c r="G20" s="281">
        <v>1</v>
      </c>
      <c r="H20" s="281">
        <v>2</v>
      </c>
      <c r="I20" s="281">
        <v>2</v>
      </c>
      <c r="J20" s="281">
        <v>0</v>
      </c>
      <c r="K20" s="281">
        <v>1</v>
      </c>
      <c r="L20" s="282">
        <v>6</v>
      </c>
      <c r="M20" s="283">
        <v>6</v>
      </c>
      <c r="N20" s="277">
        <v>0</v>
      </c>
      <c r="O20" s="281">
        <v>0</v>
      </c>
      <c r="P20" s="278">
        <v>0</v>
      </c>
      <c r="Q20" s="280">
        <v>0</v>
      </c>
      <c r="R20" s="281">
        <v>0</v>
      </c>
      <c r="S20" s="281">
        <v>0</v>
      </c>
      <c r="T20" s="281">
        <v>0</v>
      </c>
      <c r="U20" s="281">
        <v>0</v>
      </c>
      <c r="V20" s="281">
        <v>0</v>
      </c>
      <c r="W20" s="278">
        <v>0</v>
      </c>
      <c r="X20" s="283">
        <v>0</v>
      </c>
      <c r="Y20" s="277">
        <v>0</v>
      </c>
      <c r="Z20" s="281">
        <v>0</v>
      </c>
      <c r="AA20" s="278">
        <v>0</v>
      </c>
      <c r="AB20" s="280">
        <v>0</v>
      </c>
      <c r="AC20" s="281">
        <v>260</v>
      </c>
      <c r="AD20" s="281">
        <v>205</v>
      </c>
      <c r="AE20" s="281">
        <v>80</v>
      </c>
      <c r="AF20" s="281">
        <v>34</v>
      </c>
      <c r="AG20" s="281">
        <v>12</v>
      </c>
      <c r="AH20" s="278">
        <v>591</v>
      </c>
      <c r="AI20" s="283">
        <v>591</v>
      </c>
      <c r="AJ20" s="277">
        <v>0</v>
      </c>
      <c r="AK20" s="281">
        <v>0</v>
      </c>
      <c r="AL20" s="278">
        <v>0</v>
      </c>
      <c r="AM20" s="280">
        <v>0</v>
      </c>
      <c r="AN20" s="281">
        <v>15</v>
      </c>
      <c r="AO20" s="281">
        <v>6</v>
      </c>
      <c r="AP20" s="281">
        <v>17</v>
      </c>
      <c r="AQ20" s="281">
        <v>10</v>
      </c>
      <c r="AR20" s="281">
        <v>17</v>
      </c>
      <c r="AS20" s="278">
        <v>65</v>
      </c>
      <c r="AT20" s="283">
        <v>65</v>
      </c>
      <c r="AU20" s="277">
        <v>9</v>
      </c>
      <c r="AV20" s="281">
        <v>9</v>
      </c>
      <c r="AW20" s="278">
        <v>18</v>
      </c>
      <c r="AX20" s="280">
        <v>0</v>
      </c>
      <c r="AY20" s="281">
        <v>44</v>
      </c>
      <c r="AZ20" s="281">
        <v>50</v>
      </c>
      <c r="BA20" s="281">
        <v>33</v>
      </c>
      <c r="BB20" s="281">
        <v>23</v>
      </c>
      <c r="BC20" s="281">
        <v>11</v>
      </c>
      <c r="BD20" s="278">
        <v>161</v>
      </c>
      <c r="BE20" s="283">
        <v>179</v>
      </c>
      <c r="BF20" s="277">
        <v>0</v>
      </c>
      <c r="BG20" s="281">
        <v>2</v>
      </c>
      <c r="BH20" s="278">
        <v>2</v>
      </c>
      <c r="BI20" s="280">
        <v>0</v>
      </c>
      <c r="BJ20" s="281">
        <v>50</v>
      </c>
      <c r="BK20" s="281">
        <v>86</v>
      </c>
      <c r="BL20" s="281">
        <v>96</v>
      </c>
      <c r="BM20" s="281">
        <v>47</v>
      </c>
      <c r="BN20" s="281">
        <v>32</v>
      </c>
      <c r="BO20" s="282">
        <v>311</v>
      </c>
      <c r="BP20" s="283">
        <v>313</v>
      </c>
      <c r="BQ20" s="277">
        <v>0</v>
      </c>
      <c r="BR20" s="281">
        <v>0</v>
      </c>
      <c r="BS20" s="278">
        <v>0</v>
      </c>
      <c r="BT20" s="280">
        <v>0</v>
      </c>
      <c r="BU20" s="281">
        <v>0</v>
      </c>
      <c r="BV20" s="281">
        <v>0</v>
      </c>
      <c r="BW20" s="281">
        <v>0</v>
      </c>
      <c r="BX20" s="281">
        <v>0</v>
      </c>
      <c r="BY20" s="281">
        <v>0</v>
      </c>
      <c r="BZ20" s="278">
        <v>0</v>
      </c>
      <c r="CA20" s="283">
        <v>0</v>
      </c>
      <c r="CB20" s="277">
        <v>0</v>
      </c>
      <c r="CC20" s="281">
        <v>0</v>
      </c>
      <c r="CD20" s="278">
        <v>0</v>
      </c>
      <c r="CE20" s="280">
        <v>0</v>
      </c>
      <c r="CF20" s="281">
        <v>0</v>
      </c>
      <c r="CG20" s="281">
        <v>2</v>
      </c>
      <c r="CH20" s="281">
        <v>8</v>
      </c>
      <c r="CI20" s="281">
        <v>18</v>
      </c>
      <c r="CJ20" s="281">
        <v>2</v>
      </c>
      <c r="CK20" s="278">
        <v>30</v>
      </c>
      <c r="CL20" s="283">
        <v>30</v>
      </c>
      <c r="CM20" s="277">
        <v>0</v>
      </c>
      <c r="CN20" s="281">
        <v>0</v>
      </c>
      <c r="CO20" s="278">
        <v>0</v>
      </c>
      <c r="CP20" s="280">
        <v>0</v>
      </c>
      <c r="CQ20" s="281">
        <v>10</v>
      </c>
      <c r="CR20" s="281">
        <v>8</v>
      </c>
      <c r="CS20" s="281">
        <v>14</v>
      </c>
      <c r="CT20" s="281">
        <v>20</v>
      </c>
      <c r="CU20" s="281">
        <v>26</v>
      </c>
      <c r="CV20" s="278">
        <v>78</v>
      </c>
      <c r="CW20" s="283">
        <v>78</v>
      </c>
    </row>
    <row r="21" spans="2:101" ht="21" customHeight="1" x14ac:dyDescent="0.2">
      <c r="B21" s="262" t="s">
        <v>19</v>
      </c>
      <c r="C21" s="277">
        <v>0</v>
      </c>
      <c r="D21" s="278">
        <v>0</v>
      </c>
      <c r="E21" s="279">
        <v>0</v>
      </c>
      <c r="F21" s="280">
        <v>0</v>
      </c>
      <c r="G21" s="281">
        <v>16</v>
      </c>
      <c r="H21" s="281">
        <v>8</v>
      </c>
      <c r="I21" s="281">
        <v>2</v>
      </c>
      <c r="J21" s="281">
        <v>5</v>
      </c>
      <c r="K21" s="281">
        <v>4</v>
      </c>
      <c r="L21" s="282">
        <v>35</v>
      </c>
      <c r="M21" s="283">
        <v>35</v>
      </c>
      <c r="N21" s="277">
        <v>0</v>
      </c>
      <c r="O21" s="281">
        <v>0</v>
      </c>
      <c r="P21" s="278">
        <v>0</v>
      </c>
      <c r="Q21" s="280">
        <v>0</v>
      </c>
      <c r="R21" s="281">
        <v>1</v>
      </c>
      <c r="S21" s="281">
        <v>3</v>
      </c>
      <c r="T21" s="281">
        <v>3</v>
      </c>
      <c r="U21" s="281">
        <v>2</v>
      </c>
      <c r="V21" s="281">
        <v>0</v>
      </c>
      <c r="W21" s="278">
        <v>9</v>
      </c>
      <c r="X21" s="283">
        <v>9</v>
      </c>
      <c r="Y21" s="277">
        <v>0</v>
      </c>
      <c r="Z21" s="281">
        <v>0</v>
      </c>
      <c r="AA21" s="278">
        <v>0</v>
      </c>
      <c r="AB21" s="280">
        <v>0</v>
      </c>
      <c r="AC21" s="281">
        <v>145</v>
      </c>
      <c r="AD21" s="281">
        <v>111</v>
      </c>
      <c r="AE21" s="281">
        <v>49</v>
      </c>
      <c r="AF21" s="281">
        <v>21</v>
      </c>
      <c r="AG21" s="281">
        <v>10</v>
      </c>
      <c r="AH21" s="278">
        <v>336</v>
      </c>
      <c r="AI21" s="283">
        <v>336</v>
      </c>
      <c r="AJ21" s="277">
        <v>0</v>
      </c>
      <c r="AK21" s="281">
        <v>0</v>
      </c>
      <c r="AL21" s="278">
        <v>0</v>
      </c>
      <c r="AM21" s="280">
        <v>0</v>
      </c>
      <c r="AN21" s="281">
        <v>14</v>
      </c>
      <c r="AO21" s="281">
        <v>25</v>
      </c>
      <c r="AP21" s="281">
        <v>17</v>
      </c>
      <c r="AQ21" s="281">
        <v>2</v>
      </c>
      <c r="AR21" s="281">
        <v>4</v>
      </c>
      <c r="AS21" s="278">
        <v>62</v>
      </c>
      <c r="AT21" s="283">
        <v>62</v>
      </c>
      <c r="AU21" s="277">
        <v>1</v>
      </c>
      <c r="AV21" s="281">
        <v>2</v>
      </c>
      <c r="AW21" s="278">
        <v>3</v>
      </c>
      <c r="AX21" s="280">
        <v>0</v>
      </c>
      <c r="AY21" s="281">
        <v>19</v>
      </c>
      <c r="AZ21" s="281">
        <v>35</v>
      </c>
      <c r="BA21" s="281">
        <v>27</v>
      </c>
      <c r="BB21" s="281">
        <v>17</v>
      </c>
      <c r="BC21" s="281">
        <v>13</v>
      </c>
      <c r="BD21" s="278">
        <v>111</v>
      </c>
      <c r="BE21" s="283">
        <v>114</v>
      </c>
      <c r="BF21" s="277">
        <v>0</v>
      </c>
      <c r="BG21" s="281">
        <v>0</v>
      </c>
      <c r="BH21" s="278">
        <v>0</v>
      </c>
      <c r="BI21" s="280">
        <v>0</v>
      </c>
      <c r="BJ21" s="281">
        <v>8</v>
      </c>
      <c r="BK21" s="281">
        <v>19</v>
      </c>
      <c r="BL21" s="281">
        <v>25</v>
      </c>
      <c r="BM21" s="281">
        <v>16</v>
      </c>
      <c r="BN21" s="281">
        <v>14</v>
      </c>
      <c r="BO21" s="282">
        <v>82</v>
      </c>
      <c r="BP21" s="283">
        <v>82</v>
      </c>
      <c r="BQ21" s="277">
        <v>0</v>
      </c>
      <c r="BR21" s="281">
        <v>0</v>
      </c>
      <c r="BS21" s="278">
        <v>0</v>
      </c>
      <c r="BT21" s="280">
        <v>0</v>
      </c>
      <c r="BU21" s="281">
        <v>0</v>
      </c>
      <c r="BV21" s="281">
        <v>0</v>
      </c>
      <c r="BW21" s="281">
        <v>0</v>
      </c>
      <c r="BX21" s="281">
        <v>0</v>
      </c>
      <c r="BY21" s="281">
        <v>0</v>
      </c>
      <c r="BZ21" s="278">
        <v>0</v>
      </c>
      <c r="CA21" s="283">
        <v>0</v>
      </c>
      <c r="CB21" s="277">
        <v>0</v>
      </c>
      <c r="CC21" s="281">
        <v>0</v>
      </c>
      <c r="CD21" s="278">
        <v>0</v>
      </c>
      <c r="CE21" s="280">
        <v>0</v>
      </c>
      <c r="CF21" s="281">
        <v>0</v>
      </c>
      <c r="CG21" s="281">
        <v>0</v>
      </c>
      <c r="CH21" s="281">
        <v>0</v>
      </c>
      <c r="CI21" s="281">
        <v>0</v>
      </c>
      <c r="CJ21" s="281">
        <v>0</v>
      </c>
      <c r="CK21" s="278">
        <v>0</v>
      </c>
      <c r="CL21" s="283">
        <v>0</v>
      </c>
      <c r="CM21" s="277">
        <v>0</v>
      </c>
      <c r="CN21" s="281">
        <v>0</v>
      </c>
      <c r="CO21" s="278">
        <v>0</v>
      </c>
      <c r="CP21" s="280">
        <v>0</v>
      </c>
      <c r="CQ21" s="281">
        <v>2</v>
      </c>
      <c r="CR21" s="281">
        <v>2</v>
      </c>
      <c r="CS21" s="281">
        <v>0</v>
      </c>
      <c r="CT21" s="281">
        <v>3</v>
      </c>
      <c r="CU21" s="281">
        <v>10</v>
      </c>
      <c r="CV21" s="278">
        <v>17</v>
      </c>
      <c r="CW21" s="283">
        <v>17</v>
      </c>
    </row>
    <row r="22" spans="2:101" ht="21" customHeight="1" x14ac:dyDescent="0.2">
      <c r="B22" s="262" t="s">
        <v>20</v>
      </c>
      <c r="C22" s="277">
        <v>0</v>
      </c>
      <c r="D22" s="278">
        <v>0</v>
      </c>
      <c r="E22" s="279">
        <v>0</v>
      </c>
      <c r="F22" s="280">
        <v>0</v>
      </c>
      <c r="G22" s="281">
        <v>0</v>
      </c>
      <c r="H22" s="281">
        <v>0</v>
      </c>
      <c r="I22" s="281">
        <v>0</v>
      </c>
      <c r="J22" s="281">
        <v>0</v>
      </c>
      <c r="K22" s="281">
        <v>0</v>
      </c>
      <c r="L22" s="282">
        <v>0</v>
      </c>
      <c r="M22" s="283">
        <v>0</v>
      </c>
      <c r="N22" s="277">
        <v>0</v>
      </c>
      <c r="O22" s="281">
        <v>0</v>
      </c>
      <c r="P22" s="278">
        <v>0</v>
      </c>
      <c r="Q22" s="280">
        <v>0</v>
      </c>
      <c r="R22" s="281">
        <v>0</v>
      </c>
      <c r="S22" s="281">
        <v>0</v>
      </c>
      <c r="T22" s="281">
        <v>0</v>
      </c>
      <c r="U22" s="281">
        <v>0</v>
      </c>
      <c r="V22" s="281">
        <v>0</v>
      </c>
      <c r="W22" s="278">
        <v>0</v>
      </c>
      <c r="X22" s="283">
        <v>0</v>
      </c>
      <c r="Y22" s="277">
        <v>0</v>
      </c>
      <c r="Z22" s="281">
        <v>0</v>
      </c>
      <c r="AA22" s="278">
        <v>0</v>
      </c>
      <c r="AB22" s="280">
        <v>0</v>
      </c>
      <c r="AC22" s="281">
        <v>197</v>
      </c>
      <c r="AD22" s="281">
        <v>81</v>
      </c>
      <c r="AE22" s="281">
        <v>50</v>
      </c>
      <c r="AF22" s="281">
        <v>18</v>
      </c>
      <c r="AG22" s="281">
        <v>5</v>
      </c>
      <c r="AH22" s="278">
        <v>351</v>
      </c>
      <c r="AI22" s="283">
        <v>351</v>
      </c>
      <c r="AJ22" s="277">
        <v>0</v>
      </c>
      <c r="AK22" s="281">
        <v>0</v>
      </c>
      <c r="AL22" s="278">
        <v>0</v>
      </c>
      <c r="AM22" s="280">
        <v>0</v>
      </c>
      <c r="AN22" s="281">
        <v>1</v>
      </c>
      <c r="AO22" s="281">
        <v>3</v>
      </c>
      <c r="AP22" s="281">
        <v>4</v>
      </c>
      <c r="AQ22" s="281">
        <v>0</v>
      </c>
      <c r="AR22" s="281">
        <v>1</v>
      </c>
      <c r="AS22" s="278">
        <v>9</v>
      </c>
      <c r="AT22" s="283">
        <v>9</v>
      </c>
      <c r="AU22" s="277">
        <v>1</v>
      </c>
      <c r="AV22" s="281">
        <v>2</v>
      </c>
      <c r="AW22" s="278">
        <v>3</v>
      </c>
      <c r="AX22" s="280">
        <v>0</v>
      </c>
      <c r="AY22" s="281">
        <v>17</v>
      </c>
      <c r="AZ22" s="281">
        <v>8</v>
      </c>
      <c r="BA22" s="281">
        <v>8</v>
      </c>
      <c r="BB22" s="281">
        <v>3</v>
      </c>
      <c r="BC22" s="281">
        <v>1</v>
      </c>
      <c r="BD22" s="278">
        <v>37</v>
      </c>
      <c r="BE22" s="283">
        <v>40</v>
      </c>
      <c r="BF22" s="277">
        <v>0</v>
      </c>
      <c r="BG22" s="281">
        <v>0</v>
      </c>
      <c r="BH22" s="278">
        <v>0</v>
      </c>
      <c r="BI22" s="280">
        <v>0</v>
      </c>
      <c r="BJ22" s="281">
        <v>25</v>
      </c>
      <c r="BK22" s="281">
        <v>24</v>
      </c>
      <c r="BL22" s="281">
        <v>33</v>
      </c>
      <c r="BM22" s="281">
        <v>23</v>
      </c>
      <c r="BN22" s="281">
        <v>11</v>
      </c>
      <c r="BO22" s="282">
        <v>116</v>
      </c>
      <c r="BP22" s="283">
        <v>116</v>
      </c>
      <c r="BQ22" s="277">
        <v>0</v>
      </c>
      <c r="BR22" s="281">
        <v>0</v>
      </c>
      <c r="BS22" s="278">
        <v>0</v>
      </c>
      <c r="BT22" s="280">
        <v>0</v>
      </c>
      <c r="BU22" s="281">
        <v>0</v>
      </c>
      <c r="BV22" s="281">
        <v>0</v>
      </c>
      <c r="BW22" s="281">
        <v>0</v>
      </c>
      <c r="BX22" s="281">
        <v>0</v>
      </c>
      <c r="BY22" s="281">
        <v>0</v>
      </c>
      <c r="BZ22" s="278">
        <v>0</v>
      </c>
      <c r="CA22" s="283">
        <v>0</v>
      </c>
      <c r="CB22" s="277">
        <v>0</v>
      </c>
      <c r="CC22" s="281">
        <v>0</v>
      </c>
      <c r="CD22" s="278">
        <v>0</v>
      </c>
      <c r="CE22" s="280">
        <v>0</v>
      </c>
      <c r="CF22" s="281">
        <v>0</v>
      </c>
      <c r="CG22" s="281">
        <v>0</v>
      </c>
      <c r="CH22" s="281">
        <v>0</v>
      </c>
      <c r="CI22" s="281">
        <v>0</v>
      </c>
      <c r="CJ22" s="281">
        <v>0</v>
      </c>
      <c r="CK22" s="278">
        <v>0</v>
      </c>
      <c r="CL22" s="283">
        <v>0</v>
      </c>
      <c r="CM22" s="277">
        <v>0</v>
      </c>
      <c r="CN22" s="281">
        <v>0</v>
      </c>
      <c r="CO22" s="278">
        <v>0</v>
      </c>
      <c r="CP22" s="280">
        <v>0</v>
      </c>
      <c r="CQ22" s="281">
        <v>0</v>
      </c>
      <c r="CR22" s="281">
        <v>0</v>
      </c>
      <c r="CS22" s="281">
        <v>0</v>
      </c>
      <c r="CT22" s="281">
        <v>0</v>
      </c>
      <c r="CU22" s="281">
        <v>0</v>
      </c>
      <c r="CV22" s="278">
        <v>0</v>
      </c>
      <c r="CW22" s="283">
        <v>0</v>
      </c>
    </row>
    <row r="23" spans="2:101" ht="21" customHeight="1" x14ac:dyDescent="0.2">
      <c r="B23" s="262" t="s">
        <v>21</v>
      </c>
      <c r="C23" s="277">
        <v>0</v>
      </c>
      <c r="D23" s="278">
        <v>0</v>
      </c>
      <c r="E23" s="279">
        <v>0</v>
      </c>
      <c r="F23" s="280">
        <v>0</v>
      </c>
      <c r="G23" s="281">
        <v>2</v>
      </c>
      <c r="H23" s="281">
        <v>6</v>
      </c>
      <c r="I23" s="281">
        <v>1</v>
      </c>
      <c r="J23" s="281">
        <v>1</v>
      </c>
      <c r="K23" s="281">
        <v>0</v>
      </c>
      <c r="L23" s="282">
        <v>10</v>
      </c>
      <c r="M23" s="283">
        <v>10</v>
      </c>
      <c r="N23" s="277">
        <v>0</v>
      </c>
      <c r="O23" s="281">
        <v>0</v>
      </c>
      <c r="P23" s="278">
        <v>0</v>
      </c>
      <c r="Q23" s="280">
        <v>0</v>
      </c>
      <c r="R23" s="281">
        <v>0</v>
      </c>
      <c r="S23" s="281">
        <v>0</v>
      </c>
      <c r="T23" s="281">
        <v>0</v>
      </c>
      <c r="U23" s="281">
        <v>0</v>
      </c>
      <c r="V23" s="281">
        <v>0</v>
      </c>
      <c r="W23" s="278">
        <v>0</v>
      </c>
      <c r="X23" s="283">
        <v>0</v>
      </c>
      <c r="Y23" s="277">
        <v>0</v>
      </c>
      <c r="Z23" s="281">
        <v>0</v>
      </c>
      <c r="AA23" s="278">
        <v>0</v>
      </c>
      <c r="AB23" s="280">
        <v>0</v>
      </c>
      <c r="AC23" s="281">
        <v>179</v>
      </c>
      <c r="AD23" s="281">
        <v>195</v>
      </c>
      <c r="AE23" s="281">
        <v>70</v>
      </c>
      <c r="AF23" s="281">
        <v>33</v>
      </c>
      <c r="AG23" s="281">
        <v>12</v>
      </c>
      <c r="AH23" s="278">
        <v>489</v>
      </c>
      <c r="AI23" s="283">
        <v>489</v>
      </c>
      <c r="AJ23" s="277">
        <v>0</v>
      </c>
      <c r="AK23" s="281">
        <v>1</v>
      </c>
      <c r="AL23" s="278">
        <v>1</v>
      </c>
      <c r="AM23" s="280">
        <v>0</v>
      </c>
      <c r="AN23" s="281">
        <v>0</v>
      </c>
      <c r="AO23" s="281">
        <v>0</v>
      </c>
      <c r="AP23" s="281">
        <v>0</v>
      </c>
      <c r="AQ23" s="281">
        <v>0</v>
      </c>
      <c r="AR23" s="281">
        <v>0</v>
      </c>
      <c r="AS23" s="278">
        <v>0</v>
      </c>
      <c r="AT23" s="283">
        <v>1</v>
      </c>
      <c r="AU23" s="277">
        <v>0</v>
      </c>
      <c r="AV23" s="281">
        <v>0</v>
      </c>
      <c r="AW23" s="278">
        <v>0</v>
      </c>
      <c r="AX23" s="280">
        <v>0</v>
      </c>
      <c r="AY23" s="281">
        <v>7</v>
      </c>
      <c r="AZ23" s="281">
        <v>6</v>
      </c>
      <c r="BA23" s="281">
        <v>13</v>
      </c>
      <c r="BB23" s="281">
        <v>11</v>
      </c>
      <c r="BC23" s="281">
        <v>4</v>
      </c>
      <c r="BD23" s="278">
        <v>41</v>
      </c>
      <c r="BE23" s="283">
        <v>41</v>
      </c>
      <c r="BF23" s="277">
        <v>0</v>
      </c>
      <c r="BG23" s="281">
        <v>0</v>
      </c>
      <c r="BH23" s="278">
        <v>0</v>
      </c>
      <c r="BI23" s="280">
        <v>0</v>
      </c>
      <c r="BJ23" s="281">
        <v>19</v>
      </c>
      <c r="BK23" s="281">
        <v>36</v>
      </c>
      <c r="BL23" s="281">
        <v>29</v>
      </c>
      <c r="BM23" s="281">
        <v>15</v>
      </c>
      <c r="BN23" s="281">
        <v>13</v>
      </c>
      <c r="BO23" s="282">
        <v>112</v>
      </c>
      <c r="BP23" s="283">
        <v>112</v>
      </c>
      <c r="BQ23" s="277">
        <v>0</v>
      </c>
      <c r="BR23" s="281">
        <v>0</v>
      </c>
      <c r="BS23" s="278">
        <v>0</v>
      </c>
      <c r="BT23" s="280">
        <v>0</v>
      </c>
      <c r="BU23" s="281">
        <v>0</v>
      </c>
      <c r="BV23" s="281">
        <v>0</v>
      </c>
      <c r="BW23" s="281">
        <v>0</v>
      </c>
      <c r="BX23" s="281">
        <v>0</v>
      </c>
      <c r="BY23" s="281">
        <v>0</v>
      </c>
      <c r="BZ23" s="278">
        <v>0</v>
      </c>
      <c r="CA23" s="283">
        <v>0</v>
      </c>
      <c r="CB23" s="277">
        <v>0</v>
      </c>
      <c r="CC23" s="281">
        <v>0</v>
      </c>
      <c r="CD23" s="278">
        <v>0</v>
      </c>
      <c r="CE23" s="280">
        <v>0</v>
      </c>
      <c r="CF23" s="281">
        <v>0</v>
      </c>
      <c r="CG23" s="281">
        <v>0</v>
      </c>
      <c r="CH23" s="281">
        <v>0</v>
      </c>
      <c r="CI23" s="281">
        <v>0</v>
      </c>
      <c r="CJ23" s="281">
        <v>0</v>
      </c>
      <c r="CK23" s="278">
        <v>0</v>
      </c>
      <c r="CL23" s="283">
        <v>0</v>
      </c>
      <c r="CM23" s="277">
        <v>0</v>
      </c>
      <c r="CN23" s="281">
        <v>0</v>
      </c>
      <c r="CO23" s="278">
        <v>0</v>
      </c>
      <c r="CP23" s="280">
        <v>0</v>
      </c>
      <c r="CQ23" s="281">
        <v>2</v>
      </c>
      <c r="CR23" s="281">
        <v>3</v>
      </c>
      <c r="CS23" s="281">
        <v>2</v>
      </c>
      <c r="CT23" s="281">
        <v>1</v>
      </c>
      <c r="CU23" s="281">
        <v>7</v>
      </c>
      <c r="CV23" s="278">
        <v>15</v>
      </c>
      <c r="CW23" s="283">
        <v>15</v>
      </c>
    </row>
    <row r="24" spans="2:101" ht="21" customHeight="1" x14ac:dyDescent="0.2">
      <c r="B24" s="262" t="s">
        <v>22</v>
      </c>
      <c r="C24" s="277">
        <v>0</v>
      </c>
      <c r="D24" s="278">
        <v>0</v>
      </c>
      <c r="E24" s="279">
        <v>0</v>
      </c>
      <c r="F24" s="280">
        <v>0</v>
      </c>
      <c r="G24" s="281">
        <v>3</v>
      </c>
      <c r="H24" s="281">
        <v>6</v>
      </c>
      <c r="I24" s="281">
        <v>5</v>
      </c>
      <c r="J24" s="281">
        <v>1</v>
      </c>
      <c r="K24" s="281">
        <v>0</v>
      </c>
      <c r="L24" s="282">
        <v>15</v>
      </c>
      <c r="M24" s="283">
        <v>15</v>
      </c>
      <c r="N24" s="277">
        <v>0</v>
      </c>
      <c r="O24" s="281">
        <v>0</v>
      </c>
      <c r="P24" s="278">
        <v>0</v>
      </c>
      <c r="Q24" s="280">
        <v>0</v>
      </c>
      <c r="R24" s="281">
        <v>0</v>
      </c>
      <c r="S24" s="281">
        <v>0</v>
      </c>
      <c r="T24" s="281">
        <v>0</v>
      </c>
      <c r="U24" s="281">
        <v>0</v>
      </c>
      <c r="V24" s="281">
        <v>0</v>
      </c>
      <c r="W24" s="278">
        <v>0</v>
      </c>
      <c r="X24" s="283">
        <v>0</v>
      </c>
      <c r="Y24" s="277">
        <v>0</v>
      </c>
      <c r="Z24" s="281">
        <v>0</v>
      </c>
      <c r="AA24" s="278">
        <v>0</v>
      </c>
      <c r="AB24" s="280">
        <v>0</v>
      </c>
      <c r="AC24" s="281">
        <v>142</v>
      </c>
      <c r="AD24" s="281">
        <v>94</v>
      </c>
      <c r="AE24" s="281">
        <v>35</v>
      </c>
      <c r="AF24" s="281">
        <v>18</v>
      </c>
      <c r="AG24" s="281">
        <v>6</v>
      </c>
      <c r="AH24" s="278">
        <v>295</v>
      </c>
      <c r="AI24" s="283">
        <v>295</v>
      </c>
      <c r="AJ24" s="277">
        <v>0</v>
      </c>
      <c r="AK24" s="281">
        <v>0</v>
      </c>
      <c r="AL24" s="278">
        <v>0</v>
      </c>
      <c r="AM24" s="280">
        <v>0</v>
      </c>
      <c r="AN24" s="281">
        <v>8</v>
      </c>
      <c r="AO24" s="281">
        <v>3</v>
      </c>
      <c r="AP24" s="281">
        <v>4</v>
      </c>
      <c r="AQ24" s="281">
        <v>2</v>
      </c>
      <c r="AR24" s="281">
        <v>2</v>
      </c>
      <c r="AS24" s="278">
        <v>19</v>
      </c>
      <c r="AT24" s="283">
        <v>19</v>
      </c>
      <c r="AU24" s="277">
        <v>3</v>
      </c>
      <c r="AV24" s="281">
        <v>5</v>
      </c>
      <c r="AW24" s="278">
        <v>8</v>
      </c>
      <c r="AX24" s="280">
        <v>0</v>
      </c>
      <c r="AY24" s="281">
        <v>17</v>
      </c>
      <c r="AZ24" s="281">
        <v>20</v>
      </c>
      <c r="BA24" s="281">
        <v>14</v>
      </c>
      <c r="BB24" s="281">
        <v>8</v>
      </c>
      <c r="BC24" s="281">
        <v>4</v>
      </c>
      <c r="BD24" s="278">
        <v>63</v>
      </c>
      <c r="BE24" s="283">
        <v>71</v>
      </c>
      <c r="BF24" s="277">
        <v>0</v>
      </c>
      <c r="BG24" s="281">
        <v>0</v>
      </c>
      <c r="BH24" s="278">
        <v>0</v>
      </c>
      <c r="BI24" s="280">
        <v>0</v>
      </c>
      <c r="BJ24" s="281">
        <v>12</v>
      </c>
      <c r="BK24" s="281">
        <v>18</v>
      </c>
      <c r="BL24" s="281">
        <v>12</v>
      </c>
      <c r="BM24" s="281">
        <v>7</v>
      </c>
      <c r="BN24" s="281">
        <v>3</v>
      </c>
      <c r="BO24" s="282">
        <v>52</v>
      </c>
      <c r="BP24" s="283">
        <v>52</v>
      </c>
      <c r="BQ24" s="277">
        <v>0</v>
      </c>
      <c r="BR24" s="281">
        <v>0</v>
      </c>
      <c r="BS24" s="278">
        <v>0</v>
      </c>
      <c r="BT24" s="280">
        <v>0</v>
      </c>
      <c r="BU24" s="281">
        <v>0</v>
      </c>
      <c r="BV24" s="281">
        <v>0</v>
      </c>
      <c r="BW24" s="281">
        <v>0</v>
      </c>
      <c r="BX24" s="281">
        <v>0</v>
      </c>
      <c r="BY24" s="281">
        <v>0</v>
      </c>
      <c r="BZ24" s="278">
        <v>0</v>
      </c>
      <c r="CA24" s="283">
        <v>0</v>
      </c>
      <c r="CB24" s="277">
        <v>0</v>
      </c>
      <c r="CC24" s="281">
        <v>0</v>
      </c>
      <c r="CD24" s="278">
        <v>0</v>
      </c>
      <c r="CE24" s="280">
        <v>0</v>
      </c>
      <c r="CF24" s="281">
        <v>0</v>
      </c>
      <c r="CG24" s="281">
        <v>0</v>
      </c>
      <c r="CH24" s="281">
        <v>4</v>
      </c>
      <c r="CI24" s="281">
        <v>20</v>
      </c>
      <c r="CJ24" s="281">
        <v>7</v>
      </c>
      <c r="CK24" s="278">
        <v>31</v>
      </c>
      <c r="CL24" s="283">
        <v>31</v>
      </c>
      <c r="CM24" s="277">
        <v>0</v>
      </c>
      <c r="CN24" s="281">
        <v>0</v>
      </c>
      <c r="CO24" s="278">
        <v>0</v>
      </c>
      <c r="CP24" s="280">
        <v>0</v>
      </c>
      <c r="CQ24" s="281">
        <v>0</v>
      </c>
      <c r="CR24" s="281">
        <v>0</v>
      </c>
      <c r="CS24" s="281">
        <v>0</v>
      </c>
      <c r="CT24" s="281">
        <v>0</v>
      </c>
      <c r="CU24" s="281">
        <v>0</v>
      </c>
      <c r="CV24" s="278">
        <v>0</v>
      </c>
      <c r="CW24" s="283">
        <v>0</v>
      </c>
    </row>
    <row r="25" spans="2:101" ht="21" customHeight="1" x14ac:dyDescent="0.2">
      <c r="B25" s="262" t="s">
        <v>23</v>
      </c>
      <c r="C25" s="277">
        <v>0</v>
      </c>
      <c r="D25" s="278">
        <v>0</v>
      </c>
      <c r="E25" s="279">
        <v>0</v>
      </c>
      <c r="F25" s="280">
        <v>0</v>
      </c>
      <c r="G25" s="281">
        <v>1</v>
      </c>
      <c r="H25" s="281">
        <v>1</v>
      </c>
      <c r="I25" s="281">
        <v>0</v>
      </c>
      <c r="J25" s="281">
        <v>0</v>
      </c>
      <c r="K25" s="281">
        <v>1</v>
      </c>
      <c r="L25" s="282">
        <v>3</v>
      </c>
      <c r="M25" s="283">
        <v>3</v>
      </c>
      <c r="N25" s="277">
        <v>0</v>
      </c>
      <c r="O25" s="281">
        <v>0</v>
      </c>
      <c r="P25" s="278">
        <v>0</v>
      </c>
      <c r="Q25" s="280">
        <v>0</v>
      </c>
      <c r="R25" s="281">
        <v>0</v>
      </c>
      <c r="S25" s="281">
        <v>0</v>
      </c>
      <c r="T25" s="281">
        <v>0</v>
      </c>
      <c r="U25" s="281">
        <v>0</v>
      </c>
      <c r="V25" s="281">
        <v>0</v>
      </c>
      <c r="W25" s="278">
        <v>0</v>
      </c>
      <c r="X25" s="283">
        <v>0</v>
      </c>
      <c r="Y25" s="277">
        <v>0</v>
      </c>
      <c r="Z25" s="281">
        <v>0</v>
      </c>
      <c r="AA25" s="278">
        <v>0</v>
      </c>
      <c r="AB25" s="280">
        <v>0</v>
      </c>
      <c r="AC25" s="281">
        <v>53</v>
      </c>
      <c r="AD25" s="281">
        <v>43</v>
      </c>
      <c r="AE25" s="281">
        <v>16</v>
      </c>
      <c r="AF25" s="281">
        <v>10</v>
      </c>
      <c r="AG25" s="281">
        <v>4</v>
      </c>
      <c r="AH25" s="278">
        <v>126</v>
      </c>
      <c r="AI25" s="283">
        <v>126</v>
      </c>
      <c r="AJ25" s="277">
        <v>0</v>
      </c>
      <c r="AK25" s="281">
        <v>0</v>
      </c>
      <c r="AL25" s="278">
        <v>0</v>
      </c>
      <c r="AM25" s="280">
        <v>0</v>
      </c>
      <c r="AN25" s="281">
        <v>0</v>
      </c>
      <c r="AO25" s="281">
        <v>1</v>
      </c>
      <c r="AP25" s="281">
        <v>1</v>
      </c>
      <c r="AQ25" s="281">
        <v>1</v>
      </c>
      <c r="AR25" s="281">
        <v>0</v>
      </c>
      <c r="AS25" s="278">
        <v>3</v>
      </c>
      <c r="AT25" s="283">
        <v>3</v>
      </c>
      <c r="AU25" s="277">
        <v>0</v>
      </c>
      <c r="AV25" s="281">
        <v>0</v>
      </c>
      <c r="AW25" s="278">
        <v>0</v>
      </c>
      <c r="AX25" s="280">
        <v>0</v>
      </c>
      <c r="AY25" s="281">
        <v>6</v>
      </c>
      <c r="AZ25" s="281">
        <v>3</v>
      </c>
      <c r="BA25" s="281">
        <v>3</v>
      </c>
      <c r="BB25" s="281">
        <v>1</v>
      </c>
      <c r="BC25" s="281">
        <v>1</v>
      </c>
      <c r="BD25" s="278">
        <v>14</v>
      </c>
      <c r="BE25" s="283">
        <v>14</v>
      </c>
      <c r="BF25" s="277">
        <v>0</v>
      </c>
      <c r="BG25" s="281">
        <v>1</v>
      </c>
      <c r="BH25" s="278">
        <v>1</v>
      </c>
      <c r="BI25" s="280">
        <v>0</v>
      </c>
      <c r="BJ25" s="281">
        <v>25</v>
      </c>
      <c r="BK25" s="281">
        <v>17</v>
      </c>
      <c r="BL25" s="281">
        <v>21</v>
      </c>
      <c r="BM25" s="281">
        <v>15</v>
      </c>
      <c r="BN25" s="281">
        <v>7</v>
      </c>
      <c r="BO25" s="282">
        <v>85</v>
      </c>
      <c r="BP25" s="283">
        <v>86</v>
      </c>
      <c r="BQ25" s="277">
        <v>0</v>
      </c>
      <c r="BR25" s="281">
        <v>0</v>
      </c>
      <c r="BS25" s="278">
        <v>0</v>
      </c>
      <c r="BT25" s="280">
        <v>0</v>
      </c>
      <c r="BU25" s="281">
        <v>0</v>
      </c>
      <c r="BV25" s="281">
        <v>0</v>
      </c>
      <c r="BW25" s="281">
        <v>0</v>
      </c>
      <c r="BX25" s="281">
        <v>0</v>
      </c>
      <c r="BY25" s="281">
        <v>0</v>
      </c>
      <c r="BZ25" s="278">
        <v>0</v>
      </c>
      <c r="CA25" s="283">
        <v>0</v>
      </c>
      <c r="CB25" s="277">
        <v>0</v>
      </c>
      <c r="CC25" s="281">
        <v>0</v>
      </c>
      <c r="CD25" s="278">
        <v>0</v>
      </c>
      <c r="CE25" s="280">
        <v>0</v>
      </c>
      <c r="CF25" s="281">
        <v>0</v>
      </c>
      <c r="CG25" s="281">
        <v>0</v>
      </c>
      <c r="CH25" s="281">
        <v>0</v>
      </c>
      <c r="CI25" s="281">
        <v>0</v>
      </c>
      <c r="CJ25" s="281">
        <v>0</v>
      </c>
      <c r="CK25" s="278">
        <v>0</v>
      </c>
      <c r="CL25" s="283">
        <v>0</v>
      </c>
      <c r="CM25" s="277">
        <v>0</v>
      </c>
      <c r="CN25" s="281">
        <v>0</v>
      </c>
      <c r="CO25" s="278">
        <v>0</v>
      </c>
      <c r="CP25" s="280">
        <v>0</v>
      </c>
      <c r="CQ25" s="281">
        <v>0</v>
      </c>
      <c r="CR25" s="281">
        <v>0</v>
      </c>
      <c r="CS25" s="281">
        <v>1</v>
      </c>
      <c r="CT25" s="281">
        <v>1</v>
      </c>
      <c r="CU25" s="281">
        <v>0</v>
      </c>
      <c r="CV25" s="278">
        <v>2</v>
      </c>
      <c r="CW25" s="283">
        <v>2</v>
      </c>
    </row>
    <row r="26" spans="2:101" ht="21" customHeight="1" x14ac:dyDescent="0.2">
      <c r="B26" s="262" t="s">
        <v>24</v>
      </c>
      <c r="C26" s="277">
        <v>0</v>
      </c>
      <c r="D26" s="278">
        <v>0</v>
      </c>
      <c r="E26" s="279">
        <v>0</v>
      </c>
      <c r="F26" s="280">
        <v>0</v>
      </c>
      <c r="G26" s="281">
        <v>3</v>
      </c>
      <c r="H26" s="281">
        <v>2</v>
      </c>
      <c r="I26" s="281">
        <v>2</v>
      </c>
      <c r="J26" s="281">
        <v>2</v>
      </c>
      <c r="K26" s="281">
        <v>1</v>
      </c>
      <c r="L26" s="282">
        <v>10</v>
      </c>
      <c r="M26" s="283">
        <v>10</v>
      </c>
      <c r="N26" s="277">
        <v>0</v>
      </c>
      <c r="O26" s="281">
        <v>0</v>
      </c>
      <c r="P26" s="278">
        <v>0</v>
      </c>
      <c r="Q26" s="280">
        <v>0</v>
      </c>
      <c r="R26" s="281">
        <v>0</v>
      </c>
      <c r="S26" s="281">
        <v>0</v>
      </c>
      <c r="T26" s="281">
        <v>0</v>
      </c>
      <c r="U26" s="281">
        <v>0</v>
      </c>
      <c r="V26" s="281">
        <v>0</v>
      </c>
      <c r="W26" s="278">
        <v>0</v>
      </c>
      <c r="X26" s="283">
        <v>0</v>
      </c>
      <c r="Y26" s="277">
        <v>0</v>
      </c>
      <c r="Z26" s="281">
        <v>0</v>
      </c>
      <c r="AA26" s="278">
        <v>0</v>
      </c>
      <c r="AB26" s="280">
        <v>0</v>
      </c>
      <c r="AC26" s="281">
        <v>30</v>
      </c>
      <c r="AD26" s="281">
        <v>12</v>
      </c>
      <c r="AE26" s="281">
        <v>15</v>
      </c>
      <c r="AF26" s="281">
        <v>4</v>
      </c>
      <c r="AG26" s="281">
        <v>2</v>
      </c>
      <c r="AH26" s="278">
        <v>63</v>
      </c>
      <c r="AI26" s="283">
        <v>63</v>
      </c>
      <c r="AJ26" s="277">
        <v>0</v>
      </c>
      <c r="AK26" s="281">
        <v>0</v>
      </c>
      <c r="AL26" s="278">
        <v>0</v>
      </c>
      <c r="AM26" s="280">
        <v>0</v>
      </c>
      <c r="AN26" s="281">
        <v>10</v>
      </c>
      <c r="AO26" s="281">
        <v>7</v>
      </c>
      <c r="AP26" s="281">
        <v>3</v>
      </c>
      <c r="AQ26" s="281">
        <v>2</v>
      </c>
      <c r="AR26" s="281">
        <v>1</v>
      </c>
      <c r="AS26" s="278">
        <v>23</v>
      </c>
      <c r="AT26" s="283">
        <v>23</v>
      </c>
      <c r="AU26" s="277">
        <v>5</v>
      </c>
      <c r="AV26" s="281">
        <v>4</v>
      </c>
      <c r="AW26" s="278">
        <v>9</v>
      </c>
      <c r="AX26" s="280">
        <v>0</v>
      </c>
      <c r="AY26" s="281">
        <v>15</v>
      </c>
      <c r="AZ26" s="281">
        <v>6</v>
      </c>
      <c r="BA26" s="281">
        <v>4</v>
      </c>
      <c r="BB26" s="281">
        <v>4</v>
      </c>
      <c r="BC26" s="281">
        <v>3</v>
      </c>
      <c r="BD26" s="278">
        <v>32</v>
      </c>
      <c r="BE26" s="283">
        <v>41</v>
      </c>
      <c r="BF26" s="277">
        <v>0</v>
      </c>
      <c r="BG26" s="281">
        <v>0</v>
      </c>
      <c r="BH26" s="278">
        <v>0</v>
      </c>
      <c r="BI26" s="280">
        <v>0</v>
      </c>
      <c r="BJ26" s="281">
        <v>1</v>
      </c>
      <c r="BK26" s="281">
        <v>5</v>
      </c>
      <c r="BL26" s="281">
        <v>12</v>
      </c>
      <c r="BM26" s="281">
        <v>6</v>
      </c>
      <c r="BN26" s="281">
        <v>4</v>
      </c>
      <c r="BO26" s="282">
        <v>28</v>
      </c>
      <c r="BP26" s="283">
        <v>28</v>
      </c>
      <c r="BQ26" s="277">
        <v>0</v>
      </c>
      <c r="BR26" s="281">
        <v>0</v>
      </c>
      <c r="BS26" s="278">
        <v>0</v>
      </c>
      <c r="BT26" s="280">
        <v>0</v>
      </c>
      <c r="BU26" s="281">
        <v>0</v>
      </c>
      <c r="BV26" s="281">
        <v>0</v>
      </c>
      <c r="BW26" s="281">
        <v>0</v>
      </c>
      <c r="BX26" s="281">
        <v>0</v>
      </c>
      <c r="BY26" s="281">
        <v>0</v>
      </c>
      <c r="BZ26" s="278">
        <v>0</v>
      </c>
      <c r="CA26" s="283">
        <v>0</v>
      </c>
      <c r="CB26" s="277">
        <v>0</v>
      </c>
      <c r="CC26" s="281">
        <v>0</v>
      </c>
      <c r="CD26" s="278">
        <v>0</v>
      </c>
      <c r="CE26" s="280">
        <v>0</v>
      </c>
      <c r="CF26" s="281">
        <v>0</v>
      </c>
      <c r="CG26" s="281">
        <v>0</v>
      </c>
      <c r="CH26" s="281">
        <v>0</v>
      </c>
      <c r="CI26" s="281">
        <v>0</v>
      </c>
      <c r="CJ26" s="281">
        <v>0</v>
      </c>
      <c r="CK26" s="278">
        <v>0</v>
      </c>
      <c r="CL26" s="283">
        <v>0</v>
      </c>
      <c r="CM26" s="277">
        <v>0</v>
      </c>
      <c r="CN26" s="281">
        <v>0</v>
      </c>
      <c r="CO26" s="278">
        <v>0</v>
      </c>
      <c r="CP26" s="280">
        <v>0</v>
      </c>
      <c r="CQ26" s="281">
        <v>0</v>
      </c>
      <c r="CR26" s="281">
        <v>0</v>
      </c>
      <c r="CS26" s="281">
        <v>0</v>
      </c>
      <c r="CT26" s="281">
        <v>0</v>
      </c>
      <c r="CU26" s="281">
        <v>0</v>
      </c>
      <c r="CV26" s="278">
        <v>0</v>
      </c>
      <c r="CW26" s="283">
        <v>0</v>
      </c>
    </row>
    <row r="27" spans="2:101" ht="21" customHeight="1" x14ac:dyDescent="0.2">
      <c r="B27" s="262" t="s">
        <v>25</v>
      </c>
      <c r="C27" s="277">
        <v>0</v>
      </c>
      <c r="D27" s="278">
        <v>0</v>
      </c>
      <c r="E27" s="279">
        <v>0</v>
      </c>
      <c r="F27" s="280">
        <v>0</v>
      </c>
      <c r="G27" s="281">
        <v>0</v>
      </c>
      <c r="H27" s="281">
        <v>0</v>
      </c>
      <c r="I27" s="281">
        <v>0</v>
      </c>
      <c r="J27" s="281">
        <v>0</v>
      </c>
      <c r="K27" s="281">
        <v>0</v>
      </c>
      <c r="L27" s="282">
        <v>0</v>
      </c>
      <c r="M27" s="283">
        <v>0</v>
      </c>
      <c r="N27" s="277">
        <v>0</v>
      </c>
      <c r="O27" s="281">
        <v>0</v>
      </c>
      <c r="P27" s="278">
        <v>0</v>
      </c>
      <c r="Q27" s="280">
        <v>0</v>
      </c>
      <c r="R27" s="281">
        <v>0</v>
      </c>
      <c r="S27" s="281">
        <v>0</v>
      </c>
      <c r="T27" s="281">
        <v>0</v>
      </c>
      <c r="U27" s="281">
        <v>0</v>
      </c>
      <c r="V27" s="281">
        <v>0</v>
      </c>
      <c r="W27" s="278">
        <v>0</v>
      </c>
      <c r="X27" s="283">
        <v>0</v>
      </c>
      <c r="Y27" s="277">
        <v>0</v>
      </c>
      <c r="Z27" s="281">
        <v>0</v>
      </c>
      <c r="AA27" s="278">
        <v>0</v>
      </c>
      <c r="AB27" s="280">
        <v>0</v>
      </c>
      <c r="AC27" s="281">
        <v>78</v>
      </c>
      <c r="AD27" s="281">
        <v>33</v>
      </c>
      <c r="AE27" s="281">
        <v>15</v>
      </c>
      <c r="AF27" s="281">
        <v>4</v>
      </c>
      <c r="AG27" s="281">
        <v>2</v>
      </c>
      <c r="AH27" s="278">
        <v>132</v>
      </c>
      <c r="AI27" s="283">
        <v>132</v>
      </c>
      <c r="AJ27" s="277">
        <v>0</v>
      </c>
      <c r="AK27" s="281">
        <v>0</v>
      </c>
      <c r="AL27" s="278">
        <v>0</v>
      </c>
      <c r="AM27" s="280">
        <v>0</v>
      </c>
      <c r="AN27" s="281">
        <v>0</v>
      </c>
      <c r="AO27" s="281">
        <v>0</v>
      </c>
      <c r="AP27" s="281">
        <v>0</v>
      </c>
      <c r="AQ27" s="281">
        <v>0</v>
      </c>
      <c r="AR27" s="281">
        <v>0</v>
      </c>
      <c r="AS27" s="278">
        <v>0</v>
      </c>
      <c r="AT27" s="283">
        <v>0</v>
      </c>
      <c r="AU27" s="277">
        <v>0</v>
      </c>
      <c r="AV27" s="281">
        <v>0</v>
      </c>
      <c r="AW27" s="278">
        <v>0</v>
      </c>
      <c r="AX27" s="280">
        <v>0</v>
      </c>
      <c r="AY27" s="281">
        <v>6</v>
      </c>
      <c r="AZ27" s="281">
        <v>5</v>
      </c>
      <c r="BA27" s="281">
        <v>4</v>
      </c>
      <c r="BB27" s="281">
        <v>0</v>
      </c>
      <c r="BC27" s="281">
        <v>0</v>
      </c>
      <c r="BD27" s="278">
        <v>15</v>
      </c>
      <c r="BE27" s="283">
        <v>15</v>
      </c>
      <c r="BF27" s="277">
        <v>0</v>
      </c>
      <c r="BG27" s="281">
        <v>0</v>
      </c>
      <c r="BH27" s="278">
        <v>0</v>
      </c>
      <c r="BI27" s="280">
        <v>0</v>
      </c>
      <c r="BJ27" s="281">
        <v>14</v>
      </c>
      <c r="BK27" s="281">
        <v>6</v>
      </c>
      <c r="BL27" s="281">
        <v>6</v>
      </c>
      <c r="BM27" s="281">
        <v>6</v>
      </c>
      <c r="BN27" s="281">
        <v>1</v>
      </c>
      <c r="BO27" s="282">
        <v>33</v>
      </c>
      <c r="BP27" s="283">
        <v>33</v>
      </c>
      <c r="BQ27" s="277">
        <v>0</v>
      </c>
      <c r="BR27" s="281">
        <v>0</v>
      </c>
      <c r="BS27" s="278">
        <v>0</v>
      </c>
      <c r="BT27" s="280">
        <v>0</v>
      </c>
      <c r="BU27" s="281">
        <v>0</v>
      </c>
      <c r="BV27" s="281">
        <v>0</v>
      </c>
      <c r="BW27" s="281">
        <v>0</v>
      </c>
      <c r="BX27" s="281">
        <v>0</v>
      </c>
      <c r="BY27" s="281">
        <v>0</v>
      </c>
      <c r="BZ27" s="278">
        <v>0</v>
      </c>
      <c r="CA27" s="283">
        <v>0</v>
      </c>
      <c r="CB27" s="277">
        <v>0</v>
      </c>
      <c r="CC27" s="281">
        <v>0</v>
      </c>
      <c r="CD27" s="278">
        <v>0</v>
      </c>
      <c r="CE27" s="280">
        <v>0</v>
      </c>
      <c r="CF27" s="281">
        <v>0</v>
      </c>
      <c r="CG27" s="281">
        <v>0</v>
      </c>
      <c r="CH27" s="281">
        <v>0</v>
      </c>
      <c r="CI27" s="281">
        <v>0</v>
      </c>
      <c r="CJ27" s="281">
        <v>0</v>
      </c>
      <c r="CK27" s="278">
        <v>0</v>
      </c>
      <c r="CL27" s="283">
        <v>0</v>
      </c>
      <c r="CM27" s="277">
        <v>0</v>
      </c>
      <c r="CN27" s="281">
        <v>0</v>
      </c>
      <c r="CO27" s="278">
        <v>0</v>
      </c>
      <c r="CP27" s="280">
        <v>0</v>
      </c>
      <c r="CQ27" s="281">
        <v>0</v>
      </c>
      <c r="CR27" s="281">
        <v>0</v>
      </c>
      <c r="CS27" s="281">
        <v>0</v>
      </c>
      <c r="CT27" s="281">
        <v>0</v>
      </c>
      <c r="CU27" s="281">
        <v>0</v>
      </c>
      <c r="CV27" s="278">
        <v>0</v>
      </c>
      <c r="CW27" s="283">
        <v>0</v>
      </c>
    </row>
    <row r="28" spans="2:101" ht="21" customHeight="1" x14ac:dyDescent="0.2">
      <c r="B28" s="262" t="s">
        <v>26</v>
      </c>
      <c r="C28" s="277">
        <v>0</v>
      </c>
      <c r="D28" s="278">
        <v>0</v>
      </c>
      <c r="E28" s="279">
        <v>0</v>
      </c>
      <c r="F28" s="280">
        <v>0</v>
      </c>
      <c r="G28" s="281">
        <v>0</v>
      </c>
      <c r="H28" s="281">
        <v>0</v>
      </c>
      <c r="I28" s="281">
        <v>0</v>
      </c>
      <c r="J28" s="281">
        <v>0</v>
      </c>
      <c r="K28" s="281">
        <v>0</v>
      </c>
      <c r="L28" s="282">
        <v>0</v>
      </c>
      <c r="M28" s="283">
        <v>0</v>
      </c>
      <c r="N28" s="277">
        <v>0</v>
      </c>
      <c r="O28" s="281">
        <v>0</v>
      </c>
      <c r="P28" s="278">
        <v>0</v>
      </c>
      <c r="Q28" s="280">
        <v>0</v>
      </c>
      <c r="R28" s="281">
        <v>0</v>
      </c>
      <c r="S28" s="281">
        <v>0</v>
      </c>
      <c r="T28" s="281">
        <v>0</v>
      </c>
      <c r="U28" s="281">
        <v>0</v>
      </c>
      <c r="V28" s="281">
        <v>0</v>
      </c>
      <c r="W28" s="278">
        <v>0</v>
      </c>
      <c r="X28" s="283">
        <v>0</v>
      </c>
      <c r="Y28" s="277">
        <v>0</v>
      </c>
      <c r="Z28" s="281">
        <v>0</v>
      </c>
      <c r="AA28" s="278">
        <v>0</v>
      </c>
      <c r="AB28" s="280">
        <v>0</v>
      </c>
      <c r="AC28" s="281">
        <v>44</v>
      </c>
      <c r="AD28" s="281">
        <v>48</v>
      </c>
      <c r="AE28" s="281">
        <v>22</v>
      </c>
      <c r="AF28" s="281">
        <v>12</v>
      </c>
      <c r="AG28" s="281">
        <v>10</v>
      </c>
      <c r="AH28" s="278">
        <v>136</v>
      </c>
      <c r="AI28" s="283">
        <v>136</v>
      </c>
      <c r="AJ28" s="277">
        <v>0</v>
      </c>
      <c r="AK28" s="281">
        <v>0</v>
      </c>
      <c r="AL28" s="278">
        <v>0</v>
      </c>
      <c r="AM28" s="280">
        <v>0</v>
      </c>
      <c r="AN28" s="281">
        <v>0</v>
      </c>
      <c r="AO28" s="281">
        <v>4</v>
      </c>
      <c r="AP28" s="281">
        <v>7</v>
      </c>
      <c r="AQ28" s="281">
        <v>1</v>
      </c>
      <c r="AR28" s="281">
        <v>3</v>
      </c>
      <c r="AS28" s="278">
        <v>15</v>
      </c>
      <c r="AT28" s="283">
        <v>15</v>
      </c>
      <c r="AU28" s="277">
        <v>1</v>
      </c>
      <c r="AV28" s="281">
        <v>0</v>
      </c>
      <c r="AW28" s="278">
        <v>1</v>
      </c>
      <c r="AX28" s="280">
        <v>0</v>
      </c>
      <c r="AY28" s="281">
        <v>7</v>
      </c>
      <c r="AZ28" s="281">
        <v>6</v>
      </c>
      <c r="BA28" s="281">
        <v>4</v>
      </c>
      <c r="BB28" s="281">
        <v>2</v>
      </c>
      <c r="BC28" s="281">
        <v>3</v>
      </c>
      <c r="BD28" s="278">
        <v>22</v>
      </c>
      <c r="BE28" s="283">
        <v>23</v>
      </c>
      <c r="BF28" s="277">
        <v>0</v>
      </c>
      <c r="BG28" s="281">
        <v>0</v>
      </c>
      <c r="BH28" s="278">
        <v>0</v>
      </c>
      <c r="BI28" s="280">
        <v>0</v>
      </c>
      <c r="BJ28" s="281">
        <v>10</v>
      </c>
      <c r="BK28" s="281">
        <v>10</v>
      </c>
      <c r="BL28" s="281">
        <v>17</v>
      </c>
      <c r="BM28" s="281">
        <v>12</v>
      </c>
      <c r="BN28" s="281">
        <v>5</v>
      </c>
      <c r="BO28" s="282">
        <v>54</v>
      </c>
      <c r="BP28" s="283">
        <v>54</v>
      </c>
      <c r="BQ28" s="277">
        <v>0</v>
      </c>
      <c r="BR28" s="281">
        <v>0</v>
      </c>
      <c r="BS28" s="278">
        <v>0</v>
      </c>
      <c r="BT28" s="280">
        <v>0</v>
      </c>
      <c r="BU28" s="281">
        <v>0</v>
      </c>
      <c r="BV28" s="281">
        <v>0</v>
      </c>
      <c r="BW28" s="281">
        <v>0</v>
      </c>
      <c r="BX28" s="281">
        <v>0</v>
      </c>
      <c r="BY28" s="281">
        <v>0</v>
      </c>
      <c r="BZ28" s="278">
        <v>0</v>
      </c>
      <c r="CA28" s="283">
        <v>0</v>
      </c>
      <c r="CB28" s="277">
        <v>0</v>
      </c>
      <c r="CC28" s="281">
        <v>0</v>
      </c>
      <c r="CD28" s="278">
        <v>0</v>
      </c>
      <c r="CE28" s="280">
        <v>0</v>
      </c>
      <c r="CF28" s="281">
        <v>0</v>
      </c>
      <c r="CG28" s="281">
        <v>0</v>
      </c>
      <c r="CH28" s="281">
        <v>1</v>
      </c>
      <c r="CI28" s="281">
        <v>0</v>
      </c>
      <c r="CJ28" s="281">
        <v>0</v>
      </c>
      <c r="CK28" s="278">
        <v>1</v>
      </c>
      <c r="CL28" s="283">
        <v>1</v>
      </c>
      <c r="CM28" s="277">
        <v>0</v>
      </c>
      <c r="CN28" s="281">
        <v>0</v>
      </c>
      <c r="CO28" s="278">
        <v>0</v>
      </c>
      <c r="CP28" s="280">
        <v>0</v>
      </c>
      <c r="CQ28" s="281">
        <v>0</v>
      </c>
      <c r="CR28" s="281">
        <v>0</v>
      </c>
      <c r="CS28" s="281">
        <v>0</v>
      </c>
      <c r="CT28" s="281">
        <v>0</v>
      </c>
      <c r="CU28" s="281">
        <v>0</v>
      </c>
      <c r="CV28" s="278">
        <v>0</v>
      </c>
      <c r="CW28" s="283">
        <v>0</v>
      </c>
    </row>
    <row r="29" spans="2:101" ht="21" customHeight="1" x14ac:dyDescent="0.2">
      <c r="B29" s="262" t="s">
        <v>27</v>
      </c>
      <c r="C29" s="277">
        <v>0</v>
      </c>
      <c r="D29" s="278">
        <v>0</v>
      </c>
      <c r="E29" s="279">
        <v>0</v>
      </c>
      <c r="F29" s="280">
        <v>0</v>
      </c>
      <c r="G29" s="281">
        <v>0</v>
      </c>
      <c r="H29" s="281">
        <v>1</v>
      </c>
      <c r="I29" s="281">
        <v>1</v>
      </c>
      <c r="J29" s="281">
        <v>0</v>
      </c>
      <c r="K29" s="281">
        <v>0</v>
      </c>
      <c r="L29" s="282">
        <v>2</v>
      </c>
      <c r="M29" s="283">
        <v>2</v>
      </c>
      <c r="N29" s="277">
        <v>0</v>
      </c>
      <c r="O29" s="281">
        <v>0</v>
      </c>
      <c r="P29" s="278">
        <v>0</v>
      </c>
      <c r="Q29" s="280">
        <v>0</v>
      </c>
      <c r="R29" s="281">
        <v>0</v>
      </c>
      <c r="S29" s="281">
        <v>0</v>
      </c>
      <c r="T29" s="281">
        <v>0</v>
      </c>
      <c r="U29" s="281">
        <v>0</v>
      </c>
      <c r="V29" s="281">
        <v>0</v>
      </c>
      <c r="W29" s="278">
        <v>0</v>
      </c>
      <c r="X29" s="283">
        <v>0</v>
      </c>
      <c r="Y29" s="277">
        <v>0</v>
      </c>
      <c r="Z29" s="281">
        <v>0</v>
      </c>
      <c r="AA29" s="278">
        <v>0</v>
      </c>
      <c r="AB29" s="280">
        <v>0</v>
      </c>
      <c r="AC29" s="281">
        <v>37</v>
      </c>
      <c r="AD29" s="281">
        <v>16</v>
      </c>
      <c r="AE29" s="281">
        <v>10</v>
      </c>
      <c r="AF29" s="281">
        <v>2</v>
      </c>
      <c r="AG29" s="281">
        <v>2</v>
      </c>
      <c r="AH29" s="278">
        <v>67</v>
      </c>
      <c r="AI29" s="283">
        <v>67</v>
      </c>
      <c r="AJ29" s="277">
        <v>0</v>
      </c>
      <c r="AK29" s="281">
        <v>0</v>
      </c>
      <c r="AL29" s="278">
        <v>0</v>
      </c>
      <c r="AM29" s="280">
        <v>0</v>
      </c>
      <c r="AN29" s="281">
        <v>2</v>
      </c>
      <c r="AO29" s="281">
        <v>2</v>
      </c>
      <c r="AP29" s="281">
        <v>2</v>
      </c>
      <c r="AQ29" s="281">
        <v>1</v>
      </c>
      <c r="AR29" s="281">
        <v>0</v>
      </c>
      <c r="AS29" s="278">
        <v>7</v>
      </c>
      <c r="AT29" s="283">
        <v>7</v>
      </c>
      <c r="AU29" s="277">
        <v>0</v>
      </c>
      <c r="AV29" s="281">
        <v>0</v>
      </c>
      <c r="AW29" s="278">
        <v>0</v>
      </c>
      <c r="AX29" s="280">
        <v>0</v>
      </c>
      <c r="AY29" s="281">
        <v>0</v>
      </c>
      <c r="AZ29" s="281">
        <v>1</v>
      </c>
      <c r="BA29" s="281">
        <v>0</v>
      </c>
      <c r="BB29" s="281">
        <v>0</v>
      </c>
      <c r="BC29" s="281">
        <v>0</v>
      </c>
      <c r="BD29" s="278">
        <v>1</v>
      </c>
      <c r="BE29" s="283">
        <v>1</v>
      </c>
      <c r="BF29" s="277">
        <v>0</v>
      </c>
      <c r="BG29" s="281">
        <v>0</v>
      </c>
      <c r="BH29" s="278">
        <v>0</v>
      </c>
      <c r="BI29" s="280">
        <v>0</v>
      </c>
      <c r="BJ29" s="281">
        <v>18</v>
      </c>
      <c r="BK29" s="281">
        <v>6</v>
      </c>
      <c r="BL29" s="281">
        <v>9</v>
      </c>
      <c r="BM29" s="281">
        <v>1</v>
      </c>
      <c r="BN29" s="281">
        <v>4</v>
      </c>
      <c r="BO29" s="282">
        <v>38</v>
      </c>
      <c r="BP29" s="283">
        <v>38</v>
      </c>
      <c r="BQ29" s="277">
        <v>0</v>
      </c>
      <c r="BR29" s="281">
        <v>0</v>
      </c>
      <c r="BS29" s="278">
        <v>0</v>
      </c>
      <c r="BT29" s="280">
        <v>0</v>
      </c>
      <c r="BU29" s="281">
        <v>0</v>
      </c>
      <c r="BV29" s="281">
        <v>0</v>
      </c>
      <c r="BW29" s="281">
        <v>0</v>
      </c>
      <c r="BX29" s="281">
        <v>0</v>
      </c>
      <c r="BY29" s="281">
        <v>0</v>
      </c>
      <c r="BZ29" s="278">
        <v>0</v>
      </c>
      <c r="CA29" s="283">
        <v>0</v>
      </c>
      <c r="CB29" s="277">
        <v>0</v>
      </c>
      <c r="CC29" s="281">
        <v>0</v>
      </c>
      <c r="CD29" s="278">
        <v>0</v>
      </c>
      <c r="CE29" s="280">
        <v>0</v>
      </c>
      <c r="CF29" s="281">
        <v>0</v>
      </c>
      <c r="CG29" s="281">
        <v>0</v>
      </c>
      <c r="CH29" s="281">
        <v>10</v>
      </c>
      <c r="CI29" s="281">
        <v>11</v>
      </c>
      <c r="CJ29" s="281">
        <v>3</v>
      </c>
      <c r="CK29" s="278">
        <v>24</v>
      </c>
      <c r="CL29" s="283">
        <v>24</v>
      </c>
      <c r="CM29" s="277">
        <v>0</v>
      </c>
      <c r="CN29" s="281">
        <v>0</v>
      </c>
      <c r="CO29" s="278">
        <v>0</v>
      </c>
      <c r="CP29" s="280">
        <v>0</v>
      </c>
      <c r="CQ29" s="281">
        <v>0</v>
      </c>
      <c r="CR29" s="281">
        <v>0</v>
      </c>
      <c r="CS29" s="281">
        <v>1</v>
      </c>
      <c r="CT29" s="281">
        <v>0</v>
      </c>
      <c r="CU29" s="281">
        <v>0</v>
      </c>
      <c r="CV29" s="278">
        <v>1</v>
      </c>
      <c r="CW29" s="283">
        <v>1</v>
      </c>
    </row>
    <row r="30" spans="2:101" ht="21" customHeight="1" x14ac:dyDescent="0.2">
      <c r="B30" s="262" t="s">
        <v>28</v>
      </c>
      <c r="C30" s="277">
        <v>0</v>
      </c>
      <c r="D30" s="278">
        <v>0</v>
      </c>
      <c r="E30" s="279">
        <v>0</v>
      </c>
      <c r="F30" s="280">
        <v>0</v>
      </c>
      <c r="G30" s="281">
        <v>0</v>
      </c>
      <c r="H30" s="281">
        <v>0</v>
      </c>
      <c r="I30" s="281">
        <v>0</v>
      </c>
      <c r="J30" s="281">
        <v>0</v>
      </c>
      <c r="K30" s="281">
        <v>0</v>
      </c>
      <c r="L30" s="282">
        <v>0</v>
      </c>
      <c r="M30" s="283">
        <v>0</v>
      </c>
      <c r="N30" s="277">
        <v>0</v>
      </c>
      <c r="O30" s="281">
        <v>0</v>
      </c>
      <c r="P30" s="278">
        <v>0</v>
      </c>
      <c r="Q30" s="280">
        <v>0</v>
      </c>
      <c r="R30" s="281">
        <v>0</v>
      </c>
      <c r="S30" s="281">
        <v>0</v>
      </c>
      <c r="T30" s="281">
        <v>0</v>
      </c>
      <c r="U30" s="281">
        <v>0</v>
      </c>
      <c r="V30" s="281">
        <v>0</v>
      </c>
      <c r="W30" s="278">
        <v>0</v>
      </c>
      <c r="X30" s="283">
        <v>0</v>
      </c>
      <c r="Y30" s="277">
        <v>0</v>
      </c>
      <c r="Z30" s="281">
        <v>0</v>
      </c>
      <c r="AA30" s="278">
        <v>0</v>
      </c>
      <c r="AB30" s="280">
        <v>0</v>
      </c>
      <c r="AC30" s="281">
        <v>21</v>
      </c>
      <c r="AD30" s="281">
        <v>15</v>
      </c>
      <c r="AE30" s="281">
        <v>1</v>
      </c>
      <c r="AF30" s="281">
        <v>3</v>
      </c>
      <c r="AG30" s="281">
        <v>2</v>
      </c>
      <c r="AH30" s="278">
        <v>42</v>
      </c>
      <c r="AI30" s="283">
        <v>42</v>
      </c>
      <c r="AJ30" s="277">
        <v>0</v>
      </c>
      <c r="AK30" s="281">
        <v>0</v>
      </c>
      <c r="AL30" s="278">
        <v>0</v>
      </c>
      <c r="AM30" s="280">
        <v>0</v>
      </c>
      <c r="AN30" s="281">
        <v>1</v>
      </c>
      <c r="AO30" s="281">
        <v>1</v>
      </c>
      <c r="AP30" s="281">
        <v>2</v>
      </c>
      <c r="AQ30" s="281">
        <v>0</v>
      </c>
      <c r="AR30" s="281">
        <v>1</v>
      </c>
      <c r="AS30" s="278">
        <v>5</v>
      </c>
      <c r="AT30" s="283">
        <v>5</v>
      </c>
      <c r="AU30" s="277">
        <v>0</v>
      </c>
      <c r="AV30" s="281">
        <v>0</v>
      </c>
      <c r="AW30" s="278">
        <v>0</v>
      </c>
      <c r="AX30" s="280">
        <v>0</v>
      </c>
      <c r="AY30" s="281">
        <v>0</v>
      </c>
      <c r="AZ30" s="281">
        <v>0</v>
      </c>
      <c r="BA30" s="281">
        <v>0</v>
      </c>
      <c r="BB30" s="281">
        <v>0</v>
      </c>
      <c r="BC30" s="281">
        <v>0</v>
      </c>
      <c r="BD30" s="278">
        <v>0</v>
      </c>
      <c r="BE30" s="283">
        <v>0</v>
      </c>
      <c r="BF30" s="277">
        <v>0</v>
      </c>
      <c r="BG30" s="281">
        <v>0</v>
      </c>
      <c r="BH30" s="278">
        <v>0</v>
      </c>
      <c r="BI30" s="280">
        <v>0</v>
      </c>
      <c r="BJ30" s="281">
        <v>0</v>
      </c>
      <c r="BK30" s="281">
        <v>4</v>
      </c>
      <c r="BL30" s="281">
        <v>6</v>
      </c>
      <c r="BM30" s="281">
        <v>1</v>
      </c>
      <c r="BN30" s="281">
        <v>4</v>
      </c>
      <c r="BO30" s="282">
        <v>15</v>
      </c>
      <c r="BP30" s="283">
        <v>15</v>
      </c>
      <c r="BQ30" s="277">
        <v>0</v>
      </c>
      <c r="BR30" s="281">
        <v>0</v>
      </c>
      <c r="BS30" s="278">
        <v>0</v>
      </c>
      <c r="BT30" s="280">
        <v>0</v>
      </c>
      <c r="BU30" s="281">
        <v>0</v>
      </c>
      <c r="BV30" s="281">
        <v>0</v>
      </c>
      <c r="BW30" s="281">
        <v>0</v>
      </c>
      <c r="BX30" s="281">
        <v>0</v>
      </c>
      <c r="BY30" s="281">
        <v>0</v>
      </c>
      <c r="BZ30" s="278">
        <v>0</v>
      </c>
      <c r="CA30" s="283">
        <v>0</v>
      </c>
      <c r="CB30" s="277">
        <v>0</v>
      </c>
      <c r="CC30" s="281">
        <v>0</v>
      </c>
      <c r="CD30" s="278">
        <v>0</v>
      </c>
      <c r="CE30" s="280">
        <v>0</v>
      </c>
      <c r="CF30" s="281">
        <v>0</v>
      </c>
      <c r="CG30" s="281">
        <v>0</v>
      </c>
      <c r="CH30" s="281">
        <v>1</v>
      </c>
      <c r="CI30" s="281">
        <v>0</v>
      </c>
      <c r="CJ30" s="281">
        <v>0</v>
      </c>
      <c r="CK30" s="278">
        <v>1</v>
      </c>
      <c r="CL30" s="283">
        <v>1</v>
      </c>
      <c r="CM30" s="277">
        <v>0</v>
      </c>
      <c r="CN30" s="281">
        <v>0</v>
      </c>
      <c r="CO30" s="278">
        <v>0</v>
      </c>
      <c r="CP30" s="280">
        <v>0</v>
      </c>
      <c r="CQ30" s="281">
        <v>0</v>
      </c>
      <c r="CR30" s="281">
        <v>0</v>
      </c>
      <c r="CS30" s="281">
        <v>0</v>
      </c>
      <c r="CT30" s="281">
        <v>0</v>
      </c>
      <c r="CU30" s="281">
        <v>0</v>
      </c>
      <c r="CV30" s="278">
        <v>0</v>
      </c>
      <c r="CW30" s="283">
        <v>0</v>
      </c>
    </row>
    <row r="31" spans="2:101" ht="21" customHeight="1" x14ac:dyDescent="0.2">
      <c r="B31" s="262" t="s">
        <v>29</v>
      </c>
      <c r="C31" s="277">
        <v>0</v>
      </c>
      <c r="D31" s="278">
        <v>0</v>
      </c>
      <c r="E31" s="279">
        <v>0</v>
      </c>
      <c r="F31" s="280">
        <v>0</v>
      </c>
      <c r="G31" s="281">
        <v>0</v>
      </c>
      <c r="H31" s="281">
        <v>0</v>
      </c>
      <c r="I31" s="281">
        <v>0</v>
      </c>
      <c r="J31" s="281">
        <v>0</v>
      </c>
      <c r="K31" s="281">
        <v>0</v>
      </c>
      <c r="L31" s="282">
        <v>0</v>
      </c>
      <c r="M31" s="283">
        <v>0</v>
      </c>
      <c r="N31" s="277">
        <v>0</v>
      </c>
      <c r="O31" s="281">
        <v>0</v>
      </c>
      <c r="P31" s="278">
        <v>0</v>
      </c>
      <c r="Q31" s="280">
        <v>0</v>
      </c>
      <c r="R31" s="281">
        <v>0</v>
      </c>
      <c r="S31" s="281">
        <v>0</v>
      </c>
      <c r="T31" s="281">
        <v>0</v>
      </c>
      <c r="U31" s="281">
        <v>0</v>
      </c>
      <c r="V31" s="281">
        <v>0</v>
      </c>
      <c r="W31" s="278">
        <v>0</v>
      </c>
      <c r="X31" s="283">
        <v>0</v>
      </c>
      <c r="Y31" s="277">
        <v>0</v>
      </c>
      <c r="Z31" s="281">
        <v>0</v>
      </c>
      <c r="AA31" s="278">
        <v>0</v>
      </c>
      <c r="AB31" s="280">
        <v>0</v>
      </c>
      <c r="AC31" s="281">
        <v>17</v>
      </c>
      <c r="AD31" s="281">
        <v>19</v>
      </c>
      <c r="AE31" s="281">
        <v>4</v>
      </c>
      <c r="AF31" s="281">
        <v>3</v>
      </c>
      <c r="AG31" s="281">
        <v>0</v>
      </c>
      <c r="AH31" s="278">
        <v>43</v>
      </c>
      <c r="AI31" s="283">
        <v>43</v>
      </c>
      <c r="AJ31" s="277">
        <v>0</v>
      </c>
      <c r="AK31" s="281">
        <v>0</v>
      </c>
      <c r="AL31" s="278">
        <v>0</v>
      </c>
      <c r="AM31" s="280">
        <v>0</v>
      </c>
      <c r="AN31" s="281">
        <v>0</v>
      </c>
      <c r="AO31" s="281">
        <v>1</v>
      </c>
      <c r="AP31" s="281">
        <v>2</v>
      </c>
      <c r="AQ31" s="281">
        <v>0</v>
      </c>
      <c r="AR31" s="281">
        <v>0</v>
      </c>
      <c r="AS31" s="278">
        <v>3</v>
      </c>
      <c r="AT31" s="283">
        <v>3</v>
      </c>
      <c r="AU31" s="277">
        <v>1</v>
      </c>
      <c r="AV31" s="281">
        <v>3</v>
      </c>
      <c r="AW31" s="278">
        <v>4</v>
      </c>
      <c r="AX31" s="280">
        <v>0</v>
      </c>
      <c r="AY31" s="281">
        <v>7</v>
      </c>
      <c r="AZ31" s="281">
        <v>4</v>
      </c>
      <c r="BA31" s="281">
        <v>5</v>
      </c>
      <c r="BB31" s="281">
        <v>5</v>
      </c>
      <c r="BC31" s="281">
        <v>1</v>
      </c>
      <c r="BD31" s="278">
        <v>22</v>
      </c>
      <c r="BE31" s="283">
        <v>26</v>
      </c>
      <c r="BF31" s="277">
        <v>0</v>
      </c>
      <c r="BG31" s="281">
        <v>0</v>
      </c>
      <c r="BH31" s="278">
        <v>0</v>
      </c>
      <c r="BI31" s="280">
        <v>0</v>
      </c>
      <c r="BJ31" s="281">
        <v>4</v>
      </c>
      <c r="BK31" s="281">
        <v>3</v>
      </c>
      <c r="BL31" s="281">
        <v>2</v>
      </c>
      <c r="BM31" s="281">
        <v>1</v>
      </c>
      <c r="BN31" s="281">
        <v>2</v>
      </c>
      <c r="BO31" s="282">
        <v>12</v>
      </c>
      <c r="BP31" s="283">
        <v>12</v>
      </c>
      <c r="BQ31" s="277">
        <v>0</v>
      </c>
      <c r="BR31" s="281">
        <v>0</v>
      </c>
      <c r="BS31" s="278">
        <v>0</v>
      </c>
      <c r="BT31" s="280">
        <v>0</v>
      </c>
      <c r="BU31" s="281">
        <v>0</v>
      </c>
      <c r="BV31" s="281">
        <v>0</v>
      </c>
      <c r="BW31" s="281">
        <v>0</v>
      </c>
      <c r="BX31" s="281">
        <v>0</v>
      </c>
      <c r="BY31" s="281">
        <v>0</v>
      </c>
      <c r="BZ31" s="278">
        <v>0</v>
      </c>
      <c r="CA31" s="283">
        <v>0</v>
      </c>
      <c r="CB31" s="277">
        <v>0</v>
      </c>
      <c r="CC31" s="281">
        <v>0</v>
      </c>
      <c r="CD31" s="278">
        <v>0</v>
      </c>
      <c r="CE31" s="280">
        <v>0</v>
      </c>
      <c r="CF31" s="281">
        <v>0</v>
      </c>
      <c r="CG31" s="281">
        <v>3</v>
      </c>
      <c r="CH31" s="281">
        <v>7</v>
      </c>
      <c r="CI31" s="281">
        <v>9</v>
      </c>
      <c r="CJ31" s="281">
        <v>6</v>
      </c>
      <c r="CK31" s="278">
        <v>25</v>
      </c>
      <c r="CL31" s="283">
        <v>25</v>
      </c>
      <c r="CM31" s="277">
        <v>0</v>
      </c>
      <c r="CN31" s="281">
        <v>0</v>
      </c>
      <c r="CO31" s="278">
        <v>0</v>
      </c>
      <c r="CP31" s="280">
        <v>0</v>
      </c>
      <c r="CQ31" s="281">
        <v>0</v>
      </c>
      <c r="CR31" s="281">
        <v>0</v>
      </c>
      <c r="CS31" s="281">
        <v>0</v>
      </c>
      <c r="CT31" s="281">
        <v>0</v>
      </c>
      <c r="CU31" s="281">
        <v>0</v>
      </c>
      <c r="CV31" s="278">
        <v>0</v>
      </c>
      <c r="CW31" s="283">
        <v>0</v>
      </c>
    </row>
    <row r="32" spans="2:101" ht="21" customHeight="1" x14ac:dyDescent="0.2">
      <c r="B32" s="262" t="s">
        <v>30</v>
      </c>
      <c r="C32" s="277">
        <v>0</v>
      </c>
      <c r="D32" s="278">
        <v>0</v>
      </c>
      <c r="E32" s="279">
        <v>0</v>
      </c>
      <c r="F32" s="280">
        <v>0</v>
      </c>
      <c r="G32" s="281">
        <v>1</v>
      </c>
      <c r="H32" s="281">
        <v>0</v>
      </c>
      <c r="I32" s="281">
        <v>1</v>
      </c>
      <c r="J32" s="281">
        <v>0</v>
      </c>
      <c r="K32" s="281">
        <v>0</v>
      </c>
      <c r="L32" s="282">
        <v>2</v>
      </c>
      <c r="M32" s="283">
        <v>2</v>
      </c>
      <c r="N32" s="277">
        <v>0</v>
      </c>
      <c r="O32" s="281">
        <v>0</v>
      </c>
      <c r="P32" s="278">
        <v>0</v>
      </c>
      <c r="Q32" s="280">
        <v>0</v>
      </c>
      <c r="R32" s="281">
        <v>0</v>
      </c>
      <c r="S32" s="281">
        <v>0</v>
      </c>
      <c r="T32" s="281">
        <v>0</v>
      </c>
      <c r="U32" s="281">
        <v>0</v>
      </c>
      <c r="V32" s="281">
        <v>0</v>
      </c>
      <c r="W32" s="278">
        <v>0</v>
      </c>
      <c r="X32" s="283">
        <v>0</v>
      </c>
      <c r="Y32" s="277">
        <v>0</v>
      </c>
      <c r="Z32" s="281">
        <v>0</v>
      </c>
      <c r="AA32" s="278">
        <v>0</v>
      </c>
      <c r="AB32" s="280">
        <v>0</v>
      </c>
      <c r="AC32" s="281">
        <v>26</v>
      </c>
      <c r="AD32" s="281">
        <v>12</v>
      </c>
      <c r="AE32" s="281">
        <v>8</v>
      </c>
      <c r="AF32" s="281">
        <v>4</v>
      </c>
      <c r="AG32" s="281">
        <v>0</v>
      </c>
      <c r="AH32" s="278">
        <v>50</v>
      </c>
      <c r="AI32" s="283">
        <v>50</v>
      </c>
      <c r="AJ32" s="277">
        <v>1</v>
      </c>
      <c r="AK32" s="281">
        <v>0</v>
      </c>
      <c r="AL32" s="278">
        <v>1</v>
      </c>
      <c r="AM32" s="280">
        <v>0</v>
      </c>
      <c r="AN32" s="281">
        <v>1</v>
      </c>
      <c r="AO32" s="281">
        <v>2</v>
      </c>
      <c r="AP32" s="281">
        <v>1</v>
      </c>
      <c r="AQ32" s="281">
        <v>0</v>
      </c>
      <c r="AR32" s="281">
        <v>0</v>
      </c>
      <c r="AS32" s="278">
        <v>4</v>
      </c>
      <c r="AT32" s="283">
        <v>5</v>
      </c>
      <c r="AU32" s="277">
        <v>0</v>
      </c>
      <c r="AV32" s="281">
        <v>0</v>
      </c>
      <c r="AW32" s="278">
        <v>0</v>
      </c>
      <c r="AX32" s="280">
        <v>0</v>
      </c>
      <c r="AY32" s="281">
        <v>0</v>
      </c>
      <c r="AZ32" s="281">
        <v>1</v>
      </c>
      <c r="BA32" s="281">
        <v>0</v>
      </c>
      <c r="BB32" s="281">
        <v>2</v>
      </c>
      <c r="BC32" s="281">
        <v>0</v>
      </c>
      <c r="BD32" s="278">
        <v>3</v>
      </c>
      <c r="BE32" s="283">
        <v>3</v>
      </c>
      <c r="BF32" s="277">
        <v>0</v>
      </c>
      <c r="BG32" s="281">
        <v>0</v>
      </c>
      <c r="BH32" s="278">
        <v>0</v>
      </c>
      <c r="BI32" s="280">
        <v>0</v>
      </c>
      <c r="BJ32" s="281">
        <v>9</v>
      </c>
      <c r="BK32" s="281">
        <v>3</v>
      </c>
      <c r="BL32" s="281">
        <v>6</v>
      </c>
      <c r="BM32" s="281">
        <v>4</v>
      </c>
      <c r="BN32" s="281">
        <v>2</v>
      </c>
      <c r="BO32" s="282">
        <v>24</v>
      </c>
      <c r="BP32" s="283">
        <v>24</v>
      </c>
      <c r="BQ32" s="277">
        <v>0</v>
      </c>
      <c r="BR32" s="281">
        <v>0</v>
      </c>
      <c r="BS32" s="278">
        <v>0</v>
      </c>
      <c r="BT32" s="280">
        <v>0</v>
      </c>
      <c r="BU32" s="281">
        <v>0</v>
      </c>
      <c r="BV32" s="281">
        <v>0</v>
      </c>
      <c r="BW32" s="281">
        <v>0</v>
      </c>
      <c r="BX32" s="281">
        <v>0</v>
      </c>
      <c r="BY32" s="281">
        <v>0</v>
      </c>
      <c r="BZ32" s="278">
        <v>0</v>
      </c>
      <c r="CA32" s="283">
        <v>0</v>
      </c>
      <c r="CB32" s="277">
        <v>0</v>
      </c>
      <c r="CC32" s="281">
        <v>0</v>
      </c>
      <c r="CD32" s="278">
        <v>0</v>
      </c>
      <c r="CE32" s="280">
        <v>0</v>
      </c>
      <c r="CF32" s="281">
        <v>0</v>
      </c>
      <c r="CG32" s="281">
        <v>0</v>
      </c>
      <c r="CH32" s="281">
        <v>0</v>
      </c>
      <c r="CI32" s="281">
        <v>0</v>
      </c>
      <c r="CJ32" s="281">
        <v>0</v>
      </c>
      <c r="CK32" s="278">
        <v>0</v>
      </c>
      <c r="CL32" s="283">
        <v>0</v>
      </c>
      <c r="CM32" s="277">
        <v>0</v>
      </c>
      <c r="CN32" s="281">
        <v>0</v>
      </c>
      <c r="CO32" s="278">
        <v>0</v>
      </c>
      <c r="CP32" s="280">
        <v>0</v>
      </c>
      <c r="CQ32" s="281">
        <v>0</v>
      </c>
      <c r="CR32" s="281">
        <v>0</v>
      </c>
      <c r="CS32" s="281">
        <v>0</v>
      </c>
      <c r="CT32" s="281">
        <v>0</v>
      </c>
      <c r="CU32" s="281">
        <v>0</v>
      </c>
      <c r="CV32" s="278">
        <v>0</v>
      </c>
      <c r="CW32" s="283">
        <v>0</v>
      </c>
    </row>
    <row r="33" spans="2:101" ht="21" customHeight="1" x14ac:dyDescent="0.2">
      <c r="B33" s="262" t="s">
        <v>31</v>
      </c>
      <c r="C33" s="277">
        <v>0</v>
      </c>
      <c r="D33" s="278">
        <v>0</v>
      </c>
      <c r="E33" s="279">
        <v>0</v>
      </c>
      <c r="F33" s="280">
        <v>0</v>
      </c>
      <c r="G33" s="281">
        <v>0</v>
      </c>
      <c r="H33" s="281">
        <v>3</v>
      </c>
      <c r="I33" s="281">
        <v>0</v>
      </c>
      <c r="J33" s="281">
        <v>1</v>
      </c>
      <c r="K33" s="281">
        <v>0</v>
      </c>
      <c r="L33" s="282">
        <v>4</v>
      </c>
      <c r="M33" s="283">
        <v>4</v>
      </c>
      <c r="N33" s="277">
        <v>0</v>
      </c>
      <c r="O33" s="281">
        <v>0</v>
      </c>
      <c r="P33" s="278">
        <v>0</v>
      </c>
      <c r="Q33" s="280">
        <v>0</v>
      </c>
      <c r="R33" s="281">
        <v>0</v>
      </c>
      <c r="S33" s="281">
        <v>0</v>
      </c>
      <c r="T33" s="281">
        <v>0</v>
      </c>
      <c r="U33" s="281">
        <v>0</v>
      </c>
      <c r="V33" s="281">
        <v>0</v>
      </c>
      <c r="W33" s="278">
        <v>0</v>
      </c>
      <c r="X33" s="283">
        <v>0</v>
      </c>
      <c r="Y33" s="277">
        <v>0</v>
      </c>
      <c r="Z33" s="281">
        <v>0</v>
      </c>
      <c r="AA33" s="278">
        <v>0</v>
      </c>
      <c r="AB33" s="280">
        <v>0</v>
      </c>
      <c r="AC33" s="281">
        <v>37</v>
      </c>
      <c r="AD33" s="281">
        <v>22</v>
      </c>
      <c r="AE33" s="281">
        <v>7</v>
      </c>
      <c r="AF33" s="281">
        <v>1</v>
      </c>
      <c r="AG33" s="281">
        <v>1</v>
      </c>
      <c r="AH33" s="278">
        <v>68</v>
      </c>
      <c r="AI33" s="283">
        <v>68</v>
      </c>
      <c r="AJ33" s="277">
        <v>0</v>
      </c>
      <c r="AK33" s="281">
        <v>0</v>
      </c>
      <c r="AL33" s="278">
        <v>0</v>
      </c>
      <c r="AM33" s="280">
        <v>0</v>
      </c>
      <c r="AN33" s="281">
        <v>0</v>
      </c>
      <c r="AO33" s="281">
        <v>0</v>
      </c>
      <c r="AP33" s="281">
        <v>1</v>
      </c>
      <c r="AQ33" s="281">
        <v>0</v>
      </c>
      <c r="AR33" s="281">
        <v>1</v>
      </c>
      <c r="AS33" s="278">
        <v>2</v>
      </c>
      <c r="AT33" s="283">
        <v>2</v>
      </c>
      <c r="AU33" s="277">
        <v>0</v>
      </c>
      <c r="AV33" s="281">
        <v>2</v>
      </c>
      <c r="AW33" s="278">
        <v>2</v>
      </c>
      <c r="AX33" s="280">
        <v>0</v>
      </c>
      <c r="AY33" s="281">
        <v>8</v>
      </c>
      <c r="AZ33" s="281">
        <v>9</v>
      </c>
      <c r="BA33" s="281">
        <v>6</v>
      </c>
      <c r="BB33" s="281">
        <v>1</v>
      </c>
      <c r="BC33" s="281">
        <v>1</v>
      </c>
      <c r="BD33" s="278">
        <v>25</v>
      </c>
      <c r="BE33" s="283">
        <v>27</v>
      </c>
      <c r="BF33" s="277">
        <v>0</v>
      </c>
      <c r="BG33" s="281">
        <v>0</v>
      </c>
      <c r="BH33" s="278">
        <v>0</v>
      </c>
      <c r="BI33" s="280">
        <v>0</v>
      </c>
      <c r="BJ33" s="281">
        <v>7</v>
      </c>
      <c r="BK33" s="281">
        <v>8</v>
      </c>
      <c r="BL33" s="281">
        <v>12</v>
      </c>
      <c r="BM33" s="281">
        <v>9</v>
      </c>
      <c r="BN33" s="281">
        <v>3</v>
      </c>
      <c r="BO33" s="282">
        <v>39</v>
      </c>
      <c r="BP33" s="283">
        <v>39</v>
      </c>
      <c r="BQ33" s="277">
        <v>0</v>
      </c>
      <c r="BR33" s="281">
        <v>0</v>
      </c>
      <c r="BS33" s="278">
        <v>0</v>
      </c>
      <c r="BT33" s="280">
        <v>0</v>
      </c>
      <c r="BU33" s="281">
        <v>0</v>
      </c>
      <c r="BV33" s="281">
        <v>0</v>
      </c>
      <c r="BW33" s="281">
        <v>0</v>
      </c>
      <c r="BX33" s="281">
        <v>0</v>
      </c>
      <c r="BY33" s="281">
        <v>0</v>
      </c>
      <c r="BZ33" s="278">
        <v>0</v>
      </c>
      <c r="CA33" s="283">
        <v>0</v>
      </c>
      <c r="CB33" s="277">
        <v>0</v>
      </c>
      <c r="CC33" s="281">
        <v>0</v>
      </c>
      <c r="CD33" s="278">
        <v>0</v>
      </c>
      <c r="CE33" s="280">
        <v>0</v>
      </c>
      <c r="CF33" s="281">
        <v>0</v>
      </c>
      <c r="CG33" s="281">
        <v>0</v>
      </c>
      <c r="CH33" s="281">
        <v>0</v>
      </c>
      <c r="CI33" s="281">
        <v>0</v>
      </c>
      <c r="CJ33" s="281">
        <v>0</v>
      </c>
      <c r="CK33" s="278">
        <v>0</v>
      </c>
      <c r="CL33" s="283">
        <v>0</v>
      </c>
      <c r="CM33" s="277">
        <v>0</v>
      </c>
      <c r="CN33" s="281">
        <v>0</v>
      </c>
      <c r="CO33" s="278">
        <v>0</v>
      </c>
      <c r="CP33" s="280">
        <v>0</v>
      </c>
      <c r="CQ33" s="281">
        <v>0</v>
      </c>
      <c r="CR33" s="281">
        <v>0</v>
      </c>
      <c r="CS33" s="281">
        <v>0</v>
      </c>
      <c r="CT33" s="281">
        <v>0</v>
      </c>
      <c r="CU33" s="281">
        <v>0</v>
      </c>
      <c r="CV33" s="278">
        <v>0</v>
      </c>
      <c r="CW33" s="283">
        <v>0</v>
      </c>
    </row>
    <row r="34" spans="2:101" ht="21" customHeight="1" x14ac:dyDescent="0.2">
      <c r="B34" s="262" t="s">
        <v>32</v>
      </c>
      <c r="C34" s="277">
        <v>0</v>
      </c>
      <c r="D34" s="278">
        <v>0</v>
      </c>
      <c r="E34" s="279">
        <v>0</v>
      </c>
      <c r="F34" s="280">
        <v>0</v>
      </c>
      <c r="G34" s="281">
        <v>2</v>
      </c>
      <c r="H34" s="281">
        <v>1</v>
      </c>
      <c r="I34" s="281">
        <v>0</v>
      </c>
      <c r="J34" s="281">
        <v>3</v>
      </c>
      <c r="K34" s="281">
        <v>0</v>
      </c>
      <c r="L34" s="282">
        <v>6</v>
      </c>
      <c r="M34" s="283">
        <v>6</v>
      </c>
      <c r="N34" s="277">
        <v>0</v>
      </c>
      <c r="O34" s="281">
        <v>0</v>
      </c>
      <c r="P34" s="278">
        <v>0</v>
      </c>
      <c r="Q34" s="280">
        <v>0</v>
      </c>
      <c r="R34" s="281">
        <v>0</v>
      </c>
      <c r="S34" s="281">
        <v>0</v>
      </c>
      <c r="T34" s="281">
        <v>0</v>
      </c>
      <c r="U34" s="281">
        <v>0</v>
      </c>
      <c r="V34" s="281">
        <v>0</v>
      </c>
      <c r="W34" s="278">
        <v>0</v>
      </c>
      <c r="X34" s="283">
        <v>0</v>
      </c>
      <c r="Y34" s="277">
        <v>0</v>
      </c>
      <c r="Z34" s="281">
        <v>0</v>
      </c>
      <c r="AA34" s="278">
        <v>0</v>
      </c>
      <c r="AB34" s="280">
        <v>0</v>
      </c>
      <c r="AC34" s="281">
        <v>40</v>
      </c>
      <c r="AD34" s="281">
        <v>28</v>
      </c>
      <c r="AE34" s="281">
        <v>6</v>
      </c>
      <c r="AF34" s="281">
        <v>3</v>
      </c>
      <c r="AG34" s="281">
        <v>1</v>
      </c>
      <c r="AH34" s="278">
        <v>78</v>
      </c>
      <c r="AI34" s="283">
        <v>78</v>
      </c>
      <c r="AJ34" s="277">
        <v>0</v>
      </c>
      <c r="AK34" s="281">
        <v>0</v>
      </c>
      <c r="AL34" s="278">
        <v>0</v>
      </c>
      <c r="AM34" s="280">
        <v>0</v>
      </c>
      <c r="AN34" s="281">
        <v>3</v>
      </c>
      <c r="AO34" s="281">
        <v>0</v>
      </c>
      <c r="AP34" s="281">
        <v>2</v>
      </c>
      <c r="AQ34" s="281">
        <v>1</v>
      </c>
      <c r="AR34" s="281">
        <v>1</v>
      </c>
      <c r="AS34" s="278">
        <v>7</v>
      </c>
      <c r="AT34" s="283">
        <v>7</v>
      </c>
      <c r="AU34" s="277">
        <v>0</v>
      </c>
      <c r="AV34" s="281">
        <v>3</v>
      </c>
      <c r="AW34" s="278">
        <v>3</v>
      </c>
      <c r="AX34" s="280">
        <v>0</v>
      </c>
      <c r="AY34" s="281">
        <v>1</v>
      </c>
      <c r="AZ34" s="281">
        <v>1</v>
      </c>
      <c r="BA34" s="281">
        <v>1</v>
      </c>
      <c r="BB34" s="281">
        <v>1</v>
      </c>
      <c r="BC34" s="281">
        <v>0</v>
      </c>
      <c r="BD34" s="278">
        <v>4</v>
      </c>
      <c r="BE34" s="283">
        <v>7</v>
      </c>
      <c r="BF34" s="277">
        <v>0</v>
      </c>
      <c r="BG34" s="281">
        <v>0</v>
      </c>
      <c r="BH34" s="278">
        <v>0</v>
      </c>
      <c r="BI34" s="280">
        <v>0</v>
      </c>
      <c r="BJ34" s="281">
        <v>3</v>
      </c>
      <c r="BK34" s="281">
        <v>7</v>
      </c>
      <c r="BL34" s="281">
        <v>12</v>
      </c>
      <c r="BM34" s="281">
        <v>8</v>
      </c>
      <c r="BN34" s="281">
        <v>5</v>
      </c>
      <c r="BO34" s="282">
        <v>35</v>
      </c>
      <c r="BP34" s="283">
        <v>35</v>
      </c>
      <c r="BQ34" s="277">
        <v>0</v>
      </c>
      <c r="BR34" s="281">
        <v>0</v>
      </c>
      <c r="BS34" s="278">
        <v>0</v>
      </c>
      <c r="BT34" s="280">
        <v>0</v>
      </c>
      <c r="BU34" s="281">
        <v>0</v>
      </c>
      <c r="BV34" s="281">
        <v>0</v>
      </c>
      <c r="BW34" s="281">
        <v>0</v>
      </c>
      <c r="BX34" s="281">
        <v>0</v>
      </c>
      <c r="BY34" s="281">
        <v>0</v>
      </c>
      <c r="BZ34" s="278">
        <v>0</v>
      </c>
      <c r="CA34" s="283">
        <v>0</v>
      </c>
      <c r="CB34" s="277">
        <v>0</v>
      </c>
      <c r="CC34" s="281">
        <v>0</v>
      </c>
      <c r="CD34" s="278">
        <v>0</v>
      </c>
      <c r="CE34" s="280">
        <v>0</v>
      </c>
      <c r="CF34" s="281">
        <v>1</v>
      </c>
      <c r="CG34" s="281">
        <v>1</v>
      </c>
      <c r="CH34" s="281">
        <v>13</v>
      </c>
      <c r="CI34" s="281">
        <v>10</v>
      </c>
      <c r="CJ34" s="281">
        <v>2</v>
      </c>
      <c r="CK34" s="278">
        <v>27</v>
      </c>
      <c r="CL34" s="283">
        <v>27</v>
      </c>
      <c r="CM34" s="277">
        <v>0</v>
      </c>
      <c r="CN34" s="281">
        <v>0</v>
      </c>
      <c r="CO34" s="278">
        <v>0</v>
      </c>
      <c r="CP34" s="280">
        <v>0</v>
      </c>
      <c r="CQ34" s="281">
        <v>0</v>
      </c>
      <c r="CR34" s="281">
        <v>0</v>
      </c>
      <c r="CS34" s="281">
        <v>0</v>
      </c>
      <c r="CT34" s="281">
        <v>0</v>
      </c>
      <c r="CU34" s="281">
        <v>0</v>
      </c>
      <c r="CV34" s="278">
        <v>0</v>
      </c>
      <c r="CW34" s="283">
        <v>0</v>
      </c>
    </row>
    <row r="35" spans="2:101" ht="21" customHeight="1" x14ac:dyDescent="0.2">
      <c r="B35" s="262" t="s">
        <v>33</v>
      </c>
      <c r="C35" s="277">
        <v>0</v>
      </c>
      <c r="D35" s="278">
        <v>0</v>
      </c>
      <c r="E35" s="279">
        <v>0</v>
      </c>
      <c r="F35" s="280">
        <v>0</v>
      </c>
      <c r="G35" s="281">
        <v>0</v>
      </c>
      <c r="H35" s="281">
        <v>0</v>
      </c>
      <c r="I35" s="281">
        <v>0</v>
      </c>
      <c r="J35" s="281">
        <v>0</v>
      </c>
      <c r="K35" s="281">
        <v>0</v>
      </c>
      <c r="L35" s="282">
        <v>0</v>
      </c>
      <c r="M35" s="283">
        <v>0</v>
      </c>
      <c r="N35" s="277">
        <v>0</v>
      </c>
      <c r="O35" s="281">
        <v>0</v>
      </c>
      <c r="P35" s="278">
        <v>0</v>
      </c>
      <c r="Q35" s="280">
        <v>0</v>
      </c>
      <c r="R35" s="281">
        <v>0</v>
      </c>
      <c r="S35" s="281">
        <v>0</v>
      </c>
      <c r="T35" s="281">
        <v>0</v>
      </c>
      <c r="U35" s="281">
        <v>0</v>
      </c>
      <c r="V35" s="281">
        <v>0</v>
      </c>
      <c r="W35" s="278">
        <v>0</v>
      </c>
      <c r="X35" s="283">
        <v>0</v>
      </c>
      <c r="Y35" s="277">
        <v>0</v>
      </c>
      <c r="Z35" s="281">
        <v>0</v>
      </c>
      <c r="AA35" s="278">
        <v>0</v>
      </c>
      <c r="AB35" s="280">
        <v>0</v>
      </c>
      <c r="AC35" s="281">
        <v>30</v>
      </c>
      <c r="AD35" s="281">
        <v>11</v>
      </c>
      <c r="AE35" s="281">
        <v>9</v>
      </c>
      <c r="AF35" s="281">
        <v>4</v>
      </c>
      <c r="AG35" s="281">
        <v>2</v>
      </c>
      <c r="AH35" s="278">
        <v>56</v>
      </c>
      <c r="AI35" s="283">
        <v>56</v>
      </c>
      <c r="AJ35" s="277">
        <v>0</v>
      </c>
      <c r="AK35" s="281">
        <v>0</v>
      </c>
      <c r="AL35" s="278">
        <v>0</v>
      </c>
      <c r="AM35" s="280">
        <v>0</v>
      </c>
      <c r="AN35" s="281">
        <v>0</v>
      </c>
      <c r="AO35" s="281">
        <v>0</v>
      </c>
      <c r="AP35" s="281">
        <v>0</v>
      </c>
      <c r="AQ35" s="281">
        <v>0</v>
      </c>
      <c r="AR35" s="281">
        <v>0</v>
      </c>
      <c r="AS35" s="278">
        <v>0</v>
      </c>
      <c r="AT35" s="283">
        <v>0</v>
      </c>
      <c r="AU35" s="277">
        <v>0</v>
      </c>
      <c r="AV35" s="281">
        <v>0</v>
      </c>
      <c r="AW35" s="278">
        <v>0</v>
      </c>
      <c r="AX35" s="280">
        <v>0</v>
      </c>
      <c r="AY35" s="281">
        <v>0</v>
      </c>
      <c r="AZ35" s="281">
        <v>0</v>
      </c>
      <c r="BA35" s="281">
        <v>0</v>
      </c>
      <c r="BB35" s="281">
        <v>0</v>
      </c>
      <c r="BC35" s="281">
        <v>0</v>
      </c>
      <c r="BD35" s="278">
        <v>0</v>
      </c>
      <c r="BE35" s="283">
        <v>0</v>
      </c>
      <c r="BF35" s="277">
        <v>0</v>
      </c>
      <c r="BG35" s="281">
        <v>2</v>
      </c>
      <c r="BH35" s="278">
        <v>2</v>
      </c>
      <c r="BI35" s="280">
        <v>0</v>
      </c>
      <c r="BJ35" s="281">
        <v>2</v>
      </c>
      <c r="BK35" s="281">
        <v>3</v>
      </c>
      <c r="BL35" s="281">
        <v>9</v>
      </c>
      <c r="BM35" s="281">
        <v>1</v>
      </c>
      <c r="BN35" s="281">
        <v>1</v>
      </c>
      <c r="BO35" s="282">
        <v>16</v>
      </c>
      <c r="BP35" s="283">
        <v>18</v>
      </c>
      <c r="BQ35" s="277">
        <v>0</v>
      </c>
      <c r="BR35" s="281">
        <v>0</v>
      </c>
      <c r="BS35" s="278">
        <v>0</v>
      </c>
      <c r="BT35" s="280">
        <v>0</v>
      </c>
      <c r="BU35" s="281">
        <v>0</v>
      </c>
      <c r="BV35" s="281">
        <v>0</v>
      </c>
      <c r="BW35" s="281">
        <v>0</v>
      </c>
      <c r="BX35" s="281">
        <v>0</v>
      </c>
      <c r="BY35" s="281">
        <v>0</v>
      </c>
      <c r="BZ35" s="278">
        <v>0</v>
      </c>
      <c r="CA35" s="283">
        <v>0</v>
      </c>
      <c r="CB35" s="277">
        <v>0</v>
      </c>
      <c r="CC35" s="281">
        <v>0</v>
      </c>
      <c r="CD35" s="278">
        <v>0</v>
      </c>
      <c r="CE35" s="280">
        <v>0</v>
      </c>
      <c r="CF35" s="281">
        <v>0</v>
      </c>
      <c r="CG35" s="281">
        <v>0</v>
      </c>
      <c r="CH35" s="281">
        <v>0</v>
      </c>
      <c r="CI35" s="281">
        <v>0</v>
      </c>
      <c r="CJ35" s="281">
        <v>0</v>
      </c>
      <c r="CK35" s="278">
        <v>0</v>
      </c>
      <c r="CL35" s="283">
        <v>0</v>
      </c>
      <c r="CM35" s="277">
        <v>0</v>
      </c>
      <c r="CN35" s="281">
        <v>0</v>
      </c>
      <c r="CO35" s="278">
        <v>0</v>
      </c>
      <c r="CP35" s="280">
        <v>0</v>
      </c>
      <c r="CQ35" s="281">
        <v>5</v>
      </c>
      <c r="CR35" s="281">
        <v>6</v>
      </c>
      <c r="CS35" s="281">
        <v>5</v>
      </c>
      <c r="CT35" s="281">
        <v>2</v>
      </c>
      <c r="CU35" s="281">
        <v>4</v>
      </c>
      <c r="CV35" s="278">
        <v>22</v>
      </c>
      <c r="CW35" s="283">
        <v>22</v>
      </c>
    </row>
    <row r="36" spans="2:101" ht="21" customHeight="1" x14ac:dyDescent="0.2">
      <c r="B36" s="262" t="s">
        <v>34</v>
      </c>
      <c r="C36" s="277">
        <v>0</v>
      </c>
      <c r="D36" s="278">
        <v>0</v>
      </c>
      <c r="E36" s="279">
        <v>0</v>
      </c>
      <c r="F36" s="280">
        <v>0</v>
      </c>
      <c r="G36" s="281">
        <v>0</v>
      </c>
      <c r="H36" s="281">
        <v>0</v>
      </c>
      <c r="I36" s="281">
        <v>0</v>
      </c>
      <c r="J36" s="281">
        <v>0</v>
      </c>
      <c r="K36" s="281">
        <v>0</v>
      </c>
      <c r="L36" s="282">
        <v>0</v>
      </c>
      <c r="M36" s="283">
        <v>0</v>
      </c>
      <c r="N36" s="277">
        <v>0</v>
      </c>
      <c r="O36" s="281">
        <v>0</v>
      </c>
      <c r="P36" s="278">
        <v>0</v>
      </c>
      <c r="Q36" s="280">
        <v>0</v>
      </c>
      <c r="R36" s="281">
        <v>0</v>
      </c>
      <c r="S36" s="281">
        <v>0</v>
      </c>
      <c r="T36" s="281">
        <v>0</v>
      </c>
      <c r="U36" s="281">
        <v>0</v>
      </c>
      <c r="V36" s="281">
        <v>0</v>
      </c>
      <c r="W36" s="278">
        <v>0</v>
      </c>
      <c r="X36" s="283">
        <v>0</v>
      </c>
      <c r="Y36" s="277">
        <v>0</v>
      </c>
      <c r="Z36" s="281">
        <v>0</v>
      </c>
      <c r="AA36" s="278">
        <v>0</v>
      </c>
      <c r="AB36" s="280">
        <v>0</v>
      </c>
      <c r="AC36" s="281">
        <v>16</v>
      </c>
      <c r="AD36" s="281">
        <v>5</v>
      </c>
      <c r="AE36" s="281">
        <v>5</v>
      </c>
      <c r="AF36" s="281">
        <v>2</v>
      </c>
      <c r="AG36" s="281">
        <v>0</v>
      </c>
      <c r="AH36" s="278">
        <v>28</v>
      </c>
      <c r="AI36" s="283">
        <v>28</v>
      </c>
      <c r="AJ36" s="277">
        <v>0</v>
      </c>
      <c r="AK36" s="281">
        <v>0</v>
      </c>
      <c r="AL36" s="278">
        <v>0</v>
      </c>
      <c r="AM36" s="280">
        <v>0</v>
      </c>
      <c r="AN36" s="281">
        <v>0</v>
      </c>
      <c r="AO36" s="281">
        <v>0</v>
      </c>
      <c r="AP36" s="281">
        <v>0</v>
      </c>
      <c r="AQ36" s="281">
        <v>1</v>
      </c>
      <c r="AR36" s="281">
        <v>0</v>
      </c>
      <c r="AS36" s="278">
        <v>1</v>
      </c>
      <c r="AT36" s="283">
        <v>1</v>
      </c>
      <c r="AU36" s="277">
        <v>1</v>
      </c>
      <c r="AV36" s="281">
        <v>2</v>
      </c>
      <c r="AW36" s="278">
        <v>3</v>
      </c>
      <c r="AX36" s="280">
        <v>0</v>
      </c>
      <c r="AY36" s="281">
        <v>7</v>
      </c>
      <c r="AZ36" s="281">
        <v>7</v>
      </c>
      <c r="BA36" s="281">
        <v>4</v>
      </c>
      <c r="BB36" s="281">
        <v>1</v>
      </c>
      <c r="BC36" s="281">
        <v>0</v>
      </c>
      <c r="BD36" s="278">
        <v>19</v>
      </c>
      <c r="BE36" s="283">
        <v>22</v>
      </c>
      <c r="BF36" s="277">
        <v>0</v>
      </c>
      <c r="BG36" s="281">
        <v>0</v>
      </c>
      <c r="BH36" s="278">
        <v>0</v>
      </c>
      <c r="BI36" s="280">
        <v>0</v>
      </c>
      <c r="BJ36" s="281">
        <v>2</v>
      </c>
      <c r="BK36" s="281">
        <v>3</v>
      </c>
      <c r="BL36" s="281">
        <v>2</v>
      </c>
      <c r="BM36" s="281">
        <v>2</v>
      </c>
      <c r="BN36" s="281">
        <v>4</v>
      </c>
      <c r="BO36" s="282">
        <v>13</v>
      </c>
      <c r="BP36" s="283">
        <v>13</v>
      </c>
      <c r="BQ36" s="277">
        <v>0</v>
      </c>
      <c r="BR36" s="281">
        <v>0</v>
      </c>
      <c r="BS36" s="278">
        <v>0</v>
      </c>
      <c r="BT36" s="280">
        <v>0</v>
      </c>
      <c r="BU36" s="281">
        <v>0</v>
      </c>
      <c r="BV36" s="281">
        <v>0</v>
      </c>
      <c r="BW36" s="281">
        <v>0</v>
      </c>
      <c r="BX36" s="281">
        <v>0</v>
      </c>
      <c r="BY36" s="281">
        <v>0</v>
      </c>
      <c r="BZ36" s="278">
        <v>0</v>
      </c>
      <c r="CA36" s="283">
        <v>0</v>
      </c>
      <c r="CB36" s="277">
        <v>0</v>
      </c>
      <c r="CC36" s="281">
        <v>0</v>
      </c>
      <c r="CD36" s="278">
        <v>0</v>
      </c>
      <c r="CE36" s="280">
        <v>0</v>
      </c>
      <c r="CF36" s="281">
        <v>0</v>
      </c>
      <c r="CG36" s="281">
        <v>0</v>
      </c>
      <c r="CH36" s="281">
        <v>0</v>
      </c>
      <c r="CI36" s="281">
        <v>0</v>
      </c>
      <c r="CJ36" s="281">
        <v>0</v>
      </c>
      <c r="CK36" s="278">
        <v>0</v>
      </c>
      <c r="CL36" s="283">
        <v>0</v>
      </c>
      <c r="CM36" s="277">
        <v>0</v>
      </c>
      <c r="CN36" s="281">
        <v>0</v>
      </c>
      <c r="CO36" s="278">
        <v>0</v>
      </c>
      <c r="CP36" s="280">
        <v>0</v>
      </c>
      <c r="CQ36" s="281">
        <v>4</v>
      </c>
      <c r="CR36" s="281">
        <v>12</v>
      </c>
      <c r="CS36" s="281">
        <v>5</v>
      </c>
      <c r="CT36" s="281">
        <v>4</v>
      </c>
      <c r="CU36" s="281">
        <v>1</v>
      </c>
      <c r="CV36" s="278">
        <v>26</v>
      </c>
      <c r="CW36" s="283">
        <v>26</v>
      </c>
    </row>
    <row r="37" spans="2:101" ht="21" customHeight="1" x14ac:dyDescent="0.2">
      <c r="B37" s="262" t="s">
        <v>35</v>
      </c>
      <c r="C37" s="277">
        <v>0</v>
      </c>
      <c r="D37" s="278">
        <v>0</v>
      </c>
      <c r="E37" s="279">
        <v>0</v>
      </c>
      <c r="F37" s="280">
        <v>0</v>
      </c>
      <c r="G37" s="281">
        <v>0</v>
      </c>
      <c r="H37" s="281">
        <v>1</v>
      </c>
      <c r="I37" s="281">
        <v>1</v>
      </c>
      <c r="J37" s="281">
        <v>1</v>
      </c>
      <c r="K37" s="281">
        <v>0</v>
      </c>
      <c r="L37" s="282">
        <v>3</v>
      </c>
      <c r="M37" s="283">
        <v>3</v>
      </c>
      <c r="N37" s="277">
        <v>0</v>
      </c>
      <c r="O37" s="281">
        <v>0</v>
      </c>
      <c r="P37" s="278">
        <v>0</v>
      </c>
      <c r="Q37" s="280">
        <v>0</v>
      </c>
      <c r="R37" s="281">
        <v>0</v>
      </c>
      <c r="S37" s="281">
        <v>0</v>
      </c>
      <c r="T37" s="281">
        <v>0</v>
      </c>
      <c r="U37" s="281">
        <v>0</v>
      </c>
      <c r="V37" s="281">
        <v>0</v>
      </c>
      <c r="W37" s="278">
        <v>0</v>
      </c>
      <c r="X37" s="283">
        <v>0</v>
      </c>
      <c r="Y37" s="277">
        <v>0</v>
      </c>
      <c r="Z37" s="281">
        <v>0</v>
      </c>
      <c r="AA37" s="278">
        <v>0</v>
      </c>
      <c r="AB37" s="280">
        <v>0</v>
      </c>
      <c r="AC37" s="281">
        <v>16</v>
      </c>
      <c r="AD37" s="281">
        <v>17</v>
      </c>
      <c r="AE37" s="281">
        <v>7</v>
      </c>
      <c r="AF37" s="281">
        <v>9</v>
      </c>
      <c r="AG37" s="281">
        <v>1</v>
      </c>
      <c r="AH37" s="278">
        <v>50</v>
      </c>
      <c r="AI37" s="283">
        <v>50</v>
      </c>
      <c r="AJ37" s="277">
        <v>0</v>
      </c>
      <c r="AK37" s="281">
        <v>0</v>
      </c>
      <c r="AL37" s="278">
        <v>0</v>
      </c>
      <c r="AM37" s="280">
        <v>0</v>
      </c>
      <c r="AN37" s="281">
        <v>0</v>
      </c>
      <c r="AO37" s="281">
        <v>0</v>
      </c>
      <c r="AP37" s="281">
        <v>0</v>
      </c>
      <c r="AQ37" s="281">
        <v>0</v>
      </c>
      <c r="AR37" s="281">
        <v>0</v>
      </c>
      <c r="AS37" s="278">
        <v>0</v>
      </c>
      <c r="AT37" s="283">
        <v>0</v>
      </c>
      <c r="AU37" s="277">
        <v>2</v>
      </c>
      <c r="AV37" s="281">
        <v>3</v>
      </c>
      <c r="AW37" s="278">
        <v>5</v>
      </c>
      <c r="AX37" s="280">
        <v>0</v>
      </c>
      <c r="AY37" s="281">
        <v>10</v>
      </c>
      <c r="AZ37" s="281">
        <v>12</v>
      </c>
      <c r="BA37" s="281">
        <v>10</v>
      </c>
      <c r="BB37" s="281">
        <v>3</v>
      </c>
      <c r="BC37" s="281">
        <v>2</v>
      </c>
      <c r="BD37" s="278">
        <v>37</v>
      </c>
      <c r="BE37" s="283">
        <v>42</v>
      </c>
      <c r="BF37" s="277">
        <v>0</v>
      </c>
      <c r="BG37" s="281">
        <v>0</v>
      </c>
      <c r="BH37" s="278">
        <v>0</v>
      </c>
      <c r="BI37" s="280">
        <v>0</v>
      </c>
      <c r="BJ37" s="281">
        <v>12</v>
      </c>
      <c r="BK37" s="281">
        <v>13</v>
      </c>
      <c r="BL37" s="281">
        <v>17</v>
      </c>
      <c r="BM37" s="281">
        <v>15</v>
      </c>
      <c r="BN37" s="281">
        <v>6</v>
      </c>
      <c r="BO37" s="282">
        <v>63</v>
      </c>
      <c r="BP37" s="283">
        <v>63</v>
      </c>
      <c r="BQ37" s="277">
        <v>0</v>
      </c>
      <c r="BR37" s="281">
        <v>0</v>
      </c>
      <c r="BS37" s="278">
        <v>0</v>
      </c>
      <c r="BT37" s="280">
        <v>0</v>
      </c>
      <c r="BU37" s="281">
        <v>0</v>
      </c>
      <c r="BV37" s="281">
        <v>0</v>
      </c>
      <c r="BW37" s="281">
        <v>0</v>
      </c>
      <c r="BX37" s="281">
        <v>0</v>
      </c>
      <c r="BY37" s="281">
        <v>0</v>
      </c>
      <c r="BZ37" s="278">
        <v>0</v>
      </c>
      <c r="CA37" s="283">
        <v>0</v>
      </c>
      <c r="CB37" s="277">
        <v>0</v>
      </c>
      <c r="CC37" s="281">
        <v>0</v>
      </c>
      <c r="CD37" s="278">
        <v>0</v>
      </c>
      <c r="CE37" s="280">
        <v>0</v>
      </c>
      <c r="CF37" s="281">
        <v>0</v>
      </c>
      <c r="CG37" s="281">
        <v>0</v>
      </c>
      <c r="CH37" s="281">
        <v>0</v>
      </c>
      <c r="CI37" s="281">
        <v>0</v>
      </c>
      <c r="CJ37" s="281">
        <v>0</v>
      </c>
      <c r="CK37" s="278">
        <v>0</v>
      </c>
      <c r="CL37" s="283">
        <v>0</v>
      </c>
      <c r="CM37" s="277">
        <v>0</v>
      </c>
      <c r="CN37" s="281">
        <v>0</v>
      </c>
      <c r="CO37" s="278">
        <v>0</v>
      </c>
      <c r="CP37" s="280">
        <v>0</v>
      </c>
      <c r="CQ37" s="281">
        <v>0</v>
      </c>
      <c r="CR37" s="281">
        <v>0</v>
      </c>
      <c r="CS37" s="281">
        <v>0</v>
      </c>
      <c r="CT37" s="281">
        <v>0</v>
      </c>
      <c r="CU37" s="281">
        <v>0</v>
      </c>
      <c r="CV37" s="278">
        <v>0</v>
      </c>
      <c r="CW37" s="283">
        <v>0</v>
      </c>
    </row>
    <row r="38" spans="2:101" ht="21" customHeight="1" x14ac:dyDescent="0.2">
      <c r="B38" s="262" t="s">
        <v>36</v>
      </c>
      <c r="C38" s="277">
        <v>0</v>
      </c>
      <c r="D38" s="278">
        <v>0</v>
      </c>
      <c r="E38" s="279">
        <v>0</v>
      </c>
      <c r="F38" s="280">
        <v>0</v>
      </c>
      <c r="G38" s="281">
        <v>0</v>
      </c>
      <c r="H38" s="281">
        <v>0</v>
      </c>
      <c r="I38" s="281">
        <v>0</v>
      </c>
      <c r="J38" s="281">
        <v>0</v>
      </c>
      <c r="K38" s="281">
        <v>0</v>
      </c>
      <c r="L38" s="282">
        <v>0</v>
      </c>
      <c r="M38" s="283">
        <v>0</v>
      </c>
      <c r="N38" s="277">
        <v>0</v>
      </c>
      <c r="O38" s="281">
        <v>0</v>
      </c>
      <c r="P38" s="278">
        <v>0</v>
      </c>
      <c r="Q38" s="280">
        <v>0</v>
      </c>
      <c r="R38" s="281">
        <v>0</v>
      </c>
      <c r="S38" s="281">
        <v>0</v>
      </c>
      <c r="T38" s="281">
        <v>0</v>
      </c>
      <c r="U38" s="281">
        <v>0</v>
      </c>
      <c r="V38" s="281">
        <v>0</v>
      </c>
      <c r="W38" s="278">
        <v>0</v>
      </c>
      <c r="X38" s="283">
        <v>0</v>
      </c>
      <c r="Y38" s="277">
        <v>0</v>
      </c>
      <c r="Z38" s="281">
        <v>0</v>
      </c>
      <c r="AA38" s="278">
        <v>0</v>
      </c>
      <c r="AB38" s="280">
        <v>0</v>
      </c>
      <c r="AC38" s="281">
        <v>58</v>
      </c>
      <c r="AD38" s="281">
        <v>45</v>
      </c>
      <c r="AE38" s="281">
        <v>30</v>
      </c>
      <c r="AF38" s="281">
        <v>11</v>
      </c>
      <c r="AG38" s="281">
        <v>9</v>
      </c>
      <c r="AH38" s="278">
        <v>153</v>
      </c>
      <c r="AI38" s="283">
        <v>153</v>
      </c>
      <c r="AJ38" s="277">
        <v>0</v>
      </c>
      <c r="AK38" s="281">
        <v>0</v>
      </c>
      <c r="AL38" s="278">
        <v>0</v>
      </c>
      <c r="AM38" s="280">
        <v>0</v>
      </c>
      <c r="AN38" s="281">
        <v>0</v>
      </c>
      <c r="AO38" s="281">
        <v>0</v>
      </c>
      <c r="AP38" s="281">
        <v>0</v>
      </c>
      <c r="AQ38" s="281">
        <v>0</v>
      </c>
      <c r="AR38" s="281">
        <v>0</v>
      </c>
      <c r="AS38" s="278">
        <v>0</v>
      </c>
      <c r="AT38" s="283">
        <v>0</v>
      </c>
      <c r="AU38" s="277">
        <v>1</v>
      </c>
      <c r="AV38" s="281">
        <v>1</v>
      </c>
      <c r="AW38" s="278">
        <v>2</v>
      </c>
      <c r="AX38" s="280">
        <v>0</v>
      </c>
      <c r="AY38" s="281">
        <v>12</v>
      </c>
      <c r="AZ38" s="281">
        <v>8</v>
      </c>
      <c r="BA38" s="281">
        <v>6</v>
      </c>
      <c r="BB38" s="281">
        <v>2</v>
      </c>
      <c r="BC38" s="281">
        <v>0</v>
      </c>
      <c r="BD38" s="278">
        <v>28</v>
      </c>
      <c r="BE38" s="283">
        <v>30</v>
      </c>
      <c r="BF38" s="277">
        <v>0</v>
      </c>
      <c r="BG38" s="281">
        <v>0</v>
      </c>
      <c r="BH38" s="278">
        <v>0</v>
      </c>
      <c r="BI38" s="280">
        <v>0</v>
      </c>
      <c r="BJ38" s="281">
        <v>2</v>
      </c>
      <c r="BK38" s="281">
        <v>5</v>
      </c>
      <c r="BL38" s="281">
        <v>16</v>
      </c>
      <c r="BM38" s="281">
        <v>8</v>
      </c>
      <c r="BN38" s="281">
        <v>2</v>
      </c>
      <c r="BO38" s="282">
        <v>33</v>
      </c>
      <c r="BP38" s="283">
        <v>33</v>
      </c>
      <c r="BQ38" s="277">
        <v>0</v>
      </c>
      <c r="BR38" s="281">
        <v>0</v>
      </c>
      <c r="BS38" s="278">
        <v>0</v>
      </c>
      <c r="BT38" s="280">
        <v>0</v>
      </c>
      <c r="BU38" s="281">
        <v>0</v>
      </c>
      <c r="BV38" s="281">
        <v>0</v>
      </c>
      <c r="BW38" s="281">
        <v>0</v>
      </c>
      <c r="BX38" s="281">
        <v>0</v>
      </c>
      <c r="BY38" s="281">
        <v>0</v>
      </c>
      <c r="BZ38" s="278">
        <v>0</v>
      </c>
      <c r="CA38" s="283">
        <v>0</v>
      </c>
      <c r="CB38" s="277">
        <v>0</v>
      </c>
      <c r="CC38" s="281">
        <v>0</v>
      </c>
      <c r="CD38" s="278">
        <v>0</v>
      </c>
      <c r="CE38" s="280">
        <v>0</v>
      </c>
      <c r="CF38" s="281">
        <v>0</v>
      </c>
      <c r="CG38" s="281">
        <v>0</v>
      </c>
      <c r="CH38" s="281">
        <v>0</v>
      </c>
      <c r="CI38" s="281">
        <v>0</v>
      </c>
      <c r="CJ38" s="281">
        <v>0</v>
      </c>
      <c r="CK38" s="278">
        <v>0</v>
      </c>
      <c r="CL38" s="283">
        <v>0</v>
      </c>
      <c r="CM38" s="277">
        <v>0</v>
      </c>
      <c r="CN38" s="281">
        <v>0</v>
      </c>
      <c r="CO38" s="278">
        <v>0</v>
      </c>
      <c r="CP38" s="280">
        <v>0</v>
      </c>
      <c r="CQ38" s="281">
        <v>0</v>
      </c>
      <c r="CR38" s="281">
        <v>0</v>
      </c>
      <c r="CS38" s="281">
        <v>0</v>
      </c>
      <c r="CT38" s="281">
        <v>0</v>
      </c>
      <c r="CU38" s="281">
        <v>0</v>
      </c>
      <c r="CV38" s="278">
        <v>0</v>
      </c>
      <c r="CW38" s="283">
        <v>0</v>
      </c>
    </row>
    <row r="39" spans="2:101" ht="21" customHeight="1" thickBot="1" x14ac:dyDescent="0.25">
      <c r="B39" s="263" t="s">
        <v>37</v>
      </c>
      <c r="C39" s="284">
        <v>0</v>
      </c>
      <c r="D39" s="285">
        <v>0</v>
      </c>
      <c r="E39" s="286">
        <v>0</v>
      </c>
      <c r="F39" s="287">
        <v>0</v>
      </c>
      <c r="G39" s="288">
        <v>0</v>
      </c>
      <c r="H39" s="288">
        <v>0</v>
      </c>
      <c r="I39" s="288">
        <v>1</v>
      </c>
      <c r="J39" s="288">
        <v>0</v>
      </c>
      <c r="K39" s="288">
        <v>0</v>
      </c>
      <c r="L39" s="289">
        <v>1</v>
      </c>
      <c r="M39" s="290">
        <v>1</v>
      </c>
      <c r="N39" s="284">
        <v>0</v>
      </c>
      <c r="O39" s="288">
        <v>0</v>
      </c>
      <c r="P39" s="285">
        <v>0</v>
      </c>
      <c r="Q39" s="287">
        <v>0</v>
      </c>
      <c r="R39" s="288">
        <v>0</v>
      </c>
      <c r="S39" s="288">
        <v>0</v>
      </c>
      <c r="T39" s="288">
        <v>0</v>
      </c>
      <c r="U39" s="288">
        <v>0</v>
      </c>
      <c r="V39" s="288">
        <v>0</v>
      </c>
      <c r="W39" s="285">
        <v>0</v>
      </c>
      <c r="X39" s="290">
        <v>0</v>
      </c>
      <c r="Y39" s="284">
        <v>0</v>
      </c>
      <c r="Z39" s="288">
        <v>0</v>
      </c>
      <c r="AA39" s="285">
        <v>0</v>
      </c>
      <c r="AB39" s="287">
        <v>0</v>
      </c>
      <c r="AC39" s="288">
        <v>15</v>
      </c>
      <c r="AD39" s="288">
        <v>6</v>
      </c>
      <c r="AE39" s="288">
        <v>6</v>
      </c>
      <c r="AF39" s="288">
        <v>0</v>
      </c>
      <c r="AG39" s="288">
        <v>2</v>
      </c>
      <c r="AH39" s="285">
        <v>29</v>
      </c>
      <c r="AI39" s="290">
        <v>29</v>
      </c>
      <c r="AJ39" s="284">
        <v>0</v>
      </c>
      <c r="AK39" s="288">
        <v>0</v>
      </c>
      <c r="AL39" s="285">
        <v>0</v>
      </c>
      <c r="AM39" s="287">
        <v>0</v>
      </c>
      <c r="AN39" s="288">
        <v>0</v>
      </c>
      <c r="AO39" s="288">
        <v>0</v>
      </c>
      <c r="AP39" s="288">
        <v>1</v>
      </c>
      <c r="AQ39" s="288">
        <v>0</v>
      </c>
      <c r="AR39" s="288">
        <v>1</v>
      </c>
      <c r="AS39" s="285">
        <v>2</v>
      </c>
      <c r="AT39" s="290">
        <v>2</v>
      </c>
      <c r="AU39" s="284">
        <v>0</v>
      </c>
      <c r="AV39" s="288">
        <v>0</v>
      </c>
      <c r="AW39" s="285">
        <v>0</v>
      </c>
      <c r="AX39" s="287">
        <v>0</v>
      </c>
      <c r="AY39" s="288">
        <v>0</v>
      </c>
      <c r="AZ39" s="288">
        <v>0</v>
      </c>
      <c r="BA39" s="288">
        <v>0</v>
      </c>
      <c r="BB39" s="288">
        <v>0</v>
      </c>
      <c r="BC39" s="288">
        <v>0</v>
      </c>
      <c r="BD39" s="285">
        <v>0</v>
      </c>
      <c r="BE39" s="290">
        <v>0</v>
      </c>
      <c r="BF39" s="284">
        <v>0</v>
      </c>
      <c r="BG39" s="288">
        <v>0</v>
      </c>
      <c r="BH39" s="285">
        <v>0</v>
      </c>
      <c r="BI39" s="287">
        <v>0</v>
      </c>
      <c r="BJ39" s="288">
        <v>1</v>
      </c>
      <c r="BK39" s="288">
        <v>1</v>
      </c>
      <c r="BL39" s="288">
        <v>2</v>
      </c>
      <c r="BM39" s="288">
        <v>0</v>
      </c>
      <c r="BN39" s="288">
        <v>0</v>
      </c>
      <c r="BO39" s="289">
        <v>4</v>
      </c>
      <c r="BP39" s="290">
        <v>4</v>
      </c>
      <c r="BQ39" s="284">
        <v>0</v>
      </c>
      <c r="BR39" s="288">
        <v>0</v>
      </c>
      <c r="BS39" s="285">
        <v>0</v>
      </c>
      <c r="BT39" s="287">
        <v>0</v>
      </c>
      <c r="BU39" s="288">
        <v>0</v>
      </c>
      <c r="BV39" s="288">
        <v>0</v>
      </c>
      <c r="BW39" s="288">
        <v>0</v>
      </c>
      <c r="BX39" s="288">
        <v>0</v>
      </c>
      <c r="BY39" s="288">
        <v>0</v>
      </c>
      <c r="BZ39" s="285">
        <v>0</v>
      </c>
      <c r="CA39" s="290">
        <v>0</v>
      </c>
      <c r="CB39" s="284">
        <v>0</v>
      </c>
      <c r="CC39" s="288">
        <v>0</v>
      </c>
      <c r="CD39" s="285">
        <v>0</v>
      </c>
      <c r="CE39" s="287">
        <v>0</v>
      </c>
      <c r="CF39" s="288">
        <v>0</v>
      </c>
      <c r="CG39" s="288">
        <v>0</v>
      </c>
      <c r="CH39" s="288">
        <v>0</v>
      </c>
      <c r="CI39" s="288">
        <v>0</v>
      </c>
      <c r="CJ39" s="288">
        <v>0</v>
      </c>
      <c r="CK39" s="285">
        <v>0</v>
      </c>
      <c r="CL39" s="290">
        <v>0</v>
      </c>
      <c r="CM39" s="284">
        <v>0</v>
      </c>
      <c r="CN39" s="288">
        <v>0</v>
      </c>
      <c r="CO39" s="285">
        <v>0</v>
      </c>
      <c r="CP39" s="287">
        <v>0</v>
      </c>
      <c r="CQ39" s="288">
        <v>0</v>
      </c>
      <c r="CR39" s="288">
        <v>0</v>
      </c>
      <c r="CS39" s="288">
        <v>0</v>
      </c>
      <c r="CT39" s="288">
        <v>0</v>
      </c>
      <c r="CU39" s="288">
        <v>0</v>
      </c>
      <c r="CV39" s="285">
        <v>0</v>
      </c>
      <c r="CW39" s="290">
        <v>0</v>
      </c>
    </row>
  </sheetData>
  <mergeCells count="39">
    <mergeCell ref="Q4:W4"/>
    <mergeCell ref="AU3:BE3"/>
    <mergeCell ref="I1:J1"/>
    <mergeCell ref="L1:M1"/>
    <mergeCell ref="CA4:CA5"/>
    <mergeCell ref="BF3:BP3"/>
    <mergeCell ref="BQ3:CA3"/>
    <mergeCell ref="BP4:BP5"/>
    <mergeCell ref="BE4:BE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33203125" style="256" customWidth="1"/>
    <col min="6" max="6" width="7.6640625" style="256" customWidth="1"/>
    <col min="7" max="7" width="8.44140625" style="256" customWidth="1"/>
    <col min="8" max="8" width="8.77734375" style="256" customWidth="1"/>
    <col min="9" max="16" width="9" style="256"/>
    <col min="17" max="17" width="7.21875" style="256" customWidth="1"/>
    <col min="18" max="27" width="9" style="256"/>
    <col min="28" max="28" width="7.6640625" style="256" customWidth="1"/>
    <col min="29" max="38" width="9" style="256"/>
    <col min="39" max="39" width="8.5546875" style="256" customWidth="1"/>
    <col min="40" max="49" width="9" style="256"/>
    <col min="50" max="50" width="7.6640625" style="256" customWidth="1"/>
    <col min="51" max="60" width="9" style="256"/>
    <col min="61" max="61" width="7.21875" style="256" customWidth="1"/>
    <col min="62" max="71" width="9" style="256"/>
    <col min="72" max="72" width="7.21875" style="256" customWidth="1"/>
    <col min="73" max="82" width="9" style="256"/>
    <col min="83" max="83" width="7.33203125" style="256" customWidth="1"/>
    <col min="84" max="93" width="9" style="256"/>
    <col min="94" max="94" width="7.44140625" style="256" customWidth="1"/>
    <col min="95" max="16384" width="9" style="256"/>
  </cols>
  <sheetData>
    <row r="1" spans="1:101" ht="24" customHeight="1" x14ac:dyDescent="0.2">
      <c r="B1" s="291" t="s">
        <v>124</v>
      </c>
      <c r="I1" s="528">
        <f>第１表!F2</f>
        <v>4</v>
      </c>
      <c r="J1" s="528"/>
      <c r="K1" s="248">
        <f>第１表!G2</f>
        <v>9</v>
      </c>
      <c r="L1" s="529">
        <f>IF(K1&lt;3,K1+12-2,K1-2)</f>
        <v>7</v>
      </c>
      <c r="M1" s="529"/>
    </row>
    <row r="2" spans="1:101" s="292" customFormat="1" ht="24" customHeight="1" thickBot="1" x14ac:dyDescent="0.25">
      <c r="A2" s="44"/>
      <c r="B2" s="291" t="s">
        <v>131</v>
      </c>
    </row>
    <row r="3" spans="1:101" ht="23.25" customHeight="1" thickBot="1" x14ac:dyDescent="0.25">
      <c r="B3" s="537"/>
      <c r="C3" s="540" t="s">
        <v>94</v>
      </c>
      <c r="D3" s="541"/>
      <c r="E3" s="541"/>
      <c r="F3" s="541"/>
      <c r="G3" s="541"/>
      <c r="H3" s="541"/>
      <c r="I3" s="541"/>
      <c r="J3" s="541"/>
      <c r="K3" s="541"/>
      <c r="L3" s="541"/>
      <c r="M3" s="542"/>
      <c r="N3" s="540" t="s">
        <v>88</v>
      </c>
      <c r="O3" s="541"/>
      <c r="P3" s="541"/>
      <c r="Q3" s="541"/>
      <c r="R3" s="541"/>
      <c r="S3" s="541"/>
      <c r="T3" s="541"/>
      <c r="U3" s="541"/>
      <c r="V3" s="541"/>
      <c r="W3" s="541"/>
      <c r="X3" s="542"/>
      <c r="Y3" s="540" t="s">
        <v>142</v>
      </c>
      <c r="Z3" s="541"/>
      <c r="AA3" s="541"/>
      <c r="AB3" s="541"/>
      <c r="AC3" s="541"/>
      <c r="AD3" s="541"/>
      <c r="AE3" s="541"/>
      <c r="AF3" s="541"/>
      <c r="AG3" s="541"/>
      <c r="AH3" s="541"/>
      <c r="AI3" s="542"/>
      <c r="AJ3" s="540" t="s">
        <v>90</v>
      </c>
      <c r="AK3" s="541"/>
      <c r="AL3" s="541"/>
      <c r="AM3" s="541"/>
      <c r="AN3" s="541"/>
      <c r="AO3" s="541"/>
      <c r="AP3" s="541"/>
      <c r="AQ3" s="541"/>
      <c r="AR3" s="541"/>
      <c r="AS3" s="541"/>
      <c r="AT3" s="542"/>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1</v>
      </c>
      <c r="CN3" s="547"/>
      <c r="CO3" s="547"/>
      <c r="CP3" s="547"/>
      <c r="CQ3" s="547"/>
      <c r="CR3" s="547"/>
      <c r="CS3" s="547"/>
      <c r="CT3" s="547"/>
      <c r="CU3" s="547"/>
      <c r="CV3" s="547"/>
      <c r="CW3" s="548"/>
    </row>
    <row r="4" spans="1:101" ht="22.5"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62" t="s">
        <v>61</v>
      </c>
      <c r="AV4" s="560"/>
      <c r="AW4" s="561"/>
      <c r="AX4" s="559" t="s">
        <v>62</v>
      </c>
      <c r="AY4" s="560"/>
      <c r="AZ4" s="560"/>
      <c r="BA4" s="560"/>
      <c r="BB4" s="560"/>
      <c r="BC4" s="560"/>
      <c r="BD4" s="561"/>
      <c r="BE4" s="563" t="s">
        <v>52</v>
      </c>
      <c r="BF4" s="562" t="s">
        <v>61</v>
      </c>
      <c r="BG4" s="560"/>
      <c r="BH4" s="561"/>
      <c r="BI4" s="559" t="s">
        <v>62</v>
      </c>
      <c r="BJ4" s="560"/>
      <c r="BK4" s="560"/>
      <c r="BL4" s="560"/>
      <c r="BM4" s="560"/>
      <c r="BN4" s="560"/>
      <c r="BO4" s="561"/>
      <c r="BP4" s="563" t="s">
        <v>52</v>
      </c>
      <c r="BQ4" s="562" t="s">
        <v>61</v>
      </c>
      <c r="BR4" s="560"/>
      <c r="BS4" s="561"/>
      <c r="BT4" s="559" t="s">
        <v>62</v>
      </c>
      <c r="BU4" s="560"/>
      <c r="BV4" s="560"/>
      <c r="BW4" s="560"/>
      <c r="BX4" s="560"/>
      <c r="BY4" s="560"/>
      <c r="BZ4" s="561"/>
      <c r="CA4" s="563" t="s">
        <v>52</v>
      </c>
      <c r="CB4" s="562" t="s">
        <v>61</v>
      </c>
      <c r="CC4" s="560"/>
      <c r="CD4" s="561"/>
      <c r="CE4" s="559" t="s">
        <v>62</v>
      </c>
      <c r="CF4" s="560"/>
      <c r="CG4" s="560"/>
      <c r="CH4" s="560"/>
      <c r="CI4" s="560"/>
      <c r="CJ4" s="560"/>
      <c r="CK4" s="561"/>
      <c r="CL4" s="563" t="s">
        <v>52</v>
      </c>
      <c r="CM4" s="562" t="s">
        <v>61</v>
      </c>
      <c r="CN4" s="560"/>
      <c r="CO4" s="561"/>
      <c r="CP4" s="559" t="s">
        <v>62</v>
      </c>
      <c r="CQ4" s="560"/>
      <c r="CR4" s="560"/>
      <c r="CS4" s="560"/>
      <c r="CT4" s="560"/>
      <c r="CU4" s="560"/>
      <c r="CV4" s="561"/>
      <c r="CW4" s="563" t="s">
        <v>52</v>
      </c>
    </row>
    <row r="5" spans="1:101" ht="34.5" customHeight="1" thickBot="1" x14ac:dyDescent="0.25">
      <c r="B5" s="539"/>
      <c r="C5" s="324" t="s">
        <v>43</v>
      </c>
      <c r="D5" s="266" t="s">
        <v>44</v>
      </c>
      <c r="E5" s="267" t="s">
        <v>45</v>
      </c>
      <c r="F5" s="268" t="s">
        <v>83</v>
      </c>
      <c r="G5" s="260" t="s">
        <v>47</v>
      </c>
      <c r="H5" s="260" t="s">
        <v>48</v>
      </c>
      <c r="I5" s="260" t="s">
        <v>49</v>
      </c>
      <c r="J5" s="260" t="s">
        <v>50</v>
      </c>
      <c r="K5" s="260" t="s">
        <v>51</v>
      </c>
      <c r="L5" s="269" t="s">
        <v>45</v>
      </c>
      <c r="M5" s="531"/>
      <c r="N5" s="324" t="s">
        <v>43</v>
      </c>
      <c r="O5" s="260" t="s">
        <v>44</v>
      </c>
      <c r="P5" s="266" t="s">
        <v>45</v>
      </c>
      <c r="Q5" s="268" t="s">
        <v>83</v>
      </c>
      <c r="R5" s="260" t="s">
        <v>47</v>
      </c>
      <c r="S5" s="260" t="s">
        <v>48</v>
      </c>
      <c r="T5" s="260" t="s">
        <v>49</v>
      </c>
      <c r="U5" s="260" t="s">
        <v>50</v>
      </c>
      <c r="V5" s="260" t="s">
        <v>51</v>
      </c>
      <c r="W5" s="266" t="s">
        <v>45</v>
      </c>
      <c r="X5" s="531"/>
      <c r="Y5" s="324" t="s">
        <v>43</v>
      </c>
      <c r="Z5" s="260" t="s">
        <v>44</v>
      </c>
      <c r="AA5" s="266" t="s">
        <v>45</v>
      </c>
      <c r="AB5" s="268" t="s">
        <v>83</v>
      </c>
      <c r="AC5" s="260" t="s">
        <v>47</v>
      </c>
      <c r="AD5" s="260" t="s">
        <v>48</v>
      </c>
      <c r="AE5" s="260" t="s">
        <v>49</v>
      </c>
      <c r="AF5" s="260" t="s">
        <v>50</v>
      </c>
      <c r="AG5" s="260" t="s">
        <v>51</v>
      </c>
      <c r="AH5" s="266" t="s">
        <v>45</v>
      </c>
      <c r="AI5" s="531"/>
      <c r="AJ5" s="341" t="s">
        <v>43</v>
      </c>
      <c r="AK5" s="260" t="s">
        <v>44</v>
      </c>
      <c r="AL5" s="266" t="s">
        <v>45</v>
      </c>
      <c r="AM5" s="268" t="s">
        <v>83</v>
      </c>
      <c r="AN5" s="260" t="s">
        <v>47</v>
      </c>
      <c r="AO5" s="260" t="s">
        <v>48</v>
      </c>
      <c r="AP5" s="260" t="s">
        <v>49</v>
      </c>
      <c r="AQ5" s="260" t="s">
        <v>50</v>
      </c>
      <c r="AR5" s="260" t="s">
        <v>51</v>
      </c>
      <c r="AS5" s="266" t="s">
        <v>45</v>
      </c>
      <c r="AT5" s="531"/>
      <c r="AU5" s="341" t="s">
        <v>43</v>
      </c>
      <c r="AV5" s="260" t="s">
        <v>44</v>
      </c>
      <c r="AW5" s="266" t="s">
        <v>45</v>
      </c>
      <c r="AX5" s="268" t="s">
        <v>83</v>
      </c>
      <c r="AY5" s="260" t="s">
        <v>47</v>
      </c>
      <c r="AZ5" s="260" t="s">
        <v>48</v>
      </c>
      <c r="BA5" s="260" t="s">
        <v>49</v>
      </c>
      <c r="BB5" s="260" t="s">
        <v>50</v>
      </c>
      <c r="BC5" s="260" t="s">
        <v>51</v>
      </c>
      <c r="BD5" s="266" t="s">
        <v>45</v>
      </c>
      <c r="BE5" s="564"/>
      <c r="BF5" s="341" t="s">
        <v>43</v>
      </c>
      <c r="BG5" s="260" t="s">
        <v>44</v>
      </c>
      <c r="BH5" s="266" t="s">
        <v>45</v>
      </c>
      <c r="BI5" s="268" t="s">
        <v>83</v>
      </c>
      <c r="BJ5" s="260" t="s">
        <v>47</v>
      </c>
      <c r="BK5" s="260" t="s">
        <v>48</v>
      </c>
      <c r="BL5" s="260" t="s">
        <v>49</v>
      </c>
      <c r="BM5" s="260" t="s">
        <v>50</v>
      </c>
      <c r="BN5" s="260" t="s">
        <v>51</v>
      </c>
      <c r="BO5" s="266" t="s">
        <v>45</v>
      </c>
      <c r="BP5" s="564"/>
      <c r="BQ5" s="341" t="s">
        <v>43</v>
      </c>
      <c r="BR5" s="260" t="s">
        <v>44</v>
      </c>
      <c r="BS5" s="266" t="s">
        <v>45</v>
      </c>
      <c r="BT5" s="268" t="s">
        <v>83</v>
      </c>
      <c r="BU5" s="260" t="s">
        <v>47</v>
      </c>
      <c r="BV5" s="260" t="s">
        <v>48</v>
      </c>
      <c r="BW5" s="260" t="s">
        <v>49</v>
      </c>
      <c r="BX5" s="260" t="s">
        <v>50</v>
      </c>
      <c r="BY5" s="260" t="s">
        <v>51</v>
      </c>
      <c r="BZ5" s="266" t="s">
        <v>45</v>
      </c>
      <c r="CA5" s="564"/>
      <c r="CB5" s="341" t="s">
        <v>43</v>
      </c>
      <c r="CC5" s="260" t="s">
        <v>44</v>
      </c>
      <c r="CD5" s="266" t="s">
        <v>45</v>
      </c>
      <c r="CE5" s="268" t="s">
        <v>83</v>
      </c>
      <c r="CF5" s="260" t="s">
        <v>47</v>
      </c>
      <c r="CG5" s="260" t="s">
        <v>48</v>
      </c>
      <c r="CH5" s="260" t="s">
        <v>49</v>
      </c>
      <c r="CI5" s="260" t="s">
        <v>50</v>
      </c>
      <c r="CJ5" s="260" t="s">
        <v>51</v>
      </c>
      <c r="CK5" s="266" t="s">
        <v>45</v>
      </c>
      <c r="CL5" s="564"/>
      <c r="CM5" s="341" t="s">
        <v>43</v>
      </c>
      <c r="CN5" s="260" t="s">
        <v>44</v>
      </c>
      <c r="CO5" s="266" t="s">
        <v>45</v>
      </c>
      <c r="CP5" s="268" t="s">
        <v>83</v>
      </c>
      <c r="CQ5" s="260" t="s">
        <v>47</v>
      </c>
      <c r="CR5" s="260" t="s">
        <v>48</v>
      </c>
      <c r="CS5" s="260" t="s">
        <v>49</v>
      </c>
      <c r="CT5" s="260" t="s">
        <v>50</v>
      </c>
      <c r="CU5" s="260" t="s">
        <v>51</v>
      </c>
      <c r="CV5" s="266" t="s">
        <v>45</v>
      </c>
      <c r="CW5" s="564"/>
    </row>
    <row r="6" spans="1:101" ht="21" customHeight="1" x14ac:dyDescent="0.2">
      <c r="B6" s="261" t="s">
        <v>4</v>
      </c>
      <c r="C6" s="270">
        <v>0</v>
      </c>
      <c r="D6" s="271">
        <v>0</v>
      </c>
      <c r="E6" s="272">
        <v>0</v>
      </c>
      <c r="F6" s="273">
        <v>0</v>
      </c>
      <c r="G6" s="274">
        <v>18</v>
      </c>
      <c r="H6" s="274">
        <v>29</v>
      </c>
      <c r="I6" s="274">
        <v>23</v>
      </c>
      <c r="J6" s="274">
        <v>20</v>
      </c>
      <c r="K6" s="274">
        <v>15</v>
      </c>
      <c r="L6" s="275">
        <v>105</v>
      </c>
      <c r="M6" s="276">
        <v>105</v>
      </c>
      <c r="N6" s="270">
        <v>0</v>
      </c>
      <c r="O6" s="274">
        <v>0</v>
      </c>
      <c r="P6" s="271">
        <v>0</v>
      </c>
      <c r="Q6" s="273">
        <v>0</v>
      </c>
      <c r="R6" s="274">
        <v>16</v>
      </c>
      <c r="S6" s="274">
        <v>32</v>
      </c>
      <c r="T6" s="274">
        <v>38</v>
      </c>
      <c r="U6" s="274">
        <v>32</v>
      </c>
      <c r="V6" s="274">
        <v>33</v>
      </c>
      <c r="W6" s="271">
        <v>151</v>
      </c>
      <c r="X6" s="276">
        <v>151</v>
      </c>
      <c r="Y6" s="270">
        <v>0</v>
      </c>
      <c r="Z6" s="274">
        <v>0</v>
      </c>
      <c r="AA6" s="271">
        <v>0</v>
      </c>
      <c r="AB6" s="273">
        <v>0</v>
      </c>
      <c r="AC6" s="274">
        <v>967</v>
      </c>
      <c r="AD6" s="274">
        <v>786</v>
      </c>
      <c r="AE6" s="274">
        <v>385</v>
      </c>
      <c r="AF6" s="274">
        <v>180</v>
      </c>
      <c r="AG6" s="274">
        <v>62</v>
      </c>
      <c r="AH6" s="271">
        <v>2380</v>
      </c>
      <c r="AI6" s="276">
        <v>2380</v>
      </c>
      <c r="AJ6" s="270">
        <v>1</v>
      </c>
      <c r="AK6" s="274">
        <v>1</v>
      </c>
      <c r="AL6" s="271">
        <v>2</v>
      </c>
      <c r="AM6" s="273">
        <v>0</v>
      </c>
      <c r="AN6" s="274">
        <v>83</v>
      </c>
      <c r="AO6" s="274">
        <v>78</v>
      </c>
      <c r="AP6" s="274">
        <v>83</v>
      </c>
      <c r="AQ6" s="274">
        <v>32</v>
      </c>
      <c r="AR6" s="274">
        <v>26</v>
      </c>
      <c r="AS6" s="271">
        <v>302</v>
      </c>
      <c r="AT6" s="276">
        <v>304</v>
      </c>
      <c r="AU6" s="270">
        <v>13</v>
      </c>
      <c r="AV6" s="274">
        <v>12</v>
      </c>
      <c r="AW6" s="271">
        <v>25</v>
      </c>
      <c r="AX6" s="273">
        <v>0</v>
      </c>
      <c r="AY6" s="274">
        <v>90</v>
      </c>
      <c r="AZ6" s="274">
        <v>83</v>
      </c>
      <c r="BA6" s="274">
        <v>69</v>
      </c>
      <c r="BB6" s="274">
        <v>54</v>
      </c>
      <c r="BC6" s="274">
        <v>18</v>
      </c>
      <c r="BD6" s="271">
        <v>314</v>
      </c>
      <c r="BE6" s="276">
        <v>339</v>
      </c>
      <c r="BF6" s="270">
        <v>0</v>
      </c>
      <c r="BG6" s="274">
        <v>0</v>
      </c>
      <c r="BH6" s="271">
        <v>0</v>
      </c>
      <c r="BI6" s="273">
        <v>0</v>
      </c>
      <c r="BJ6" s="274">
        <v>107</v>
      </c>
      <c r="BK6" s="274">
        <v>151</v>
      </c>
      <c r="BL6" s="274">
        <v>163</v>
      </c>
      <c r="BM6" s="274">
        <v>130</v>
      </c>
      <c r="BN6" s="274">
        <v>49</v>
      </c>
      <c r="BO6" s="275">
        <v>600</v>
      </c>
      <c r="BP6" s="276">
        <v>600</v>
      </c>
      <c r="BQ6" s="270">
        <v>0</v>
      </c>
      <c r="BR6" s="274">
        <v>0</v>
      </c>
      <c r="BS6" s="271">
        <v>0</v>
      </c>
      <c r="BT6" s="273">
        <v>0</v>
      </c>
      <c r="BU6" s="274">
        <v>2</v>
      </c>
      <c r="BV6" s="274">
        <v>7</v>
      </c>
      <c r="BW6" s="274">
        <v>4</v>
      </c>
      <c r="BX6" s="274">
        <v>11</v>
      </c>
      <c r="BY6" s="274">
        <v>3</v>
      </c>
      <c r="BZ6" s="271">
        <v>27</v>
      </c>
      <c r="CA6" s="276">
        <v>27</v>
      </c>
      <c r="CB6" s="270">
        <v>0</v>
      </c>
      <c r="CC6" s="274">
        <v>0</v>
      </c>
      <c r="CD6" s="271">
        <v>0</v>
      </c>
      <c r="CE6" s="273">
        <v>0</v>
      </c>
      <c r="CF6" s="274">
        <v>0</v>
      </c>
      <c r="CG6" s="274">
        <v>1</v>
      </c>
      <c r="CH6" s="274">
        <v>21</v>
      </c>
      <c r="CI6" s="274">
        <v>18</v>
      </c>
      <c r="CJ6" s="274">
        <v>9</v>
      </c>
      <c r="CK6" s="271">
        <v>49</v>
      </c>
      <c r="CL6" s="276">
        <v>49</v>
      </c>
      <c r="CM6" s="270">
        <v>0</v>
      </c>
      <c r="CN6" s="274">
        <v>0</v>
      </c>
      <c r="CO6" s="271">
        <v>0</v>
      </c>
      <c r="CP6" s="273">
        <v>0</v>
      </c>
      <c r="CQ6" s="274">
        <v>18</v>
      </c>
      <c r="CR6" s="274">
        <v>14</v>
      </c>
      <c r="CS6" s="274">
        <v>21</v>
      </c>
      <c r="CT6" s="274">
        <v>30</v>
      </c>
      <c r="CU6" s="274">
        <v>34</v>
      </c>
      <c r="CV6" s="271">
        <v>117</v>
      </c>
      <c r="CW6" s="276">
        <v>117</v>
      </c>
    </row>
    <row r="7" spans="1:101" ht="21" customHeight="1" x14ac:dyDescent="0.2">
      <c r="B7" s="262" t="s">
        <v>5</v>
      </c>
      <c r="C7" s="277">
        <v>0</v>
      </c>
      <c r="D7" s="278">
        <v>0</v>
      </c>
      <c r="E7" s="279">
        <v>0</v>
      </c>
      <c r="F7" s="280">
        <v>0</v>
      </c>
      <c r="G7" s="281">
        <v>5</v>
      </c>
      <c r="H7" s="281">
        <v>15</v>
      </c>
      <c r="I7" s="281">
        <v>12</v>
      </c>
      <c r="J7" s="281">
        <v>6</v>
      </c>
      <c r="K7" s="281">
        <v>8</v>
      </c>
      <c r="L7" s="282">
        <v>46</v>
      </c>
      <c r="M7" s="283">
        <v>46</v>
      </c>
      <c r="N7" s="277">
        <v>0</v>
      </c>
      <c r="O7" s="281">
        <v>0</v>
      </c>
      <c r="P7" s="278">
        <v>0</v>
      </c>
      <c r="Q7" s="280">
        <v>0</v>
      </c>
      <c r="R7" s="281">
        <v>9</v>
      </c>
      <c r="S7" s="281">
        <v>24</v>
      </c>
      <c r="T7" s="281">
        <v>28</v>
      </c>
      <c r="U7" s="281">
        <v>24</v>
      </c>
      <c r="V7" s="281">
        <v>27</v>
      </c>
      <c r="W7" s="278">
        <v>112</v>
      </c>
      <c r="X7" s="283">
        <v>112</v>
      </c>
      <c r="Y7" s="277">
        <v>0</v>
      </c>
      <c r="Z7" s="281">
        <v>0</v>
      </c>
      <c r="AA7" s="278">
        <v>0</v>
      </c>
      <c r="AB7" s="280">
        <v>0</v>
      </c>
      <c r="AC7" s="281">
        <v>380</v>
      </c>
      <c r="AD7" s="281">
        <v>387</v>
      </c>
      <c r="AE7" s="281">
        <v>199</v>
      </c>
      <c r="AF7" s="281">
        <v>91</v>
      </c>
      <c r="AG7" s="281">
        <v>30</v>
      </c>
      <c r="AH7" s="278">
        <v>1087</v>
      </c>
      <c r="AI7" s="283">
        <v>1087</v>
      </c>
      <c r="AJ7" s="277">
        <v>0</v>
      </c>
      <c r="AK7" s="281">
        <v>1</v>
      </c>
      <c r="AL7" s="278">
        <v>1</v>
      </c>
      <c r="AM7" s="280">
        <v>0</v>
      </c>
      <c r="AN7" s="281">
        <v>40</v>
      </c>
      <c r="AO7" s="281">
        <v>41</v>
      </c>
      <c r="AP7" s="281">
        <v>45</v>
      </c>
      <c r="AQ7" s="281">
        <v>19</v>
      </c>
      <c r="AR7" s="281">
        <v>17</v>
      </c>
      <c r="AS7" s="278">
        <v>162</v>
      </c>
      <c r="AT7" s="283">
        <v>163</v>
      </c>
      <c r="AU7" s="277">
        <v>5</v>
      </c>
      <c r="AV7" s="281">
        <v>7</v>
      </c>
      <c r="AW7" s="278">
        <v>12</v>
      </c>
      <c r="AX7" s="280">
        <v>0</v>
      </c>
      <c r="AY7" s="281">
        <v>30</v>
      </c>
      <c r="AZ7" s="281">
        <v>28</v>
      </c>
      <c r="BA7" s="281">
        <v>28</v>
      </c>
      <c r="BB7" s="281">
        <v>23</v>
      </c>
      <c r="BC7" s="281">
        <v>8</v>
      </c>
      <c r="BD7" s="278">
        <v>117</v>
      </c>
      <c r="BE7" s="283">
        <v>129</v>
      </c>
      <c r="BF7" s="277">
        <v>0</v>
      </c>
      <c r="BG7" s="281">
        <v>0</v>
      </c>
      <c r="BH7" s="278">
        <v>0</v>
      </c>
      <c r="BI7" s="280">
        <v>0</v>
      </c>
      <c r="BJ7" s="281">
        <v>40</v>
      </c>
      <c r="BK7" s="281">
        <v>62</v>
      </c>
      <c r="BL7" s="281">
        <v>63</v>
      </c>
      <c r="BM7" s="281">
        <v>44</v>
      </c>
      <c r="BN7" s="281">
        <v>16</v>
      </c>
      <c r="BO7" s="282">
        <v>225</v>
      </c>
      <c r="BP7" s="283">
        <v>225</v>
      </c>
      <c r="BQ7" s="277">
        <v>0</v>
      </c>
      <c r="BR7" s="281">
        <v>0</v>
      </c>
      <c r="BS7" s="278">
        <v>0</v>
      </c>
      <c r="BT7" s="280">
        <v>0</v>
      </c>
      <c r="BU7" s="281">
        <v>0</v>
      </c>
      <c r="BV7" s="281">
        <v>0</v>
      </c>
      <c r="BW7" s="281">
        <v>0</v>
      </c>
      <c r="BX7" s="281">
        <v>0</v>
      </c>
      <c r="BY7" s="281">
        <v>0</v>
      </c>
      <c r="BZ7" s="278">
        <v>0</v>
      </c>
      <c r="CA7" s="283">
        <v>0</v>
      </c>
      <c r="CB7" s="277">
        <v>0</v>
      </c>
      <c r="CC7" s="281">
        <v>0</v>
      </c>
      <c r="CD7" s="278">
        <v>0</v>
      </c>
      <c r="CE7" s="280">
        <v>0</v>
      </c>
      <c r="CF7" s="281">
        <v>0</v>
      </c>
      <c r="CG7" s="281">
        <v>1</v>
      </c>
      <c r="CH7" s="281">
        <v>6</v>
      </c>
      <c r="CI7" s="281">
        <v>2</v>
      </c>
      <c r="CJ7" s="281">
        <v>2</v>
      </c>
      <c r="CK7" s="278">
        <v>11</v>
      </c>
      <c r="CL7" s="283">
        <v>11</v>
      </c>
      <c r="CM7" s="277">
        <v>0</v>
      </c>
      <c r="CN7" s="281">
        <v>0</v>
      </c>
      <c r="CO7" s="278">
        <v>0</v>
      </c>
      <c r="CP7" s="280">
        <v>0</v>
      </c>
      <c r="CQ7" s="281">
        <v>5</v>
      </c>
      <c r="CR7" s="281">
        <v>3</v>
      </c>
      <c r="CS7" s="281">
        <v>2</v>
      </c>
      <c r="CT7" s="281">
        <v>6</v>
      </c>
      <c r="CU7" s="281">
        <v>19</v>
      </c>
      <c r="CV7" s="278">
        <v>35</v>
      </c>
      <c r="CW7" s="283">
        <v>35</v>
      </c>
    </row>
    <row r="8" spans="1:101" ht="21" customHeight="1" x14ac:dyDescent="0.2">
      <c r="B8" s="262" t="s">
        <v>6</v>
      </c>
      <c r="C8" s="277">
        <v>0</v>
      </c>
      <c r="D8" s="278">
        <v>0</v>
      </c>
      <c r="E8" s="279">
        <v>0</v>
      </c>
      <c r="F8" s="280">
        <v>0</v>
      </c>
      <c r="G8" s="281">
        <v>3</v>
      </c>
      <c r="H8" s="281">
        <v>6</v>
      </c>
      <c r="I8" s="281">
        <v>4</v>
      </c>
      <c r="J8" s="281">
        <v>10</v>
      </c>
      <c r="K8" s="281">
        <v>5</v>
      </c>
      <c r="L8" s="282">
        <v>28</v>
      </c>
      <c r="M8" s="283">
        <v>28</v>
      </c>
      <c r="N8" s="277">
        <v>0</v>
      </c>
      <c r="O8" s="281">
        <v>0</v>
      </c>
      <c r="P8" s="278">
        <v>0</v>
      </c>
      <c r="Q8" s="280">
        <v>0</v>
      </c>
      <c r="R8" s="281">
        <v>5</v>
      </c>
      <c r="S8" s="281">
        <v>6</v>
      </c>
      <c r="T8" s="281">
        <v>6</v>
      </c>
      <c r="U8" s="281">
        <v>8</v>
      </c>
      <c r="V8" s="281">
        <v>5</v>
      </c>
      <c r="W8" s="278">
        <v>30</v>
      </c>
      <c r="X8" s="283">
        <v>30</v>
      </c>
      <c r="Y8" s="277">
        <v>0</v>
      </c>
      <c r="Z8" s="281">
        <v>0</v>
      </c>
      <c r="AA8" s="278">
        <v>0</v>
      </c>
      <c r="AB8" s="280">
        <v>0</v>
      </c>
      <c r="AC8" s="281">
        <v>105</v>
      </c>
      <c r="AD8" s="281">
        <v>61</v>
      </c>
      <c r="AE8" s="281">
        <v>42</v>
      </c>
      <c r="AF8" s="281">
        <v>26</v>
      </c>
      <c r="AG8" s="281">
        <v>8</v>
      </c>
      <c r="AH8" s="278">
        <v>242</v>
      </c>
      <c r="AI8" s="283">
        <v>242</v>
      </c>
      <c r="AJ8" s="277">
        <v>0</v>
      </c>
      <c r="AK8" s="281">
        <v>0</v>
      </c>
      <c r="AL8" s="278">
        <v>0</v>
      </c>
      <c r="AM8" s="280">
        <v>0</v>
      </c>
      <c r="AN8" s="281">
        <v>16</v>
      </c>
      <c r="AO8" s="281">
        <v>11</v>
      </c>
      <c r="AP8" s="281">
        <v>14</v>
      </c>
      <c r="AQ8" s="281">
        <v>4</v>
      </c>
      <c r="AR8" s="281">
        <v>3</v>
      </c>
      <c r="AS8" s="278">
        <v>48</v>
      </c>
      <c r="AT8" s="283">
        <v>48</v>
      </c>
      <c r="AU8" s="277">
        <v>1</v>
      </c>
      <c r="AV8" s="281">
        <v>1</v>
      </c>
      <c r="AW8" s="278">
        <v>2</v>
      </c>
      <c r="AX8" s="280">
        <v>0</v>
      </c>
      <c r="AY8" s="281">
        <v>10</v>
      </c>
      <c r="AZ8" s="281">
        <v>15</v>
      </c>
      <c r="BA8" s="281">
        <v>8</v>
      </c>
      <c r="BB8" s="281">
        <v>7</v>
      </c>
      <c r="BC8" s="281">
        <v>2</v>
      </c>
      <c r="BD8" s="278">
        <v>42</v>
      </c>
      <c r="BE8" s="283">
        <v>44</v>
      </c>
      <c r="BF8" s="277">
        <v>0</v>
      </c>
      <c r="BG8" s="281">
        <v>0</v>
      </c>
      <c r="BH8" s="278">
        <v>0</v>
      </c>
      <c r="BI8" s="280">
        <v>0</v>
      </c>
      <c r="BJ8" s="281">
        <v>16</v>
      </c>
      <c r="BK8" s="281">
        <v>22</v>
      </c>
      <c r="BL8" s="281">
        <v>33</v>
      </c>
      <c r="BM8" s="281">
        <v>21</v>
      </c>
      <c r="BN8" s="281">
        <v>8</v>
      </c>
      <c r="BO8" s="282">
        <v>100</v>
      </c>
      <c r="BP8" s="283">
        <v>100</v>
      </c>
      <c r="BQ8" s="277">
        <v>0</v>
      </c>
      <c r="BR8" s="281">
        <v>0</v>
      </c>
      <c r="BS8" s="278">
        <v>0</v>
      </c>
      <c r="BT8" s="280">
        <v>0</v>
      </c>
      <c r="BU8" s="281">
        <v>0</v>
      </c>
      <c r="BV8" s="281">
        <v>0</v>
      </c>
      <c r="BW8" s="281">
        <v>0</v>
      </c>
      <c r="BX8" s="281">
        <v>0</v>
      </c>
      <c r="BY8" s="281">
        <v>0</v>
      </c>
      <c r="BZ8" s="278">
        <v>0</v>
      </c>
      <c r="CA8" s="283">
        <v>0</v>
      </c>
      <c r="CB8" s="277">
        <v>0</v>
      </c>
      <c r="CC8" s="281">
        <v>0</v>
      </c>
      <c r="CD8" s="278">
        <v>0</v>
      </c>
      <c r="CE8" s="280">
        <v>0</v>
      </c>
      <c r="CF8" s="281">
        <v>0</v>
      </c>
      <c r="CG8" s="281">
        <v>0</v>
      </c>
      <c r="CH8" s="281">
        <v>8</v>
      </c>
      <c r="CI8" s="281">
        <v>3</v>
      </c>
      <c r="CJ8" s="281">
        <v>2</v>
      </c>
      <c r="CK8" s="278">
        <v>13</v>
      </c>
      <c r="CL8" s="283">
        <v>13</v>
      </c>
      <c r="CM8" s="277">
        <v>0</v>
      </c>
      <c r="CN8" s="281">
        <v>0</v>
      </c>
      <c r="CO8" s="278">
        <v>0</v>
      </c>
      <c r="CP8" s="280">
        <v>0</v>
      </c>
      <c r="CQ8" s="281">
        <v>4</v>
      </c>
      <c r="CR8" s="281">
        <v>2</v>
      </c>
      <c r="CS8" s="281">
        <v>2</v>
      </c>
      <c r="CT8" s="281">
        <v>10</v>
      </c>
      <c r="CU8" s="281">
        <v>6</v>
      </c>
      <c r="CV8" s="278">
        <v>24</v>
      </c>
      <c r="CW8" s="283">
        <v>24</v>
      </c>
    </row>
    <row r="9" spans="1:101" ht="21" customHeight="1" x14ac:dyDescent="0.2">
      <c r="B9" s="262" t="s">
        <v>14</v>
      </c>
      <c r="C9" s="277">
        <v>0</v>
      </c>
      <c r="D9" s="278">
        <v>0</v>
      </c>
      <c r="E9" s="279">
        <v>0</v>
      </c>
      <c r="F9" s="280">
        <v>0</v>
      </c>
      <c r="G9" s="281">
        <v>2</v>
      </c>
      <c r="H9" s="281">
        <v>2</v>
      </c>
      <c r="I9" s="281">
        <v>0</v>
      </c>
      <c r="J9" s="281">
        <v>1</v>
      </c>
      <c r="K9" s="281">
        <v>0</v>
      </c>
      <c r="L9" s="282">
        <v>5</v>
      </c>
      <c r="M9" s="283">
        <v>5</v>
      </c>
      <c r="N9" s="277">
        <v>0</v>
      </c>
      <c r="O9" s="281">
        <v>0</v>
      </c>
      <c r="P9" s="278">
        <v>0</v>
      </c>
      <c r="Q9" s="280">
        <v>0</v>
      </c>
      <c r="R9" s="281">
        <v>0</v>
      </c>
      <c r="S9" s="281">
        <v>0</v>
      </c>
      <c r="T9" s="281">
        <v>0</v>
      </c>
      <c r="U9" s="281">
        <v>0</v>
      </c>
      <c r="V9" s="281">
        <v>0</v>
      </c>
      <c r="W9" s="278">
        <v>0</v>
      </c>
      <c r="X9" s="283">
        <v>0</v>
      </c>
      <c r="Y9" s="277">
        <v>0</v>
      </c>
      <c r="Z9" s="281">
        <v>0</v>
      </c>
      <c r="AA9" s="278">
        <v>0</v>
      </c>
      <c r="AB9" s="280">
        <v>0</v>
      </c>
      <c r="AC9" s="281">
        <v>81</v>
      </c>
      <c r="AD9" s="281">
        <v>71</v>
      </c>
      <c r="AE9" s="281">
        <v>37</v>
      </c>
      <c r="AF9" s="281">
        <v>12</v>
      </c>
      <c r="AG9" s="281">
        <v>4</v>
      </c>
      <c r="AH9" s="278">
        <v>205</v>
      </c>
      <c r="AI9" s="283">
        <v>205</v>
      </c>
      <c r="AJ9" s="277">
        <v>0</v>
      </c>
      <c r="AK9" s="281">
        <v>0</v>
      </c>
      <c r="AL9" s="278">
        <v>0</v>
      </c>
      <c r="AM9" s="280">
        <v>0</v>
      </c>
      <c r="AN9" s="281">
        <v>1</v>
      </c>
      <c r="AO9" s="281">
        <v>1</v>
      </c>
      <c r="AP9" s="281">
        <v>1</v>
      </c>
      <c r="AQ9" s="281">
        <v>1</v>
      </c>
      <c r="AR9" s="281">
        <v>0</v>
      </c>
      <c r="AS9" s="278">
        <v>4</v>
      </c>
      <c r="AT9" s="283">
        <v>4</v>
      </c>
      <c r="AU9" s="277">
        <v>1</v>
      </c>
      <c r="AV9" s="281">
        <v>1</v>
      </c>
      <c r="AW9" s="278">
        <v>2</v>
      </c>
      <c r="AX9" s="280">
        <v>0</v>
      </c>
      <c r="AY9" s="281">
        <v>10</v>
      </c>
      <c r="AZ9" s="281">
        <v>4</v>
      </c>
      <c r="BA9" s="281">
        <v>6</v>
      </c>
      <c r="BB9" s="281">
        <v>3</v>
      </c>
      <c r="BC9" s="281">
        <v>2</v>
      </c>
      <c r="BD9" s="278">
        <v>25</v>
      </c>
      <c r="BE9" s="283">
        <v>27</v>
      </c>
      <c r="BF9" s="277">
        <v>0</v>
      </c>
      <c r="BG9" s="281">
        <v>0</v>
      </c>
      <c r="BH9" s="278">
        <v>0</v>
      </c>
      <c r="BI9" s="280">
        <v>0</v>
      </c>
      <c r="BJ9" s="281">
        <v>6</v>
      </c>
      <c r="BK9" s="281">
        <v>10</v>
      </c>
      <c r="BL9" s="281">
        <v>15</v>
      </c>
      <c r="BM9" s="281">
        <v>12</v>
      </c>
      <c r="BN9" s="281">
        <v>5</v>
      </c>
      <c r="BO9" s="282">
        <v>48</v>
      </c>
      <c r="BP9" s="283">
        <v>48</v>
      </c>
      <c r="BQ9" s="277">
        <v>0</v>
      </c>
      <c r="BR9" s="281">
        <v>0</v>
      </c>
      <c r="BS9" s="278">
        <v>0</v>
      </c>
      <c r="BT9" s="280">
        <v>0</v>
      </c>
      <c r="BU9" s="281">
        <v>0</v>
      </c>
      <c r="BV9" s="281">
        <v>0</v>
      </c>
      <c r="BW9" s="281">
        <v>0</v>
      </c>
      <c r="BX9" s="281">
        <v>0</v>
      </c>
      <c r="BY9" s="281">
        <v>0</v>
      </c>
      <c r="BZ9" s="278">
        <v>0</v>
      </c>
      <c r="CA9" s="283">
        <v>0</v>
      </c>
      <c r="CB9" s="277">
        <v>0</v>
      </c>
      <c r="CC9" s="281">
        <v>0</v>
      </c>
      <c r="CD9" s="278">
        <v>0</v>
      </c>
      <c r="CE9" s="280">
        <v>0</v>
      </c>
      <c r="CF9" s="281">
        <v>0</v>
      </c>
      <c r="CG9" s="281">
        <v>0</v>
      </c>
      <c r="CH9" s="281">
        <v>1</v>
      </c>
      <c r="CI9" s="281">
        <v>1</v>
      </c>
      <c r="CJ9" s="281">
        <v>0</v>
      </c>
      <c r="CK9" s="278">
        <v>2</v>
      </c>
      <c r="CL9" s="283">
        <v>2</v>
      </c>
      <c r="CM9" s="277">
        <v>0</v>
      </c>
      <c r="CN9" s="281">
        <v>0</v>
      </c>
      <c r="CO9" s="278">
        <v>0</v>
      </c>
      <c r="CP9" s="280">
        <v>0</v>
      </c>
      <c r="CQ9" s="281">
        <v>1</v>
      </c>
      <c r="CR9" s="281">
        <v>1</v>
      </c>
      <c r="CS9" s="281">
        <v>1</v>
      </c>
      <c r="CT9" s="281">
        <v>0</v>
      </c>
      <c r="CU9" s="281">
        <v>2</v>
      </c>
      <c r="CV9" s="278">
        <v>5</v>
      </c>
      <c r="CW9" s="283">
        <v>5</v>
      </c>
    </row>
    <row r="10" spans="1:101" ht="21" customHeight="1" x14ac:dyDescent="0.2">
      <c r="B10" s="262" t="s">
        <v>7</v>
      </c>
      <c r="C10" s="277">
        <v>0</v>
      </c>
      <c r="D10" s="278">
        <v>0</v>
      </c>
      <c r="E10" s="279">
        <v>0</v>
      </c>
      <c r="F10" s="280">
        <v>0</v>
      </c>
      <c r="G10" s="281">
        <v>0</v>
      </c>
      <c r="H10" s="281">
        <v>0</v>
      </c>
      <c r="I10" s="281">
        <v>0</v>
      </c>
      <c r="J10" s="281">
        <v>0</v>
      </c>
      <c r="K10" s="281">
        <v>0</v>
      </c>
      <c r="L10" s="282">
        <v>0</v>
      </c>
      <c r="M10" s="283">
        <v>0</v>
      </c>
      <c r="N10" s="277">
        <v>0</v>
      </c>
      <c r="O10" s="281">
        <v>0</v>
      </c>
      <c r="P10" s="278">
        <v>0</v>
      </c>
      <c r="Q10" s="280">
        <v>0</v>
      </c>
      <c r="R10" s="281">
        <v>0</v>
      </c>
      <c r="S10" s="281">
        <v>0</v>
      </c>
      <c r="T10" s="281">
        <v>0</v>
      </c>
      <c r="U10" s="281">
        <v>0</v>
      </c>
      <c r="V10" s="281">
        <v>0</v>
      </c>
      <c r="W10" s="278">
        <v>0</v>
      </c>
      <c r="X10" s="283">
        <v>0</v>
      </c>
      <c r="Y10" s="277">
        <v>0</v>
      </c>
      <c r="Z10" s="281">
        <v>0</v>
      </c>
      <c r="AA10" s="278">
        <v>0</v>
      </c>
      <c r="AB10" s="280">
        <v>0</v>
      </c>
      <c r="AC10" s="281">
        <v>88</v>
      </c>
      <c r="AD10" s="281">
        <v>48</v>
      </c>
      <c r="AE10" s="281">
        <v>14</v>
      </c>
      <c r="AF10" s="281">
        <v>8</v>
      </c>
      <c r="AG10" s="281">
        <v>3</v>
      </c>
      <c r="AH10" s="278">
        <v>161</v>
      </c>
      <c r="AI10" s="283">
        <v>161</v>
      </c>
      <c r="AJ10" s="277">
        <v>0</v>
      </c>
      <c r="AK10" s="281">
        <v>0</v>
      </c>
      <c r="AL10" s="278">
        <v>0</v>
      </c>
      <c r="AM10" s="280">
        <v>0</v>
      </c>
      <c r="AN10" s="281">
        <v>10</v>
      </c>
      <c r="AO10" s="281">
        <v>12</v>
      </c>
      <c r="AP10" s="281">
        <v>6</v>
      </c>
      <c r="AQ10" s="281">
        <v>4</v>
      </c>
      <c r="AR10" s="281">
        <v>1</v>
      </c>
      <c r="AS10" s="278">
        <v>33</v>
      </c>
      <c r="AT10" s="283">
        <v>33</v>
      </c>
      <c r="AU10" s="277">
        <v>2</v>
      </c>
      <c r="AV10" s="281">
        <v>1</v>
      </c>
      <c r="AW10" s="278">
        <v>3</v>
      </c>
      <c r="AX10" s="280">
        <v>0</v>
      </c>
      <c r="AY10" s="281">
        <v>5</v>
      </c>
      <c r="AZ10" s="281">
        <v>5</v>
      </c>
      <c r="BA10" s="281">
        <v>0</v>
      </c>
      <c r="BB10" s="281">
        <v>1</v>
      </c>
      <c r="BC10" s="281">
        <v>0</v>
      </c>
      <c r="BD10" s="278">
        <v>11</v>
      </c>
      <c r="BE10" s="283">
        <v>14</v>
      </c>
      <c r="BF10" s="277">
        <v>0</v>
      </c>
      <c r="BG10" s="281">
        <v>0</v>
      </c>
      <c r="BH10" s="278">
        <v>0</v>
      </c>
      <c r="BI10" s="280">
        <v>0</v>
      </c>
      <c r="BJ10" s="281">
        <v>11</v>
      </c>
      <c r="BK10" s="281">
        <v>2</v>
      </c>
      <c r="BL10" s="281">
        <v>15</v>
      </c>
      <c r="BM10" s="281">
        <v>12</v>
      </c>
      <c r="BN10" s="281">
        <v>2</v>
      </c>
      <c r="BO10" s="282">
        <v>42</v>
      </c>
      <c r="BP10" s="283">
        <v>42</v>
      </c>
      <c r="BQ10" s="277">
        <v>0</v>
      </c>
      <c r="BR10" s="281">
        <v>0</v>
      </c>
      <c r="BS10" s="278">
        <v>0</v>
      </c>
      <c r="BT10" s="280">
        <v>0</v>
      </c>
      <c r="BU10" s="281">
        <v>0</v>
      </c>
      <c r="BV10" s="281">
        <v>0</v>
      </c>
      <c r="BW10" s="281">
        <v>0</v>
      </c>
      <c r="BX10" s="281">
        <v>0</v>
      </c>
      <c r="BY10" s="281">
        <v>0</v>
      </c>
      <c r="BZ10" s="278">
        <v>0</v>
      </c>
      <c r="CA10" s="283">
        <v>0</v>
      </c>
      <c r="CB10" s="277">
        <v>0</v>
      </c>
      <c r="CC10" s="281">
        <v>0</v>
      </c>
      <c r="CD10" s="278">
        <v>0</v>
      </c>
      <c r="CE10" s="280">
        <v>0</v>
      </c>
      <c r="CF10" s="281">
        <v>0</v>
      </c>
      <c r="CG10" s="281">
        <v>0</v>
      </c>
      <c r="CH10" s="281">
        <v>0</v>
      </c>
      <c r="CI10" s="281">
        <v>0</v>
      </c>
      <c r="CJ10" s="281">
        <v>0</v>
      </c>
      <c r="CK10" s="278">
        <v>0</v>
      </c>
      <c r="CL10" s="283">
        <v>0</v>
      </c>
      <c r="CM10" s="277">
        <v>0</v>
      </c>
      <c r="CN10" s="281">
        <v>0</v>
      </c>
      <c r="CO10" s="278">
        <v>0</v>
      </c>
      <c r="CP10" s="280">
        <v>0</v>
      </c>
      <c r="CQ10" s="281">
        <v>1</v>
      </c>
      <c r="CR10" s="281">
        <v>1</v>
      </c>
      <c r="CS10" s="281">
        <v>1</v>
      </c>
      <c r="CT10" s="281">
        <v>2</v>
      </c>
      <c r="CU10" s="281">
        <v>1</v>
      </c>
      <c r="CV10" s="278">
        <v>6</v>
      </c>
      <c r="CW10" s="283">
        <v>6</v>
      </c>
    </row>
    <row r="11" spans="1:101" ht="21" customHeight="1" x14ac:dyDescent="0.2">
      <c r="B11" s="262" t="s">
        <v>8</v>
      </c>
      <c r="C11" s="277">
        <v>0</v>
      </c>
      <c r="D11" s="278">
        <v>0</v>
      </c>
      <c r="E11" s="279">
        <v>0</v>
      </c>
      <c r="F11" s="280">
        <v>0</v>
      </c>
      <c r="G11" s="281">
        <v>0</v>
      </c>
      <c r="H11" s="281">
        <v>0</v>
      </c>
      <c r="I11" s="281">
        <v>0</v>
      </c>
      <c r="J11" s="281">
        <v>1</v>
      </c>
      <c r="K11" s="281">
        <v>0</v>
      </c>
      <c r="L11" s="282">
        <v>1</v>
      </c>
      <c r="M11" s="283">
        <v>1</v>
      </c>
      <c r="N11" s="277">
        <v>0</v>
      </c>
      <c r="O11" s="281">
        <v>0</v>
      </c>
      <c r="P11" s="278">
        <v>0</v>
      </c>
      <c r="Q11" s="280">
        <v>0</v>
      </c>
      <c r="R11" s="281">
        <v>0</v>
      </c>
      <c r="S11" s="281">
        <v>0</v>
      </c>
      <c r="T11" s="281">
        <v>0</v>
      </c>
      <c r="U11" s="281">
        <v>0</v>
      </c>
      <c r="V11" s="281">
        <v>1</v>
      </c>
      <c r="W11" s="278">
        <v>1</v>
      </c>
      <c r="X11" s="283">
        <v>1</v>
      </c>
      <c r="Y11" s="277">
        <v>0</v>
      </c>
      <c r="Z11" s="281">
        <v>0</v>
      </c>
      <c r="AA11" s="278">
        <v>0</v>
      </c>
      <c r="AB11" s="280">
        <v>0</v>
      </c>
      <c r="AC11" s="281">
        <v>40</v>
      </c>
      <c r="AD11" s="281">
        <v>33</v>
      </c>
      <c r="AE11" s="281">
        <v>11</v>
      </c>
      <c r="AF11" s="281">
        <v>3</v>
      </c>
      <c r="AG11" s="281">
        <v>2</v>
      </c>
      <c r="AH11" s="278">
        <v>89</v>
      </c>
      <c r="AI11" s="283">
        <v>89</v>
      </c>
      <c r="AJ11" s="277">
        <v>0</v>
      </c>
      <c r="AK11" s="281">
        <v>0</v>
      </c>
      <c r="AL11" s="278">
        <v>0</v>
      </c>
      <c r="AM11" s="280">
        <v>0</v>
      </c>
      <c r="AN11" s="281">
        <v>0</v>
      </c>
      <c r="AO11" s="281">
        <v>0</v>
      </c>
      <c r="AP11" s="281">
        <v>1</v>
      </c>
      <c r="AQ11" s="281">
        <v>0</v>
      </c>
      <c r="AR11" s="281">
        <v>0</v>
      </c>
      <c r="AS11" s="278">
        <v>1</v>
      </c>
      <c r="AT11" s="283">
        <v>1</v>
      </c>
      <c r="AU11" s="277">
        <v>2</v>
      </c>
      <c r="AV11" s="281">
        <v>0</v>
      </c>
      <c r="AW11" s="278">
        <v>2</v>
      </c>
      <c r="AX11" s="280">
        <v>0</v>
      </c>
      <c r="AY11" s="281">
        <v>6</v>
      </c>
      <c r="AZ11" s="281">
        <v>2</v>
      </c>
      <c r="BA11" s="281">
        <v>2</v>
      </c>
      <c r="BB11" s="281">
        <v>1</v>
      </c>
      <c r="BC11" s="281">
        <v>0</v>
      </c>
      <c r="BD11" s="278">
        <v>11</v>
      </c>
      <c r="BE11" s="283">
        <v>13</v>
      </c>
      <c r="BF11" s="277">
        <v>0</v>
      </c>
      <c r="BG11" s="281">
        <v>0</v>
      </c>
      <c r="BH11" s="278">
        <v>0</v>
      </c>
      <c r="BI11" s="280">
        <v>0</v>
      </c>
      <c r="BJ11" s="281">
        <v>4</v>
      </c>
      <c r="BK11" s="281">
        <v>4</v>
      </c>
      <c r="BL11" s="281">
        <v>2</v>
      </c>
      <c r="BM11" s="281">
        <v>4</v>
      </c>
      <c r="BN11" s="281">
        <v>1</v>
      </c>
      <c r="BO11" s="282">
        <v>15</v>
      </c>
      <c r="BP11" s="283">
        <v>15</v>
      </c>
      <c r="BQ11" s="277">
        <v>0</v>
      </c>
      <c r="BR11" s="281">
        <v>0</v>
      </c>
      <c r="BS11" s="278">
        <v>0</v>
      </c>
      <c r="BT11" s="280">
        <v>0</v>
      </c>
      <c r="BU11" s="281">
        <v>0</v>
      </c>
      <c r="BV11" s="281">
        <v>0</v>
      </c>
      <c r="BW11" s="281">
        <v>1</v>
      </c>
      <c r="BX11" s="281">
        <v>3</v>
      </c>
      <c r="BY11" s="281">
        <v>0</v>
      </c>
      <c r="BZ11" s="278">
        <v>4</v>
      </c>
      <c r="CA11" s="283">
        <v>4</v>
      </c>
      <c r="CB11" s="277">
        <v>0</v>
      </c>
      <c r="CC11" s="281">
        <v>0</v>
      </c>
      <c r="CD11" s="278">
        <v>0</v>
      </c>
      <c r="CE11" s="280">
        <v>0</v>
      </c>
      <c r="CF11" s="281">
        <v>0</v>
      </c>
      <c r="CG11" s="281">
        <v>0</v>
      </c>
      <c r="CH11" s="281">
        <v>0</v>
      </c>
      <c r="CI11" s="281">
        <v>0</v>
      </c>
      <c r="CJ11" s="281">
        <v>0</v>
      </c>
      <c r="CK11" s="278">
        <v>0</v>
      </c>
      <c r="CL11" s="283">
        <v>0</v>
      </c>
      <c r="CM11" s="277">
        <v>0</v>
      </c>
      <c r="CN11" s="281">
        <v>0</v>
      </c>
      <c r="CO11" s="278">
        <v>0</v>
      </c>
      <c r="CP11" s="280">
        <v>0</v>
      </c>
      <c r="CQ11" s="281">
        <v>3</v>
      </c>
      <c r="CR11" s="281">
        <v>0</v>
      </c>
      <c r="CS11" s="281">
        <v>2</v>
      </c>
      <c r="CT11" s="281">
        <v>1</v>
      </c>
      <c r="CU11" s="281">
        <v>2</v>
      </c>
      <c r="CV11" s="278">
        <v>8</v>
      </c>
      <c r="CW11" s="283">
        <v>8</v>
      </c>
    </row>
    <row r="12" spans="1:101" ht="21" customHeight="1" x14ac:dyDescent="0.2">
      <c r="B12" s="262" t="s">
        <v>9</v>
      </c>
      <c r="C12" s="277">
        <v>0</v>
      </c>
      <c r="D12" s="278">
        <v>0</v>
      </c>
      <c r="E12" s="279">
        <v>0</v>
      </c>
      <c r="F12" s="280">
        <v>0</v>
      </c>
      <c r="G12" s="281">
        <v>1</v>
      </c>
      <c r="H12" s="281">
        <v>0</v>
      </c>
      <c r="I12" s="281">
        <v>0</v>
      </c>
      <c r="J12" s="281">
        <v>0</v>
      </c>
      <c r="K12" s="281">
        <v>1</v>
      </c>
      <c r="L12" s="282">
        <v>2</v>
      </c>
      <c r="M12" s="283">
        <v>2</v>
      </c>
      <c r="N12" s="277">
        <v>0</v>
      </c>
      <c r="O12" s="281">
        <v>0</v>
      </c>
      <c r="P12" s="278">
        <v>0</v>
      </c>
      <c r="Q12" s="280">
        <v>0</v>
      </c>
      <c r="R12" s="281">
        <v>0</v>
      </c>
      <c r="S12" s="281">
        <v>0</v>
      </c>
      <c r="T12" s="281">
        <v>0</v>
      </c>
      <c r="U12" s="281">
        <v>0</v>
      </c>
      <c r="V12" s="281">
        <v>0</v>
      </c>
      <c r="W12" s="278">
        <v>0</v>
      </c>
      <c r="X12" s="283">
        <v>0</v>
      </c>
      <c r="Y12" s="277">
        <v>0</v>
      </c>
      <c r="Z12" s="281">
        <v>0</v>
      </c>
      <c r="AA12" s="278">
        <v>0</v>
      </c>
      <c r="AB12" s="280">
        <v>0</v>
      </c>
      <c r="AC12" s="281">
        <v>36</v>
      </c>
      <c r="AD12" s="281">
        <v>27</v>
      </c>
      <c r="AE12" s="281">
        <v>13</v>
      </c>
      <c r="AF12" s="281">
        <v>12</v>
      </c>
      <c r="AG12" s="281">
        <v>2</v>
      </c>
      <c r="AH12" s="278">
        <v>90</v>
      </c>
      <c r="AI12" s="283">
        <v>90</v>
      </c>
      <c r="AJ12" s="277">
        <v>0</v>
      </c>
      <c r="AK12" s="281">
        <v>0</v>
      </c>
      <c r="AL12" s="278">
        <v>0</v>
      </c>
      <c r="AM12" s="280">
        <v>0</v>
      </c>
      <c r="AN12" s="281">
        <v>0</v>
      </c>
      <c r="AO12" s="281">
        <v>2</v>
      </c>
      <c r="AP12" s="281">
        <v>1</v>
      </c>
      <c r="AQ12" s="281">
        <v>1</v>
      </c>
      <c r="AR12" s="281">
        <v>0</v>
      </c>
      <c r="AS12" s="278">
        <v>4</v>
      </c>
      <c r="AT12" s="283">
        <v>4</v>
      </c>
      <c r="AU12" s="277">
        <v>0</v>
      </c>
      <c r="AV12" s="281">
        <v>0</v>
      </c>
      <c r="AW12" s="278">
        <v>0</v>
      </c>
      <c r="AX12" s="280">
        <v>0</v>
      </c>
      <c r="AY12" s="281">
        <v>5</v>
      </c>
      <c r="AZ12" s="281">
        <v>2</v>
      </c>
      <c r="BA12" s="281">
        <v>2</v>
      </c>
      <c r="BB12" s="281">
        <v>1</v>
      </c>
      <c r="BC12" s="281">
        <v>1</v>
      </c>
      <c r="BD12" s="278">
        <v>11</v>
      </c>
      <c r="BE12" s="283">
        <v>11</v>
      </c>
      <c r="BF12" s="277">
        <v>0</v>
      </c>
      <c r="BG12" s="281">
        <v>0</v>
      </c>
      <c r="BH12" s="278">
        <v>0</v>
      </c>
      <c r="BI12" s="280">
        <v>0</v>
      </c>
      <c r="BJ12" s="281">
        <v>5</v>
      </c>
      <c r="BK12" s="281">
        <v>5</v>
      </c>
      <c r="BL12" s="281">
        <v>3</v>
      </c>
      <c r="BM12" s="281">
        <v>2</v>
      </c>
      <c r="BN12" s="281">
        <v>4</v>
      </c>
      <c r="BO12" s="282">
        <v>19</v>
      </c>
      <c r="BP12" s="283">
        <v>19</v>
      </c>
      <c r="BQ12" s="277">
        <v>0</v>
      </c>
      <c r="BR12" s="281">
        <v>0</v>
      </c>
      <c r="BS12" s="278">
        <v>0</v>
      </c>
      <c r="BT12" s="280">
        <v>0</v>
      </c>
      <c r="BU12" s="281">
        <v>1</v>
      </c>
      <c r="BV12" s="281">
        <v>0</v>
      </c>
      <c r="BW12" s="281">
        <v>0</v>
      </c>
      <c r="BX12" s="281">
        <v>0</v>
      </c>
      <c r="BY12" s="281">
        <v>0</v>
      </c>
      <c r="BZ12" s="278">
        <v>1</v>
      </c>
      <c r="CA12" s="283">
        <v>1</v>
      </c>
      <c r="CB12" s="277">
        <v>0</v>
      </c>
      <c r="CC12" s="281">
        <v>0</v>
      </c>
      <c r="CD12" s="278">
        <v>0</v>
      </c>
      <c r="CE12" s="280">
        <v>0</v>
      </c>
      <c r="CF12" s="281">
        <v>0</v>
      </c>
      <c r="CG12" s="281">
        <v>0</v>
      </c>
      <c r="CH12" s="281">
        <v>0</v>
      </c>
      <c r="CI12" s="281">
        <v>0</v>
      </c>
      <c r="CJ12" s="281">
        <v>0</v>
      </c>
      <c r="CK12" s="278">
        <v>0</v>
      </c>
      <c r="CL12" s="283">
        <v>0</v>
      </c>
      <c r="CM12" s="277">
        <v>0</v>
      </c>
      <c r="CN12" s="281">
        <v>0</v>
      </c>
      <c r="CO12" s="278">
        <v>0</v>
      </c>
      <c r="CP12" s="280">
        <v>0</v>
      </c>
      <c r="CQ12" s="281">
        <v>0</v>
      </c>
      <c r="CR12" s="281">
        <v>1</v>
      </c>
      <c r="CS12" s="281">
        <v>4</v>
      </c>
      <c r="CT12" s="281">
        <v>0</v>
      </c>
      <c r="CU12" s="281">
        <v>0</v>
      </c>
      <c r="CV12" s="278">
        <v>5</v>
      </c>
      <c r="CW12" s="283">
        <v>5</v>
      </c>
    </row>
    <row r="13" spans="1:101" ht="21" customHeight="1" x14ac:dyDescent="0.2">
      <c r="B13" s="262" t="s">
        <v>10</v>
      </c>
      <c r="C13" s="277">
        <v>0</v>
      </c>
      <c r="D13" s="278">
        <v>0</v>
      </c>
      <c r="E13" s="279">
        <v>0</v>
      </c>
      <c r="F13" s="280">
        <v>0</v>
      </c>
      <c r="G13" s="281">
        <v>4</v>
      </c>
      <c r="H13" s="281">
        <v>2</v>
      </c>
      <c r="I13" s="281">
        <v>0</v>
      </c>
      <c r="J13" s="281">
        <v>1</v>
      </c>
      <c r="K13" s="281">
        <v>0</v>
      </c>
      <c r="L13" s="282">
        <v>7</v>
      </c>
      <c r="M13" s="283">
        <v>7</v>
      </c>
      <c r="N13" s="277">
        <v>0</v>
      </c>
      <c r="O13" s="281">
        <v>0</v>
      </c>
      <c r="P13" s="278">
        <v>0</v>
      </c>
      <c r="Q13" s="280">
        <v>0</v>
      </c>
      <c r="R13" s="281">
        <v>1</v>
      </c>
      <c r="S13" s="281">
        <v>1</v>
      </c>
      <c r="T13" s="281">
        <v>4</v>
      </c>
      <c r="U13" s="281">
        <v>0</v>
      </c>
      <c r="V13" s="281">
        <v>0</v>
      </c>
      <c r="W13" s="278">
        <v>6</v>
      </c>
      <c r="X13" s="283">
        <v>6</v>
      </c>
      <c r="Y13" s="277">
        <v>0</v>
      </c>
      <c r="Z13" s="281">
        <v>0</v>
      </c>
      <c r="AA13" s="278">
        <v>0</v>
      </c>
      <c r="AB13" s="280">
        <v>0</v>
      </c>
      <c r="AC13" s="281">
        <v>47</v>
      </c>
      <c r="AD13" s="281">
        <v>23</v>
      </c>
      <c r="AE13" s="281">
        <v>5</v>
      </c>
      <c r="AF13" s="281">
        <v>3</v>
      </c>
      <c r="AG13" s="281">
        <v>2</v>
      </c>
      <c r="AH13" s="278">
        <v>80</v>
      </c>
      <c r="AI13" s="283">
        <v>80</v>
      </c>
      <c r="AJ13" s="277">
        <v>0</v>
      </c>
      <c r="AK13" s="281">
        <v>0</v>
      </c>
      <c r="AL13" s="278">
        <v>0</v>
      </c>
      <c r="AM13" s="280">
        <v>0</v>
      </c>
      <c r="AN13" s="281">
        <v>2</v>
      </c>
      <c r="AO13" s="281">
        <v>1</v>
      </c>
      <c r="AP13" s="281">
        <v>4</v>
      </c>
      <c r="AQ13" s="281">
        <v>0</v>
      </c>
      <c r="AR13" s="281">
        <v>1</v>
      </c>
      <c r="AS13" s="278">
        <v>8</v>
      </c>
      <c r="AT13" s="283">
        <v>8</v>
      </c>
      <c r="AU13" s="277">
        <v>0</v>
      </c>
      <c r="AV13" s="281">
        <v>0</v>
      </c>
      <c r="AW13" s="278">
        <v>0</v>
      </c>
      <c r="AX13" s="280">
        <v>0</v>
      </c>
      <c r="AY13" s="281">
        <v>2</v>
      </c>
      <c r="AZ13" s="281">
        <v>6</v>
      </c>
      <c r="BA13" s="281">
        <v>3</v>
      </c>
      <c r="BB13" s="281">
        <v>5</v>
      </c>
      <c r="BC13" s="281">
        <v>0</v>
      </c>
      <c r="BD13" s="278">
        <v>16</v>
      </c>
      <c r="BE13" s="283">
        <v>16</v>
      </c>
      <c r="BF13" s="277">
        <v>0</v>
      </c>
      <c r="BG13" s="281">
        <v>0</v>
      </c>
      <c r="BH13" s="278">
        <v>0</v>
      </c>
      <c r="BI13" s="280">
        <v>0</v>
      </c>
      <c r="BJ13" s="281">
        <v>6</v>
      </c>
      <c r="BK13" s="281">
        <v>10</v>
      </c>
      <c r="BL13" s="281">
        <v>4</v>
      </c>
      <c r="BM13" s="281">
        <v>5</v>
      </c>
      <c r="BN13" s="281">
        <v>4</v>
      </c>
      <c r="BO13" s="282">
        <v>29</v>
      </c>
      <c r="BP13" s="283">
        <v>29</v>
      </c>
      <c r="BQ13" s="277">
        <v>0</v>
      </c>
      <c r="BR13" s="281">
        <v>0</v>
      </c>
      <c r="BS13" s="278">
        <v>0</v>
      </c>
      <c r="BT13" s="280">
        <v>0</v>
      </c>
      <c r="BU13" s="281">
        <v>1</v>
      </c>
      <c r="BV13" s="281">
        <v>5</v>
      </c>
      <c r="BW13" s="281">
        <v>3</v>
      </c>
      <c r="BX13" s="281">
        <v>3</v>
      </c>
      <c r="BY13" s="281">
        <v>3</v>
      </c>
      <c r="BZ13" s="278">
        <v>15</v>
      </c>
      <c r="CA13" s="283">
        <v>15</v>
      </c>
      <c r="CB13" s="277">
        <v>0</v>
      </c>
      <c r="CC13" s="281">
        <v>0</v>
      </c>
      <c r="CD13" s="278">
        <v>0</v>
      </c>
      <c r="CE13" s="280">
        <v>0</v>
      </c>
      <c r="CF13" s="281">
        <v>0</v>
      </c>
      <c r="CG13" s="281">
        <v>0</v>
      </c>
      <c r="CH13" s="281">
        <v>1</v>
      </c>
      <c r="CI13" s="281">
        <v>1</v>
      </c>
      <c r="CJ13" s="281">
        <v>3</v>
      </c>
      <c r="CK13" s="278">
        <v>5</v>
      </c>
      <c r="CL13" s="283">
        <v>5</v>
      </c>
      <c r="CM13" s="277">
        <v>0</v>
      </c>
      <c r="CN13" s="281">
        <v>0</v>
      </c>
      <c r="CO13" s="278">
        <v>0</v>
      </c>
      <c r="CP13" s="280">
        <v>0</v>
      </c>
      <c r="CQ13" s="281">
        <v>0</v>
      </c>
      <c r="CR13" s="281">
        <v>3</v>
      </c>
      <c r="CS13" s="281">
        <v>3</v>
      </c>
      <c r="CT13" s="281">
        <v>2</v>
      </c>
      <c r="CU13" s="281">
        <v>1</v>
      </c>
      <c r="CV13" s="278">
        <v>9</v>
      </c>
      <c r="CW13" s="283">
        <v>9</v>
      </c>
    </row>
    <row r="14" spans="1:101" ht="21" customHeight="1" x14ac:dyDescent="0.2">
      <c r="B14" s="262" t="s">
        <v>11</v>
      </c>
      <c r="C14" s="277">
        <v>0</v>
      </c>
      <c r="D14" s="278">
        <v>0</v>
      </c>
      <c r="E14" s="279">
        <v>0</v>
      </c>
      <c r="F14" s="280">
        <v>0</v>
      </c>
      <c r="G14" s="281">
        <v>2</v>
      </c>
      <c r="H14" s="281">
        <v>0</v>
      </c>
      <c r="I14" s="281">
        <v>2</v>
      </c>
      <c r="J14" s="281">
        <v>0</v>
      </c>
      <c r="K14" s="281">
        <v>1</v>
      </c>
      <c r="L14" s="282">
        <v>5</v>
      </c>
      <c r="M14" s="283">
        <v>5</v>
      </c>
      <c r="N14" s="277">
        <v>0</v>
      </c>
      <c r="O14" s="281">
        <v>0</v>
      </c>
      <c r="P14" s="278">
        <v>0</v>
      </c>
      <c r="Q14" s="280">
        <v>0</v>
      </c>
      <c r="R14" s="281">
        <v>1</v>
      </c>
      <c r="S14" s="281">
        <v>0</v>
      </c>
      <c r="T14" s="281">
        <v>0</v>
      </c>
      <c r="U14" s="281">
        <v>0</v>
      </c>
      <c r="V14" s="281">
        <v>0</v>
      </c>
      <c r="W14" s="278">
        <v>1</v>
      </c>
      <c r="X14" s="283">
        <v>1</v>
      </c>
      <c r="Y14" s="277">
        <v>0</v>
      </c>
      <c r="Z14" s="281">
        <v>0</v>
      </c>
      <c r="AA14" s="278">
        <v>0</v>
      </c>
      <c r="AB14" s="280">
        <v>0</v>
      </c>
      <c r="AC14" s="281">
        <v>28</v>
      </c>
      <c r="AD14" s="281">
        <v>5</v>
      </c>
      <c r="AE14" s="281">
        <v>10</v>
      </c>
      <c r="AF14" s="281">
        <v>4</v>
      </c>
      <c r="AG14" s="281">
        <v>1</v>
      </c>
      <c r="AH14" s="278">
        <v>48</v>
      </c>
      <c r="AI14" s="283">
        <v>48</v>
      </c>
      <c r="AJ14" s="277">
        <v>0</v>
      </c>
      <c r="AK14" s="281">
        <v>0</v>
      </c>
      <c r="AL14" s="278">
        <v>0</v>
      </c>
      <c r="AM14" s="280">
        <v>0</v>
      </c>
      <c r="AN14" s="281">
        <v>4</v>
      </c>
      <c r="AO14" s="281">
        <v>3</v>
      </c>
      <c r="AP14" s="281">
        <v>2</v>
      </c>
      <c r="AQ14" s="281">
        <v>0</v>
      </c>
      <c r="AR14" s="281">
        <v>0</v>
      </c>
      <c r="AS14" s="278">
        <v>9</v>
      </c>
      <c r="AT14" s="283">
        <v>9</v>
      </c>
      <c r="AU14" s="277">
        <v>0</v>
      </c>
      <c r="AV14" s="281">
        <v>0</v>
      </c>
      <c r="AW14" s="278">
        <v>0</v>
      </c>
      <c r="AX14" s="280">
        <v>0</v>
      </c>
      <c r="AY14" s="281">
        <v>1</v>
      </c>
      <c r="AZ14" s="281">
        <v>2</v>
      </c>
      <c r="BA14" s="281">
        <v>2</v>
      </c>
      <c r="BB14" s="281">
        <v>1</v>
      </c>
      <c r="BC14" s="281">
        <v>0</v>
      </c>
      <c r="BD14" s="278">
        <v>6</v>
      </c>
      <c r="BE14" s="283">
        <v>6</v>
      </c>
      <c r="BF14" s="277">
        <v>0</v>
      </c>
      <c r="BG14" s="281">
        <v>0</v>
      </c>
      <c r="BH14" s="278">
        <v>0</v>
      </c>
      <c r="BI14" s="280">
        <v>0</v>
      </c>
      <c r="BJ14" s="281">
        <v>1</v>
      </c>
      <c r="BK14" s="281">
        <v>2</v>
      </c>
      <c r="BL14" s="281">
        <v>1</v>
      </c>
      <c r="BM14" s="281">
        <v>3</v>
      </c>
      <c r="BN14" s="281">
        <v>0</v>
      </c>
      <c r="BO14" s="282">
        <v>7</v>
      </c>
      <c r="BP14" s="283">
        <v>7</v>
      </c>
      <c r="BQ14" s="277">
        <v>0</v>
      </c>
      <c r="BR14" s="281">
        <v>0</v>
      </c>
      <c r="BS14" s="278">
        <v>0</v>
      </c>
      <c r="BT14" s="280">
        <v>0</v>
      </c>
      <c r="BU14" s="281">
        <v>0</v>
      </c>
      <c r="BV14" s="281">
        <v>0</v>
      </c>
      <c r="BW14" s="281">
        <v>0</v>
      </c>
      <c r="BX14" s="281">
        <v>0</v>
      </c>
      <c r="BY14" s="281">
        <v>0</v>
      </c>
      <c r="BZ14" s="278">
        <v>0</v>
      </c>
      <c r="CA14" s="283">
        <v>0</v>
      </c>
      <c r="CB14" s="277">
        <v>0</v>
      </c>
      <c r="CC14" s="281">
        <v>0</v>
      </c>
      <c r="CD14" s="278">
        <v>0</v>
      </c>
      <c r="CE14" s="280">
        <v>0</v>
      </c>
      <c r="CF14" s="281">
        <v>0</v>
      </c>
      <c r="CG14" s="281">
        <v>0</v>
      </c>
      <c r="CH14" s="281">
        <v>0</v>
      </c>
      <c r="CI14" s="281">
        <v>0</v>
      </c>
      <c r="CJ14" s="281">
        <v>0</v>
      </c>
      <c r="CK14" s="278">
        <v>0</v>
      </c>
      <c r="CL14" s="283">
        <v>0</v>
      </c>
      <c r="CM14" s="277">
        <v>0</v>
      </c>
      <c r="CN14" s="281">
        <v>0</v>
      </c>
      <c r="CO14" s="278">
        <v>0</v>
      </c>
      <c r="CP14" s="280">
        <v>0</v>
      </c>
      <c r="CQ14" s="281">
        <v>0</v>
      </c>
      <c r="CR14" s="281">
        <v>1</v>
      </c>
      <c r="CS14" s="281">
        <v>0</v>
      </c>
      <c r="CT14" s="281">
        <v>1</v>
      </c>
      <c r="CU14" s="281">
        <v>0</v>
      </c>
      <c r="CV14" s="278">
        <v>2</v>
      </c>
      <c r="CW14" s="283">
        <v>2</v>
      </c>
    </row>
    <row r="15" spans="1:101" ht="21" customHeight="1" x14ac:dyDescent="0.2">
      <c r="B15" s="262" t="s">
        <v>12</v>
      </c>
      <c r="C15" s="277">
        <v>0</v>
      </c>
      <c r="D15" s="278">
        <v>0</v>
      </c>
      <c r="E15" s="279">
        <v>0</v>
      </c>
      <c r="F15" s="280">
        <v>0</v>
      </c>
      <c r="G15" s="281">
        <v>0</v>
      </c>
      <c r="H15" s="281">
        <v>1</v>
      </c>
      <c r="I15" s="281">
        <v>0</v>
      </c>
      <c r="J15" s="281">
        <v>0</v>
      </c>
      <c r="K15" s="281">
        <v>0</v>
      </c>
      <c r="L15" s="282">
        <v>1</v>
      </c>
      <c r="M15" s="283">
        <v>1</v>
      </c>
      <c r="N15" s="277">
        <v>0</v>
      </c>
      <c r="O15" s="281">
        <v>0</v>
      </c>
      <c r="P15" s="278">
        <v>0</v>
      </c>
      <c r="Q15" s="280">
        <v>0</v>
      </c>
      <c r="R15" s="281">
        <v>0</v>
      </c>
      <c r="S15" s="281">
        <v>0</v>
      </c>
      <c r="T15" s="281">
        <v>0</v>
      </c>
      <c r="U15" s="281">
        <v>0</v>
      </c>
      <c r="V15" s="281">
        <v>0</v>
      </c>
      <c r="W15" s="278">
        <v>0</v>
      </c>
      <c r="X15" s="283">
        <v>0</v>
      </c>
      <c r="Y15" s="277">
        <v>0</v>
      </c>
      <c r="Z15" s="281">
        <v>0</v>
      </c>
      <c r="AA15" s="278">
        <v>0</v>
      </c>
      <c r="AB15" s="280">
        <v>0</v>
      </c>
      <c r="AC15" s="281">
        <v>30</v>
      </c>
      <c r="AD15" s="281">
        <v>22</v>
      </c>
      <c r="AE15" s="281">
        <v>18</v>
      </c>
      <c r="AF15" s="281">
        <v>2</v>
      </c>
      <c r="AG15" s="281">
        <v>2</v>
      </c>
      <c r="AH15" s="278">
        <v>74</v>
      </c>
      <c r="AI15" s="283">
        <v>74</v>
      </c>
      <c r="AJ15" s="277">
        <v>0</v>
      </c>
      <c r="AK15" s="281">
        <v>0</v>
      </c>
      <c r="AL15" s="278">
        <v>0</v>
      </c>
      <c r="AM15" s="280">
        <v>0</v>
      </c>
      <c r="AN15" s="281">
        <v>0</v>
      </c>
      <c r="AO15" s="281">
        <v>0</v>
      </c>
      <c r="AP15" s="281">
        <v>0</v>
      </c>
      <c r="AQ15" s="281">
        <v>0</v>
      </c>
      <c r="AR15" s="281">
        <v>0</v>
      </c>
      <c r="AS15" s="278">
        <v>0</v>
      </c>
      <c r="AT15" s="283">
        <v>0</v>
      </c>
      <c r="AU15" s="277">
        <v>0</v>
      </c>
      <c r="AV15" s="281">
        <v>0</v>
      </c>
      <c r="AW15" s="278">
        <v>0</v>
      </c>
      <c r="AX15" s="280">
        <v>0</v>
      </c>
      <c r="AY15" s="281">
        <v>3</v>
      </c>
      <c r="AZ15" s="281">
        <v>1</v>
      </c>
      <c r="BA15" s="281">
        <v>5</v>
      </c>
      <c r="BB15" s="281">
        <v>6</v>
      </c>
      <c r="BC15" s="281">
        <v>1</v>
      </c>
      <c r="BD15" s="278">
        <v>16</v>
      </c>
      <c r="BE15" s="283">
        <v>16</v>
      </c>
      <c r="BF15" s="277">
        <v>0</v>
      </c>
      <c r="BG15" s="281">
        <v>0</v>
      </c>
      <c r="BH15" s="278">
        <v>0</v>
      </c>
      <c r="BI15" s="280">
        <v>0</v>
      </c>
      <c r="BJ15" s="281">
        <v>6</v>
      </c>
      <c r="BK15" s="281">
        <v>2</v>
      </c>
      <c r="BL15" s="281">
        <v>3</v>
      </c>
      <c r="BM15" s="281">
        <v>5</v>
      </c>
      <c r="BN15" s="281">
        <v>1</v>
      </c>
      <c r="BO15" s="282">
        <v>17</v>
      </c>
      <c r="BP15" s="283">
        <v>17</v>
      </c>
      <c r="BQ15" s="277">
        <v>0</v>
      </c>
      <c r="BR15" s="281">
        <v>0</v>
      </c>
      <c r="BS15" s="278">
        <v>0</v>
      </c>
      <c r="BT15" s="280">
        <v>0</v>
      </c>
      <c r="BU15" s="281">
        <v>0</v>
      </c>
      <c r="BV15" s="281">
        <v>2</v>
      </c>
      <c r="BW15" s="281">
        <v>0</v>
      </c>
      <c r="BX15" s="281">
        <v>4</v>
      </c>
      <c r="BY15" s="281">
        <v>0</v>
      </c>
      <c r="BZ15" s="278">
        <v>6</v>
      </c>
      <c r="CA15" s="283">
        <v>6</v>
      </c>
      <c r="CB15" s="277">
        <v>0</v>
      </c>
      <c r="CC15" s="281">
        <v>0</v>
      </c>
      <c r="CD15" s="278">
        <v>0</v>
      </c>
      <c r="CE15" s="280">
        <v>0</v>
      </c>
      <c r="CF15" s="281">
        <v>0</v>
      </c>
      <c r="CG15" s="281">
        <v>0</v>
      </c>
      <c r="CH15" s="281">
        <v>0</v>
      </c>
      <c r="CI15" s="281">
        <v>1</v>
      </c>
      <c r="CJ15" s="281">
        <v>1</v>
      </c>
      <c r="CK15" s="278">
        <v>2</v>
      </c>
      <c r="CL15" s="283">
        <v>2</v>
      </c>
      <c r="CM15" s="277">
        <v>0</v>
      </c>
      <c r="CN15" s="281">
        <v>0</v>
      </c>
      <c r="CO15" s="278">
        <v>0</v>
      </c>
      <c r="CP15" s="280">
        <v>0</v>
      </c>
      <c r="CQ15" s="281">
        <v>1</v>
      </c>
      <c r="CR15" s="281">
        <v>0</v>
      </c>
      <c r="CS15" s="281">
        <v>2</v>
      </c>
      <c r="CT15" s="281">
        <v>5</v>
      </c>
      <c r="CU15" s="281">
        <v>1</v>
      </c>
      <c r="CV15" s="278">
        <v>9</v>
      </c>
      <c r="CW15" s="283">
        <v>9</v>
      </c>
    </row>
    <row r="16" spans="1:101" ht="21" customHeight="1" x14ac:dyDescent="0.2">
      <c r="B16" s="262" t="s">
        <v>13</v>
      </c>
      <c r="C16" s="277">
        <v>0</v>
      </c>
      <c r="D16" s="278">
        <v>0</v>
      </c>
      <c r="E16" s="279">
        <v>0</v>
      </c>
      <c r="F16" s="280">
        <v>0</v>
      </c>
      <c r="G16" s="281">
        <v>0</v>
      </c>
      <c r="H16" s="281">
        <v>0</v>
      </c>
      <c r="I16" s="281">
        <v>0</v>
      </c>
      <c r="J16" s="281">
        <v>0</v>
      </c>
      <c r="K16" s="281">
        <v>0</v>
      </c>
      <c r="L16" s="282">
        <v>0</v>
      </c>
      <c r="M16" s="283">
        <v>0</v>
      </c>
      <c r="N16" s="277">
        <v>0</v>
      </c>
      <c r="O16" s="281">
        <v>0</v>
      </c>
      <c r="P16" s="278">
        <v>0</v>
      </c>
      <c r="Q16" s="280">
        <v>0</v>
      </c>
      <c r="R16" s="281">
        <v>0</v>
      </c>
      <c r="S16" s="281">
        <v>0</v>
      </c>
      <c r="T16" s="281">
        <v>0</v>
      </c>
      <c r="U16" s="281">
        <v>0</v>
      </c>
      <c r="V16" s="281">
        <v>0</v>
      </c>
      <c r="W16" s="278">
        <v>0</v>
      </c>
      <c r="X16" s="283">
        <v>0</v>
      </c>
      <c r="Y16" s="277">
        <v>0</v>
      </c>
      <c r="Z16" s="281">
        <v>0</v>
      </c>
      <c r="AA16" s="278">
        <v>0</v>
      </c>
      <c r="AB16" s="280">
        <v>0</v>
      </c>
      <c r="AC16" s="281">
        <v>10</v>
      </c>
      <c r="AD16" s="281">
        <v>11</v>
      </c>
      <c r="AE16" s="281">
        <v>4</v>
      </c>
      <c r="AF16" s="281">
        <v>1</v>
      </c>
      <c r="AG16" s="281">
        <v>1</v>
      </c>
      <c r="AH16" s="278">
        <v>27</v>
      </c>
      <c r="AI16" s="283">
        <v>27</v>
      </c>
      <c r="AJ16" s="277">
        <v>0</v>
      </c>
      <c r="AK16" s="281">
        <v>0</v>
      </c>
      <c r="AL16" s="278">
        <v>0</v>
      </c>
      <c r="AM16" s="280">
        <v>0</v>
      </c>
      <c r="AN16" s="281">
        <v>0</v>
      </c>
      <c r="AO16" s="281">
        <v>1</v>
      </c>
      <c r="AP16" s="281">
        <v>1</v>
      </c>
      <c r="AQ16" s="281">
        <v>1</v>
      </c>
      <c r="AR16" s="281">
        <v>1</v>
      </c>
      <c r="AS16" s="278">
        <v>4</v>
      </c>
      <c r="AT16" s="283">
        <v>4</v>
      </c>
      <c r="AU16" s="277">
        <v>0</v>
      </c>
      <c r="AV16" s="281">
        <v>0</v>
      </c>
      <c r="AW16" s="278">
        <v>0</v>
      </c>
      <c r="AX16" s="280">
        <v>0</v>
      </c>
      <c r="AY16" s="281">
        <v>2</v>
      </c>
      <c r="AZ16" s="281">
        <v>1</v>
      </c>
      <c r="BA16" s="281">
        <v>0</v>
      </c>
      <c r="BB16" s="281">
        <v>1</v>
      </c>
      <c r="BC16" s="281">
        <v>0</v>
      </c>
      <c r="BD16" s="278">
        <v>4</v>
      </c>
      <c r="BE16" s="283">
        <v>4</v>
      </c>
      <c r="BF16" s="277">
        <v>0</v>
      </c>
      <c r="BG16" s="281">
        <v>0</v>
      </c>
      <c r="BH16" s="278">
        <v>0</v>
      </c>
      <c r="BI16" s="280">
        <v>0</v>
      </c>
      <c r="BJ16" s="281">
        <v>1</v>
      </c>
      <c r="BK16" s="281">
        <v>0</v>
      </c>
      <c r="BL16" s="281">
        <v>0</v>
      </c>
      <c r="BM16" s="281">
        <v>3</v>
      </c>
      <c r="BN16" s="281">
        <v>0</v>
      </c>
      <c r="BO16" s="282">
        <v>4</v>
      </c>
      <c r="BP16" s="283">
        <v>4</v>
      </c>
      <c r="BQ16" s="277">
        <v>0</v>
      </c>
      <c r="BR16" s="281">
        <v>0</v>
      </c>
      <c r="BS16" s="278">
        <v>0</v>
      </c>
      <c r="BT16" s="280">
        <v>0</v>
      </c>
      <c r="BU16" s="281">
        <v>0</v>
      </c>
      <c r="BV16" s="281">
        <v>0</v>
      </c>
      <c r="BW16" s="281">
        <v>0</v>
      </c>
      <c r="BX16" s="281">
        <v>1</v>
      </c>
      <c r="BY16" s="281">
        <v>0</v>
      </c>
      <c r="BZ16" s="278">
        <v>1</v>
      </c>
      <c r="CA16" s="283">
        <v>1</v>
      </c>
      <c r="CB16" s="277">
        <v>0</v>
      </c>
      <c r="CC16" s="281">
        <v>0</v>
      </c>
      <c r="CD16" s="278">
        <v>0</v>
      </c>
      <c r="CE16" s="280">
        <v>0</v>
      </c>
      <c r="CF16" s="281">
        <v>0</v>
      </c>
      <c r="CG16" s="281">
        <v>0</v>
      </c>
      <c r="CH16" s="281">
        <v>0</v>
      </c>
      <c r="CI16" s="281">
        <v>0</v>
      </c>
      <c r="CJ16" s="281">
        <v>0</v>
      </c>
      <c r="CK16" s="278">
        <v>0</v>
      </c>
      <c r="CL16" s="283">
        <v>0</v>
      </c>
      <c r="CM16" s="277">
        <v>0</v>
      </c>
      <c r="CN16" s="281">
        <v>0</v>
      </c>
      <c r="CO16" s="278">
        <v>0</v>
      </c>
      <c r="CP16" s="280">
        <v>0</v>
      </c>
      <c r="CQ16" s="281">
        <v>0</v>
      </c>
      <c r="CR16" s="281">
        <v>0</v>
      </c>
      <c r="CS16" s="281">
        <v>0</v>
      </c>
      <c r="CT16" s="281">
        <v>0</v>
      </c>
      <c r="CU16" s="281">
        <v>0</v>
      </c>
      <c r="CV16" s="278">
        <v>0</v>
      </c>
      <c r="CW16" s="283">
        <v>0</v>
      </c>
    </row>
    <row r="17" spans="2:101" ht="21" customHeight="1" x14ac:dyDescent="0.2">
      <c r="B17" s="262" t="s">
        <v>15</v>
      </c>
      <c r="C17" s="277">
        <v>0</v>
      </c>
      <c r="D17" s="278">
        <v>0</v>
      </c>
      <c r="E17" s="279">
        <v>0</v>
      </c>
      <c r="F17" s="280">
        <v>0</v>
      </c>
      <c r="G17" s="281">
        <v>0</v>
      </c>
      <c r="H17" s="281">
        <v>0</v>
      </c>
      <c r="I17" s="281">
        <v>0</v>
      </c>
      <c r="J17" s="281">
        <v>0</v>
      </c>
      <c r="K17" s="281">
        <v>0</v>
      </c>
      <c r="L17" s="282">
        <v>0</v>
      </c>
      <c r="M17" s="283">
        <v>0</v>
      </c>
      <c r="N17" s="277">
        <v>0</v>
      </c>
      <c r="O17" s="281">
        <v>0</v>
      </c>
      <c r="P17" s="278">
        <v>0</v>
      </c>
      <c r="Q17" s="280">
        <v>0</v>
      </c>
      <c r="R17" s="281">
        <v>0</v>
      </c>
      <c r="S17" s="281">
        <v>0</v>
      </c>
      <c r="T17" s="281">
        <v>0</v>
      </c>
      <c r="U17" s="281">
        <v>0</v>
      </c>
      <c r="V17" s="281">
        <v>0</v>
      </c>
      <c r="W17" s="278">
        <v>0</v>
      </c>
      <c r="X17" s="283">
        <v>0</v>
      </c>
      <c r="Y17" s="277">
        <v>0</v>
      </c>
      <c r="Z17" s="281">
        <v>0</v>
      </c>
      <c r="AA17" s="278">
        <v>0</v>
      </c>
      <c r="AB17" s="280">
        <v>0</v>
      </c>
      <c r="AC17" s="281">
        <v>7</v>
      </c>
      <c r="AD17" s="281">
        <v>10</v>
      </c>
      <c r="AE17" s="281">
        <v>3</v>
      </c>
      <c r="AF17" s="281">
        <v>1</v>
      </c>
      <c r="AG17" s="281">
        <v>2</v>
      </c>
      <c r="AH17" s="278">
        <v>23</v>
      </c>
      <c r="AI17" s="283">
        <v>23</v>
      </c>
      <c r="AJ17" s="277">
        <v>0</v>
      </c>
      <c r="AK17" s="281">
        <v>0</v>
      </c>
      <c r="AL17" s="278">
        <v>0</v>
      </c>
      <c r="AM17" s="280">
        <v>0</v>
      </c>
      <c r="AN17" s="281">
        <v>0</v>
      </c>
      <c r="AO17" s="281">
        <v>1</v>
      </c>
      <c r="AP17" s="281">
        <v>0</v>
      </c>
      <c r="AQ17" s="281">
        <v>0</v>
      </c>
      <c r="AR17" s="281">
        <v>0</v>
      </c>
      <c r="AS17" s="278">
        <v>1</v>
      </c>
      <c r="AT17" s="283">
        <v>1</v>
      </c>
      <c r="AU17" s="277">
        <v>0</v>
      </c>
      <c r="AV17" s="281">
        <v>0</v>
      </c>
      <c r="AW17" s="278">
        <v>0</v>
      </c>
      <c r="AX17" s="280">
        <v>0</v>
      </c>
      <c r="AY17" s="281">
        <v>0</v>
      </c>
      <c r="AZ17" s="281">
        <v>2</v>
      </c>
      <c r="BA17" s="281">
        <v>0</v>
      </c>
      <c r="BB17" s="281">
        <v>1</v>
      </c>
      <c r="BC17" s="281">
        <v>1</v>
      </c>
      <c r="BD17" s="278">
        <v>4</v>
      </c>
      <c r="BE17" s="283">
        <v>4</v>
      </c>
      <c r="BF17" s="277">
        <v>0</v>
      </c>
      <c r="BG17" s="281">
        <v>0</v>
      </c>
      <c r="BH17" s="278">
        <v>0</v>
      </c>
      <c r="BI17" s="280">
        <v>0</v>
      </c>
      <c r="BJ17" s="281">
        <v>2</v>
      </c>
      <c r="BK17" s="281">
        <v>2</v>
      </c>
      <c r="BL17" s="281">
        <v>0</v>
      </c>
      <c r="BM17" s="281">
        <v>1</v>
      </c>
      <c r="BN17" s="281">
        <v>0</v>
      </c>
      <c r="BO17" s="282">
        <v>5</v>
      </c>
      <c r="BP17" s="283">
        <v>5</v>
      </c>
      <c r="BQ17" s="277">
        <v>0</v>
      </c>
      <c r="BR17" s="281">
        <v>0</v>
      </c>
      <c r="BS17" s="278">
        <v>0</v>
      </c>
      <c r="BT17" s="280">
        <v>0</v>
      </c>
      <c r="BU17" s="281">
        <v>0</v>
      </c>
      <c r="BV17" s="281">
        <v>0</v>
      </c>
      <c r="BW17" s="281">
        <v>0</v>
      </c>
      <c r="BX17" s="281">
        <v>0</v>
      </c>
      <c r="BY17" s="281">
        <v>0</v>
      </c>
      <c r="BZ17" s="278">
        <v>0</v>
      </c>
      <c r="CA17" s="283">
        <v>0</v>
      </c>
      <c r="CB17" s="277">
        <v>0</v>
      </c>
      <c r="CC17" s="281">
        <v>0</v>
      </c>
      <c r="CD17" s="278">
        <v>0</v>
      </c>
      <c r="CE17" s="280">
        <v>0</v>
      </c>
      <c r="CF17" s="281">
        <v>0</v>
      </c>
      <c r="CG17" s="281">
        <v>0</v>
      </c>
      <c r="CH17" s="281">
        <v>0</v>
      </c>
      <c r="CI17" s="281">
        <v>2</v>
      </c>
      <c r="CJ17" s="281">
        <v>0</v>
      </c>
      <c r="CK17" s="278">
        <v>2</v>
      </c>
      <c r="CL17" s="283">
        <v>2</v>
      </c>
      <c r="CM17" s="277">
        <v>0</v>
      </c>
      <c r="CN17" s="281">
        <v>0</v>
      </c>
      <c r="CO17" s="278">
        <v>0</v>
      </c>
      <c r="CP17" s="280">
        <v>0</v>
      </c>
      <c r="CQ17" s="281">
        <v>0</v>
      </c>
      <c r="CR17" s="281">
        <v>0</v>
      </c>
      <c r="CS17" s="281">
        <v>0</v>
      </c>
      <c r="CT17" s="281">
        <v>0</v>
      </c>
      <c r="CU17" s="281">
        <v>0</v>
      </c>
      <c r="CV17" s="278">
        <v>0</v>
      </c>
      <c r="CW17" s="283">
        <v>0</v>
      </c>
    </row>
    <row r="18" spans="2:101" ht="21" customHeight="1" x14ac:dyDescent="0.2">
      <c r="B18" s="262" t="s">
        <v>16</v>
      </c>
      <c r="C18" s="277">
        <v>0</v>
      </c>
      <c r="D18" s="278">
        <v>0</v>
      </c>
      <c r="E18" s="279">
        <v>0</v>
      </c>
      <c r="F18" s="280">
        <v>0</v>
      </c>
      <c r="G18" s="281">
        <v>0</v>
      </c>
      <c r="H18" s="281">
        <v>0</v>
      </c>
      <c r="I18" s="281">
        <v>2</v>
      </c>
      <c r="J18" s="281">
        <v>1</v>
      </c>
      <c r="K18" s="281">
        <v>0</v>
      </c>
      <c r="L18" s="282">
        <v>3</v>
      </c>
      <c r="M18" s="283">
        <v>3</v>
      </c>
      <c r="N18" s="277">
        <v>0</v>
      </c>
      <c r="O18" s="281">
        <v>0</v>
      </c>
      <c r="P18" s="278">
        <v>0</v>
      </c>
      <c r="Q18" s="280">
        <v>0</v>
      </c>
      <c r="R18" s="281">
        <v>0</v>
      </c>
      <c r="S18" s="281">
        <v>1</v>
      </c>
      <c r="T18" s="281">
        <v>0</v>
      </c>
      <c r="U18" s="281">
        <v>0</v>
      </c>
      <c r="V18" s="281">
        <v>0</v>
      </c>
      <c r="W18" s="278">
        <v>1</v>
      </c>
      <c r="X18" s="283">
        <v>1</v>
      </c>
      <c r="Y18" s="277">
        <v>0</v>
      </c>
      <c r="Z18" s="281">
        <v>0</v>
      </c>
      <c r="AA18" s="278">
        <v>0</v>
      </c>
      <c r="AB18" s="280">
        <v>0</v>
      </c>
      <c r="AC18" s="281">
        <v>10</v>
      </c>
      <c r="AD18" s="281">
        <v>13</v>
      </c>
      <c r="AE18" s="281">
        <v>2</v>
      </c>
      <c r="AF18" s="281">
        <v>1</v>
      </c>
      <c r="AG18" s="281">
        <v>0</v>
      </c>
      <c r="AH18" s="278">
        <v>26</v>
      </c>
      <c r="AI18" s="283">
        <v>26</v>
      </c>
      <c r="AJ18" s="277">
        <v>0</v>
      </c>
      <c r="AK18" s="281">
        <v>0</v>
      </c>
      <c r="AL18" s="278">
        <v>0</v>
      </c>
      <c r="AM18" s="280">
        <v>0</v>
      </c>
      <c r="AN18" s="281">
        <v>2</v>
      </c>
      <c r="AO18" s="281">
        <v>0</v>
      </c>
      <c r="AP18" s="281">
        <v>1</v>
      </c>
      <c r="AQ18" s="281">
        <v>0</v>
      </c>
      <c r="AR18" s="281">
        <v>0</v>
      </c>
      <c r="AS18" s="278">
        <v>3</v>
      </c>
      <c r="AT18" s="283">
        <v>3</v>
      </c>
      <c r="AU18" s="277">
        <v>0</v>
      </c>
      <c r="AV18" s="281">
        <v>0</v>
      </c>
      <c r="AW18" s="278">
        <v>0</v>
      </c>
      <c r="AX18" s="280">
        <v>0</v>
      </c>
      <c r="AY18" s="281">
        <v>0</v>
      </c>
      <c r="AZ18" s="281">
        <v>1</v>
      </c>
      <c r="BA18" s="281">
        <v>2</v>
      </c>
      <c r="BB18" s="281">
        <v>1</v>
      </c>
      <c r="BC18" s="281">
        <v>0</v>
      </c>
      <c r="BD18" s="278">
        <v>4</v>
      </c>
      <c r="BE18" s="283">
        <v>4</v>
      </c>
      <c r="BF18" s="277">
        <v>0</v>
      </c>
      <c r="BG18" s="281">
        <v>0</v>
      </c>
      <c r="BH18" s="278">
        <v>0</v>
      </c>
      <c r="BI18" s="280">
        <v>0</v>
      </c>
      <c r="BJ18" s="281">
        <v>1</v>
      </c>
      <c r="BK18" s="281">
        <v>3</v>
      </c>
      <c r="BL18" s="281">
        <v>4</v>
      </c>
      <c r="BM18" s="281">
        <v>2</v>
      </c>
      <c r="BN18" s="281">
        <v>3</v>
      </c>
      <c r="BO18" s="282">
        <v>13</v>
      </c>
      <c r="BP18" s="283">
        <v>13</v>
      </c>
      <c r="BQ18" s="277">
        <v>0</v>
      </c>
      <c r="BR18" s="281">
        <v>0</v>
      </c>
      <c r="BS18" s="278">
        <v>0</v>
      </c>
      <c r="BT18" s="280">
        <v>0</v>
      </c>
      <c r="BU18" s="281">
        <v>0</v>
      </c>
      <c r="BV18" s="281">
        <v>0</v>
      </c>
      <c r="BW18" s="281">
        <v>0</v>
      </c>
      <c r="BX18" s="281">
        <v>0</v>
      </c>
      <c r="BY18" s="281">
        <v>0</v>
      </c>
      <c r="BZ18" s="278">
        <v>0</v>
      </c>
      <c r="CA18" s="283">
        <v>0</v>
      </c>
      <c r="CB18" s="277">
        <v>0</v>
      </c>
      <c r="CC18" s="281">
        <v>0</v>
      </c>
      <c r="CD18" s="278">
        <v>0</v>
      </c>
      <c r="CE18" s="280">
        <v>0</v>
      </c>
      <c r="CF18" s="281">
        <v>0</v>
      </c>
      <c r="CG18" s="281">
        <v>0</v>
      </c>
      <c r="CH18" s="281">
        <v>0</v>
      </c>
      <c r="CI18" s="281">
        <v>0</v>
      </c>
      <c r="CJ18" s="281">
        <v>0</v>
      </c>
      <c r="CK18" s="278">
        <v>0</v>
      </c>
      <c r="CL18" s="283">
        <v>0</v>
      </c>
      <c r="CM18" s="277">
        <v>0</v>
      </c>
      <c r="CN18" s="281">
        <v>0</v>
      </c>
      <c r="CO18" s="278">
        <v>0</v>
      </c>
      <c r="CP18" s="280">
        <v>0</v>
      </c>
      <c r="CQ18" s="281">
        <v>1</v>
      </c>
      <c r="CR18" s="281">
        <v>1</v>
      </c>
      <c r="CS18" s="281">
        <v>1</v>
      </c>
      <c r="CT18" s="281">
        <v>0</v>
      </c>
      <c r="CU18" s="281">
        <v>0</v>
      </c>
      <c r="CV18" s="278">
        <v>3</v>
      </c>
      <c r="CW18" s="283">
        <v>3</v>
      </c>
    </row>
    <row r="19" spans="2:101" ht="21" customHeight="1" x14ac:dyDescent="0.2">
      <c r="B19" s="262" t="s">
        <v>17</v>
      </c>
      <c r="C19" s="277">
        <v>0</v>
      </c>
      <c r="D19" s="278">
        <v>0</v>
      </c>
      <c r="E19" s="279">
        <v>0</v>
      </c>
      <c r="F19" s="280">
        <v>0</v>
      </c>
      <c r="G19" s="281">
        <v>0</v>
      </c>
      <c r="H19" s="281">
        <v>1</v>
      </c>
      <c r="I19" s="281">
        <v>0</v>
      </c>
      <c r="J19" s="281">
        <v>0</v>
      </c>
      <c r="K19" s="281">
        <v>0</v>
      </c>
      <c r="L19" s="282">
        <v>1</v>
      </c>
      <c r="M19" s="283">
        <v>1</v>
      </c>
      <c r="N19" s="277">
        <v>0</v>
      </c>
      <c r="O19" s="281">
        <v>0</v>
      </c>
      <c r="P19" s="278">
        <v>0</v>
      </c>
      <c r="Q19" s="280">
        <v>0</v>
      </c>
      <c r="R19" s="281">
        <v>0</v>
      </c>
      <c r="S19" s="281">
        <v>0</v>
      </c>
      <c r="T19" s="281">
        <v>0</v>
      </c>
      <c r="U19" s="281">
        <v>0</v>
      </c>
      <c r="V19" s="281">
        <v>0</v>
      </c>
      <c r="W19" s="278">
        <v>0</v>
      </c>
      <c r="X19" s="283">
        <v>0</v>
      </c>
      <c r="Y19" s="277">
        <v>0</v>
      </c>
      <c r="Z19" s="281">
        <v>0</v>
      </c>
      <c r="AA19" s="278">
        <v>0</v>
      </c>
      <c r="AB19" s="280">
        <v>0</v>
      </c>
      <c r="AC19" s="281">
        <v>17</v>
      </c>
      <c r="AD19" s="281">
        <v>16</v>
      </c>
      <c r="AE19" s="281">
        <v>9</v>
      </c>
      <c r="AF19" s="281">
        <v>1</v>
      </c>
      <c r="AG19" s="281">
        <v>3</v>
      </c>
      <c r="AH19" s="278">
        <v>46</v>
      </c>
      <c r="AI19" s="283">
        <v>46</v>
      </c>
      <c r="AJ19" s="277">
        <v>0</v>
      </c>
      <c r="AK19" s="281">
        <v>0</v>
      </c>
      <c r="AL19" s="278">
        <v>0</v>
      </c>
      <c r="AM19" s="280">
        <v>0</v>
      </c>
      <c r="AN19" s="281">
        <v>3</v>
      </c>
      <c r="AO19" s="281">
        <v>0</v>
      </c>
      <c r="AP19" s="281">
        <v>2</v>
      </c>
      <c r="AQ19" s="281">
        <v>0</v>
      </c>
      <c r="AR19" s="281">
        <v>1</v>
      </c>
      <c r="AS19" s="278">
        <v>6</v>
      </c>
      <c r="AT19" s="283">
        <v>6</v>
      </c>
      <c r="AU19" s="277">
        <v>0</v>
      </c>
      <c r="AV19" s="281">
        <v>0</v>
      </c>
      <c r="AW19" s="278">
        <v>0</v>
      </c>
      <c r="AX19" s="280">
        <v>0</v>
      </c>
      <c r="AY19" s="281">
        <v>0</v>
      </c>
      <c r="AZ19" s="281">
        <v>1</v>
      </c>
      <c r="BA19" s="281">
        <v>3</v>
      </c>
      <c r="BB19" s="281">
        <v>2</v>
      </c>
      <c r="BC19" s="281">
        <v>1</v>
      </c>
      <c r="BD19" s="278">
        <v>7</v>
      </c>
      <c r="BE19" s="283">
        <v>7</v>
      </c>
      <c r="BF19" s="277">
        <v>0</v>
      </c>
      <c r="BG19" s="281">
        <v>0</v>
      </c>
      <c r="BH19" s="278">
        <v>0</v>
      </c>
      <c r="BI19" s="280">
        <v>0</v>
      </c>
      <c r="BJ19" s="281">
        <v>0</v>
      </c>
      <c r="BK19" s="281">
        <v>6</v>
      </c>
      <c r="BL19" s="281">
        <v>3</v>
      </c>
      <c r="BM19" s="281">
        <v>1</v>
      </c>
      <c r="BN19" s="281">
        <v>0</v>
      </c>
      <c r="BO19" s="282">
        <v>10</v>
      </c>
      <c r="BP19" s="283">
        <v>10</v>
      </c>
      <c r="BQ19" s="277">
        <v>0</v>
      </c>
      <c r="BR19" s="281">
        <v>0</v>
      </c>
      <c r="BS19" s="278">
        <v>0</v>
      </c>
      <c r="BT19" s="280">
        <v>0</v>
      </c>
      <c r="BU19" s="281">
        <v>0</v>
      </c>
      <c r="BV19" s="281">
        <v>0</v>
      </c>
      <c r="BW19" s="281">
        <v>0</v>
      </c>
      <c r="BX19" s="281">
        <v>0</v>
      </c>
      <c r="BY19" s="281">
        <v>0</v>
      </c>
      <c r="BZ19" s="278">
        <v>0</v>
      </c>
      <c r="CA19" s="283">
        <v>0</v>
      </c>
      <c r="CB19" s="277">
        <v>0</v>
      </c>
      <c r="CC19" s="281">
        <v>0</v>
      </c>
      <c r="CD19" s="278">
        <v>0</v>
      </c>
      <c r="CE19" s="280">
        <v>0</v>
      </c>
      <c r="CF19" s="281">
        <v>0</v>
      </c>
      <c r="CG19" s="281">
        <v>0</v>
      </c>
      <c r="CH19" s="281">
        <v>3</v>
      </c>
      <c r="CI19" s="281">
        <v>1</v>
      </c>
      <c r="CJ19" s="281">
        <v>0</v>
      </c>
      <c r="CK19" s="278">
        <v>4</v>
      </c>
      <c r="CL19" s="283">
        <v>4</v>
      </c>
      <c r="CM19" s="277">
        <v>0</v>
      </c>
      <c r="CN19" s="281">
        <v>0</v>
      </c>
      <c r="CO19" s="278">
        <v>0</v>
      </c>
      <c r="CP19" s="280">
        <v>0</v>
      </c>
      <c r="CQ19" s="281">
        <v>1</v>
      </c>
      <c r="CR19" s="281">
        <v>0</v>
      </c>
      <c r="CS19" s="281">
        <v>0</v>
      </c>
      <c r="CT19" s="281">
        <v>0</v>
      </c>
      <c r="CU19" s="281">
        <v>1</v>
      </c>
      <c r="CV19" s="278">
        <v>2</v>
      </c>
      <c r="CW19" s="283">
        <v>2</v>
      </c>
    </row>
    <row r="20" spans="2:101" ht="21" customHeight="1" x14ac:dyDescent="0.2">
      <c r="B20" s="262" t="s">
        <v>18</v>
      </c>
      <c r="C20" s="277">
        <v>0</v>
      </c>
      <c r="D20" s="278">
        <v>0</v>
      </c>
      <c r="E20" s="279">
        <v>0</v>
      </c>
      <c r="F20" s="280">
        <v>0</v>
      </c>
      <c r="G20" s="281">
        <v>0</v>
      </c>
      <c r="H20" s="281">
        <v>0</v>
      </c>
      <c r="I20" s="281">
        <v>0</v>
      </c>
      <c r="J20" s="281">
        <v>0</v>
      </c>
      <c r="K20" s="281">
        <v>0</v>
      </c>
      <c r="L20" s="282">
        <v>0</v>
      </c>
      <c r="M20" s="283">
        <v>0</v>
      </c>
      <c r="N20" s="277">
        <v>0</v>
      </c>
      <c r="O20" s="281">
        <v>0</v>
      </c>
      <c r="P20" s="278">
        <v>0</v>
      </c>
      <c r="Q20" s="280">
        <v>0</v>
      </c>
      <c r="R20" s="281">
        <v>0</v>
      </c>
      <c r="S20" s="281">
        <v>0</v>
      </c>
      <c r="T20" s="281">
        <v>0</v>
      </c>
      <c r="U20" s="281">
        <v>0</v>
      </c>
      <c r="V20" s="281">
        <v>0</v>
      </c>
      <c r="W20" s="278">
        <v>0</v>
      </c>
      <c r="X20" s="283">
        <v>0</v>
      </c>
      <c r="Y20" s="277">
        <v>0</v>
      </c>
      <c r="Z20" s="281">
        <v>0</v>
      </c>
      <c r="AA20" s="278">
        <v>0</v>
      </c>
      <c r="AB20" s="280">
        <v>0</v>
      </c>
      <c r="AC20" s="281">
        <v>21</v>
      </c>
      <c r="AD20" s="281">
        <v>20</v>
      </c>
      <c r="AE20" s="281">
        <v>2</v>
      </c>
      <c r="AF20" s="281">
        <v>2</v>
      </c>
      <c r="AG20" s="281">
        <v>0</v>
      </c>
      <c r="AH20" s="278">
        <v>45</v>
      </c>
      <c r="AI20" s="283">
        <v>45</v>
      </c>
      <c r="AJ20" s="277">
        <v>0</v>
      </c>
      <c r="AK20" s="281">
        <v>0</v>
      </c>
      <c r="AL20" s="278">
        <v>0</v>
      </c>
      <c r="AM20" s="280">
        <v>0</v>
      </c>
      <c r="AN20" s="281">
        <v>2</v>
      </c>
      <c r="AO20" s="281">
        <v>0</v>
      </c>
      <c r="AP20" s="281">
        <v>1</v>
      </c>
      <c r="AQ20" s="281">
        <v>0</v>
      </c>
      <c r="AR20" s="281">
        <v>1</v>
      </c>
      <c r="AS20" s="278">
        <v>4</v>
      </c>
      <c r="AT20" s="283">
        <v>4</v>
      </c>
      <c r="AU20" s="277">
        <v>2</v>
      </c>
      <c r="AV20" s="281">
        <v>0</v>
      </c>
      <c r="AW20" s="278">
        <v>2</v>
      </c>
      <c r="AX20" s="280">
        <v>0</v>
      </c>
      <c r="AY20" s="281">
        <v>6</v>
      </c>
      <c r="AZ20" s="281">
        <v>4</v>
      </c>
      <c r="BA20" s="281">
        <v>4</v>
      </c>
      <c r="BB20" s="281">
        <v>1</v>
      </c>
      <c r="BC20" s="281">
        <v>0</v>
      </c>
      <c r="BD20" s="278">
        <v>15</v>
      </c>
      <c r="BE20" s="283">
        <v>17</v>
      </c>
      <c r="BF20" s="277">
        <v>0</v>
      </c>
      <c r="BG20" s="281">
        <v>0</v>
      </c>
      <c r="BH20" s="278">
        <v>0</v>
      </c>
      <c r="BI20" s="280">
        <v>0</v>
      </c>
      <c r="BJ20" s="281">
        <v>0</v>
      </c>
      <c r="BK20" s="281">
        <v>7</v>
      </c>
      <c r="BL20" s="281">
        <v>5</v>
      </c>
      <c r="BM20" s="281">
        <v>3</v>
      </c>
      <c r="BN20" s="281">
        <v>3</v>
      </c>
      <c r="BO20" s="282">
        <v>18</v>
      </c>
      <c r="BP20" s="283">
        <v>18</v>
      </c>
      <c r="BQ20" s="277">
        <v>0</v>
      </c>
      <c r="BR20" s="281">
        <v>0</v>
      </c>
      <c r="BS20" s="278">
        <v>0</v>
      </c>
      <c r="BT20" s="280">
        <v>0</v>
      </c>
      <c r="BU20" s="281">
        <v>0</v>
      </c>
      <c r="BV20" s="281">
        <v>0</v>
      </c>
      <c r="BW20" s="281">
        <v>0</v>
      </c>
      <c r="BX20" s="281">
        <v>0</v>
      </c>
      <c r="BY20" s="281">
        <v>0</v>
      </c>
      <c r="BZ20" s="278">
        <v>0</v>
      </c>
      <c r="CA20" s="283">
        <v>0</v>
      </c>
      <c r="CB20" s="277">
        <v>0</v>
      </c>
      <c r="CC20" s="281">
        <v>0</v>
      </c>
      <c r="CD20" s="278">
        <v>0</v>
      </c>
      <c r="CE20" s="280">
        <v>0</v>
      </c>
      <c r="CF20" s="281">
        <v>0</v>
      </c>
      <c r="CG20" s="281">
        <v>0</v>
      </c>
      <c r="CH20" s="281">
        <v>0</v>
      </c>
      <c r="CI20" s="281">
        <v>0</v>
      </c>
      <c r="CJ20" s="281">
        <v>0</v>
      </c>
      <c r="CK20" s="278">
        <v>0</v>
      </c>
      <c r="CL20" s="283">
        <v>0</v>
      </c>
      <c r="CM20" s="277">
        <v>0</v>
      </c>
      <c r="CN20" s="281">
        <v>0</v>
      </c>
      <c r="CO20" s="278">
        <v>0</v>
      </c>
      <c r="CP20" s="280">
        <v>0</v>
      </c>
      <c r="CQ20" s="281">
        <v>0</v>
      </c>
      <c r="CR20" s="281">
        <v>1</v>
      </c>
      <c r="CS20" s="281">
        <v>1</v>
      </c>
      <c r="CT20" s="281">
        <v>3</v>
      </c>
      <c r="CU20" s="281">
        <v>0</v>
      </c>
      <c r="CV20" s="278">
        <v>5</v>
      </c>
      <c r="CW20" s="283">
        <v>5</v>
      </c>
    </row>
    <row r="21" spans="2:101" ht="21" customHeight="1" x14ac:dyDescent="0.2">
      <c r="B21" s="262" t="s">
        <v>19</v>
      </c>
      <c r="C21" s="277">
        <v>0</v>
      </c>
      <c r="D21" s="278">
        <v>0</v>
      </c>
      <c r="E21" s="279">
        <v>0</v>
      </c>
      <c r="F21" s="280">
        <v>0</v>
      </c>
      <c r="G21" s="281">
        <v>1</v>
      </c>
      <c r="H21" s="281">
        <v>0</v>
      </c>
      <c r="I21" s="281">
        <v>0</v>
      </c>
      <c r="J21" s="281">
        <v>0</v>
      </c>
      <c r="K21" s="281">
        <v>0</v>
      </c>
      <c r="L21" s="282">
        <v>1</v>
      </c>
      <c r="M21" s="283">
        <v>1</v>
      </c>
      <c r="N21" s="277">
        <v>0</v>
      </c>
      <c r="O21" s="281">
        <v>0</v>
      </c>
      <c r="P21" s="278">
        <v>0</v>
      </c>
      <c r="Q21" s="280">
        <v>0</v>
      </c>
      <c r="R21" s="281">
        <v>0</v>
      </c>
      <c r="S21" s="281">
        <v>0</v>
      </c>
      <c r="T21" s="281">
        <v>0</v>
      </c>
      <c r="U21" s="281">
        <v>0</v>
      </c>
      <c r="V21" s="281">
        <v>0</v>
      </c>
      <c r="W21" s="278">
        <v>0</v>
      </c>
      <c r="X21" s="283">
        <v>0</v>
      </c>
      <c r="Y21" s="277">
        <v>0</v>
      </c>
      <c r="Z21" s="281">
        <v>0</v>
      </c>
      <c r="AA21" s="278">
        <v>0</v>
      </c>
      <c r="AB21" s="280">
        <v>0</v>
      </c>
      <c r="AC21" s="281">
        <v>5</v>
      </c>
      <c r="AD21" s="281">
        <v>3</v>
      </c>
      <c r="AE21" s="281">
        <v>1</v>
      </c>
      <c r="AF21" s="281">
        <v>3</v>
      </c>
      <c r="AG21" s="281">
        <v>0</v>
      </c>
      <c r="AH21" s="278">
        <v>12</v>
      </c>
      <c r="AI21" s="283">
        <v>12</v>
      </c>
      <c r="AJ21" s="277">
        <v>0</v>
      </c>
      <c r="AK21" s="281">
        <v>0</v>
      </c>
      <c r="AL21" s="278">
        <v>0</v>
      </c>
      <c r="AM21" s="280">
        <v>0</v>
      </c>
      <c r="AN21" s="281">
        <v>0</v>
      </c>
      <c r="AO21" s="281">
        <v>4</v>
      </c>
      <c r="AP21" s="281">
        <v>0</v>
      </c>
      <c r="AQ21" s="281">
        <v>0</v>
      </c>
      <c r="AR21" s="281">
        <v>0</v>
      </c>
      <c r="AS21" s="278">
        <v>4</v>
      </c>
      <c r="AT21" s="283">
        <v>4</v>
      </c>
      <c r="AU21" s="277">
        <v>0</v>
      </c>
      <c r="AV21" s="281">
        <v>1</v>
      </c>
      <c r="AW21" s="278">
        <v>1</v>
      </c>
      <c r="AX21" s="280">
        <v>0</v>
      </c>
      <c r="AY21" s="281">
        <v>2</v>
      </c>
      <c r="AZ21" s="281">
        <v>4</v>
      </c>
      <c r="BA21" s="281">
        <v>1</v>
      </c>
      <c r="BB21" s="281">
        <v>0</v>
      </c>
      <c r="BC21" s="281">
        <v>2</v>
      </c>
      <c r="BD21" s="278">
        <v>9</v>
      </c>
      <c r="BE21" s="283">
        <v>10</v>
      </c>
      <c r="BF21" s="277">
        <v>0</v>
      </c>
      <c r="BG21" s="281">
        <v>0</v>
      </c>
      <c r="BH21" s="278">
        <v>0</v>
      </c>
      <c r="BI21" s="280">
        <v>0</v>
      </c>
      <c r="BJ21" s="281">
        <v>2</v>
      </c>
      <c r="BK21" s="281">
        <v>1</v>
      </c>
      <c r="BL21" s="281">
        <v>0</v>
      </c>
      <c r="BM21" s="281">
        <v>1</v>
      </c>
      <c r="BN21" s="281">
        <v>0</v>
      </c>
      <c r="BO21" s="282">
        <v>4</v>
      </c>
      <c r="BP21" s="283">
        <v>4</v>
      </c>
      <c r="BQ21" s="277">
        <v>0</v>
      </c>
      <c r="BR21" s="281">
        <v>0</v>
      </c>
      <c r="BS21" s="278">
        <v>0</v>
      </c>
      <c r="BT21" s="280">
        <v>0</v>
      </c>
      <c r="BU21" s="281">
        <v>0</v>
      </c>
      <c r="BV21" s="281">
        <v>0</v>
      </c>
      <c r="BW21" s="281">
        <v>0</v>
      </c>
      <c r="BX21" s="281">
        <v>0</v>
      </c>
      <c r="BY21" s="281">
        <v>0</v>
      </c>
      <c r="BZ21" s="278">
        <v>0</v>
      </c>
      <c r="CA21" s="283">
        <v>0</v>
      </c>
      <c r="CB21" s="277">
        <v>0</v>
      </c>
      <c r="CC21" s="281">
        <v>0</v>
      </c>
      <c r="CD21" s="278">
        <v>0</v>
      </c>
      <c r="CE21" s="280">
        <v>0</v>
      </c>
      <c r="CF21" s="281">
        <v>0</v>
      </c>
      <c r="CG21" s="281">
        <v>0</v>
      </c>
      <c r="CH21" s="281">
        <v>0</v>
      </c>
      <c r="CI21" s="281">
        <v>0</v>
      </c>
      <c r="CJ21" s="281">
        <v>0</v>
      </c>
      <c r="CK21" s="278">
        <v>0</v>
      </c>
      <c r="CL21" s="283">
        <v>0</v>
      </c>
      <c r="CM21" s="277">
        <v>0</v>
      </c>
      <c r="CN21" s="281">
        <v>0</v>
      </c>
      <c r="CO21" s="278">
        <v>0</v>
      </c>
      <c r="CP21" s="280">
        <v>0</v>
      </c>
      <c r="CQ21" s="281">
        <v>0</v>
      </c>
      <c r="CR21" s="281">
        <v>0</v>
      </c>
      <c r="CS21" s="281">
        <v>0</v>
      </c>
      <c r="CT21" s="281">
        <v>0</v>
      </c>
      <c r="CU21" s="281">
        <v>1</v>
      </c>
      <c r="CV21" s="278">
        <v>1</v>
      </c>
      <c r="CW21" s="283">
        <v>1</v>
      </c>
    </row>
    <row r="22" spans="2:101" ht="21" customHeight="1" x14ac:dyDescent="0.2">
      <c r="B22" s="262" t="s">
        <v>20</v>
      </c>
      <c r="C22" s="277">
        <v>0</v>
      </c>
      <c r="D22" s="278">
        <v>0</v>
      </c>
      <c r="E22" s="279">
        <v>0</v>
      </c>
      <c r="F22" s="280">
        <v>0</v>
      </c>
      <c r="G22" s="281">
        <v>0</v>
      </c>
      <c r="H22" s="281">
        <v>0</v>
      </c>
      <c r="I22" s="281">
        <v>0</v>
      </c>
      <c r="J22" s="281">
        <v>0</v>
      </c>
      <c r="K22" s="281">
        <v>0</v>
      </c>
      <c r="L22" s="282">
        <v>0</v>
      </c>
      <c r="M22" s="283">
        <v>0</v>
      </c>
      <c r="N22" s="277">
        <v>0</v>
      </c>
      <c r="O22" s="281">
        <v>0</v>
      </c>
      <c r="P22" s="278">
        <v>0</v>
      </c>
      <c r="Q22" s="280">
        <v>0</v>
      </c>
      <c r="R22" s="281">
        <v>0</v>
      </c>
      <c r="S22" s="281">
        <v>0</v>
      </c>
      <c r="T22" s="281">
        <v>0</v>
      </c>
      <c r="U22" s="281">
        <v>0</v>
      </c>
      <c r="V22" s="281">
        <v>0</v>
      </c>
      <c r="W22" s="278">
        <v>0</v>
      </c>
      <c r="X22" s="283">
        <v>0</v>
      </c>
      <c r="Y22" s="277">
        <v>0</v>
      </c>
      <c r="Z22" s="281">
        <v>0</v>
      </c>
      <c r="AA22" s="278">
        <v>0</v>
      </c>
      <c r="AB22" s="280">
        <v>0</v>
      </c>
      <c r="AC22" s="281">
        <v>15</v>
      </c>
      <c r="AD22" s="281">
        <v>9</v>
      </c>
      <c r="AE22" s="281">
        <v>3</v>
      </c>
      <c r="AF22" s="281">
        <v>2</v>
      </c>
      <c r="AG22" s="281">
        <v>0</v>
      </c>
      <c r="AH22" s="278">
        <v>29</v>
      </c>
      <c r="AI22" s="283">
        <v>29</v>
      </c>
      <c r="AJ22" s="277">
        <v>0</v>
      </c>
      <c r="AK22" s="281">
        <v>0</v>
      </c>
      <c r="AL22" s="278">
        <v>0</v>
      </c>
      <c r="AM22" s="280">
        <v>0</v>
      </c>
      <c r="AN22" s="281">
        <v>0</v>
      </c>
      <c r="AO22" s="281">
        <v>0</v>
      </c>
      <c r="AP22" s="281">
        <v>1</v>
      </c>
      <c r="AQ22" s="281">
        <v>0</v>
      </c>
      <c r="AR22" s="281">
        <v>0</v>
      </c>
      <c r="AS22" s="278">
        <v>1</v>
      </c>
      <c r="AT22" s="283">
        <v>1</v>
      </c>
      <c r="AU22" s="277">
        <v>0</v>
      </c>
      <c r="AV22" s="281">
        <v>0</v>
      </c>
      <c r="AW22" s="278">
        <v>0</v>
      </c>
      <c r="AX22" s="280">
        <v>0</v>
      </c>
      <c r="AY22" s="281">
        <v>1</v>
      </c>
      <c r="AZ22" s="281">
        <v>0</v>
      </c>
      <c r="BA22" s="281">
        <v>0</v>
      </c>
      <c r="BB22" s="281">
        <v>0</v>
      </c>
      <c r="BC22" s="281">
        <v>0</v>
      </c>
      <c r="BD22" s="278">
        <v>1</v>
      </c>
      <c r="BE22" s="283">
        <v>1</v>
      </c>
      <c r="BF22" s="277">
        <v>0</v>
      </c>
      <c r="BG22" s="281">
        <v>0</v>
      </c>
      <c r="BH22" s="278">
        <v>0</v>
      </c>
      <c r="BI22" s="280">
        <v>0</v>
      </c>
      <c r="BJ22" s="281">
        <v>1</v>
      </c>
      <c r="BK22" s="281">
        <v>1</v>
      </c>
      <c r="BL22" s="281">
        <v>1</v>
      </c>
      <c r="BM22" s="281">
        <v>4</v>
      </c>
      <c r="BN22" s="281">
        <v>0</v>
      </c>
      <c r="BO22" s="282">
        <v>7</v>
      </c>
      <c r="BP22" s="283">
        <v>7</v>
      </c>
      <c r="BQ22" s="277">
        <v>0</v>
      </c>
      <c r="BR22" s="281">
        <v>0</v>
      </c>
      <c r="BS22" s="278">
        <v>0</v>
      </c>
      <c r="BT22" s="280">
        <v>0</v>
      </c>
      <c r="BU22" s="281">
        <v>0</v>
      </c>
      <c r="BV22" s="281">
        <v>0</v>
      </c>
      <c r="BW22" s="281">
        <v>0</v>
      </c>
      <c r="BX22" s="281">
        <v>0</v>
      </c>
      <c r="BY22" s="281">
        <v>0</v>
      </c>
      <c r="BZ22" s="278">
        <v>0</v>
      </c>
      <c r="CA22" s="283">
        <v>0</v>
      </c>
      <c r="CB22" s="277">
        <v>0</v>
      </c>
      <c r="CC22" s="281">
        <v>0</v>
      </c>
      <c r="CD22" s="278">
        <v>0</v>
      </c>
      <c r="CE22" s="280">
        <v>0</v>
      </c>
      <c r="CF22" s="281">
        <v>0</v>
      </c>
      <c r="CG22" s="281">
        <v>0</v>
      </c>
      <c r="CH22" s="281">
        <v>0</v>
      </c>
      <c r="CI22" s="281">
        <v>0</v>
      </c>
      <c r="CJ22" s="281">
        <v>0</v>
      </c>
      <c r="CK22" s="278">
        <v>0</v>
      </c>
      <c r="CL22" s="283">
        <v>0</v>
      </c>
      <c r="CM22" s="277">
        <v>0</v>
      </c>
      <c r="CN22" s="281">
        <v>0</v>
      </c>
      <c r="CO22" s="278">
        <v>0</v>
      </c>
      <c r="CP22" s="280">
        <v>0</v>
      </c>
      <c r="CQ22" s="281">
        <v>0</v>
      </c>
      <c r="CR22" s="281">
        <v>0</v>
      </c>
      <c r="CS22" s="281">
        <v>0</v>
      </c>
      <c r="CT22" s="281">
        <v>0</v>
      </c>
      <c r="CU22" s="281">
        <v>0</v>
      </c>
      <c r="CV22" s="278">
        <v>0</v>
      </c>
      <c r="CW22" s="283">
        <v>0</v>
      </c>
    </row>
    <row r="23" spans="2:101" ht="21" customHeight="1" x14ac:dyDescent="0.2">
      <c r="B23" s="262" t="s">
        <v>21</v>
      </c>
      <c r="C23" s="277">
        <v>0</v>
      </c>
      <c r="D23" s="278">
        <v>0</v>
      </c>
      <c r="E23" s="279">
        <v>0</v>
      </c>
      <c r="F23" s="280">
        <v>0</v>
      </c>
      <c r="G23" s="281">
        <v>0</v>
      </c>
      <c r="H23" s="281">
        <v>0</v>
      </c>
      <c r="I23" s="281">
        <v>0</v>
      </c>
      <c r="J23" s="281">
        <v>0</v>
      </c>
      <c r="K23" s="281">
        <v>0</v>
      </c>
      <c r="L23" s="282">
        <v>0</v>
      </c>
      <c r="M23" s="283">
        <v>0</v>
      </c>
      <c r="N23" s="277">
        <v>0</v>
      </c>
      <c r="O23" s="281">
        <v>0</v>
      </c>
      <c r="P23" s="278">
        <v>0</v>
      </c>
      <c r="Q23" s="280">
        <v>0</v>
      </c>
      <c r="R23" s="281">
        <v>0</v>
      </c>
      <c r="S23" s="281">
        <v>0</v>
      </c>
      <c r="T23" s="281">
        <v>0</v>
      </c>
      <c r="U23" s="281">
        <v>0</v>
      </c>
      <c r="V23" s="281">
        <v>0</v>
      </c>
      <c r="W23" s="278">
        <v>0</v>
      </c>
      <c r="X23" s="283">
        <v>0</v>
      </c>
      <c r="Y23" s="277">
        <v>0</v>
      </c>
      <c r="Z23" s="281">
        <v>0</v>
      </c>
      <c r="AA23" s="278">
        <v>0</v>
      </c>
      <c r="AB23" s="280">
        <v>0</v>
      </c>
      <c r="AC23" s="281">
        <v>9</v>
      </c>
      <c r="AD23" s="281">
        <v>6</v>
      </c>
      <c r="AE23" s="281">
        <v>4</v>
      </c>
      <c r="AF23" s="281">
        <v>3</v>
      </c>
      <c r="AG23" s="281">
        <v>0</v>
      </c>
      <c r="AH23" s="278">
        <v>22</v>
      </c>
      <c r="AI23" s="283">
        <v>22</v>
      </c>
      <c r="AJ23" s="277">
        <v>0</v>
      </c>
      <c r="AK23" s="281">
        <v>0</v>
      </c>
      <c r="AL23" s="278">
        <v>0</v>
      </c>
      <c r="AM23" s="280">
        <v>0</v>
      </c>
      <c r="AN23" s="281">
        <v>0</v>
      </c>
      <c r="AO23" s="281">
        <v>0</v>
      </c>
      <c r="AP23" s="281">
        <v>0</v>
      </c>
      <c r="AQ23" s="281">
        <v>0</v>
      </c>
      <c r="AR23" s="281">
        <v>0</v>
      </c>
      <c r="AS23" s="278">
        <v>0</v>
      </c>
      <c r="AT23" s="283">
        <v>0</v>
      </c>
      <c r="AU23" s="277">
        <v>0</v>
      </c>
      <c r="AV23" s="281">
        <v>0</v>
      </c>
      <c r="AW23" s="278">
        <v>0</v>
      </c>
      <c r="AX23" s="280">
        <v>0</v>
      </c>
      <c r="AY23" s="281">
        <v>0</v>
      </c>
      <c r="AZ23" s="281">
        <v>0</v>
      </c>
      <c r="BA23" s="281">
        <v>2</v>
      </c>
      <c r="BB23" s="281">
        <v>0</v>
      </c>
      <c r="BC23" s="281">
        <v>0</v>
      </c>
      <c r="BD23" s="278">
        <v>2</v>
      </c>
      <c r="BE23" s="283">
        <v>2</v>
      </c>
      <c r="BF23" s="277">
        <v>0</v>
      </c>
      <c r="BG23" s="281">
        <v>0</v>
      </c>
      <c r="BH23" s="278">
        <v>0</v>
      </c>
      <c r="BI23" s="280">
        <v>0</v>
      </c>
      <c r="BJ23" s="281">
        <v>1</v>
      </c>
      <c r="BK23" s="281">
        <v>3</v>
      </c>
      <c r="BL23" s="281">
        <v>0</v>
      </c>
      <c r="BM23" s="281">
        <v>1</v>
      </c>
      <c r="BN23" s="281">
        <v>0</v>
      </c>
      <c r="BO23" s="282">
        <v>5</v>
      </c>
      <c r="BP23" s="283">
        <v>5</v>
      </c>
      <c r="BQ23" s="277">
        <v>0</v>
      </c>
      <c r="BR23" s="281">
        <v>0</v>
      </c>
      <c r="BS23" s="278">
        <v>0</v>
      </c>
      <c r="BT23" s="280">
        <v>0</v>
      </c>
      <c r="BU23" s="281">
        <v>0</v>
      </c>
      <c r="BV23" s="281">
        <v>0</v>
      </c>
      <c r="BW23" s="281">
        <v>0</v>
      </c>
      <c r="BX23" s="281">
        <v>0</v>
      </c>
      <c r="BY23" s="281">
        <v>0</v>
      </c>
      <c r="BZ23" s="278">
        <v>0</v>
      </c>
      <c r="CA23" s="283">
        <v>0</v>
      </c>
      <c r="CB23" s="277">
        <v>0</v>
      </c>
      <c r="CC23" s="281">
        <v>0</v>
      </c>
      <c r="CD23" s="278">
        <v>0</v>
      </c>
      <c r="CE23" s="280">
        <v>0</v>
      </c>
      <c r="CF23" s="281">
        <v>0</v>
      </c>
      <c r="CG23" s="281">
        <v>0</v>
      </c>
      <c r="CH23" s="281">
        <v>0</v>
      </c>
      <c r="CI23" s="281">
        <v>0</v>
      </c>
      <c r="CJ23" s="281">
        <v>0</v>
      </c>
      <c r="CK23" s="278">
        <v>0</v>
      </c>
      <c r="CL23" s="283">
        <v>0</v>
      </c>
      <c r="CM23" s="277">
        <v>0</v>
      </c>
      <c r="CN23" s="281">
        <v>0</v>
      </c>
      <c r="CO23" s="278">
        <v>0</v>
      </c>
      <c r="CP23" s="280">
        <v>0</v>
      </c>
      <c r="CQ23" s="281">
        <v>0</v>
      </c>
      <c r="CR23" s="281">
        <v>0</v>
      </c>
      <c r="CS23" s="281">
        <v>0</v>
      </c>
      <c r="CT23" s="281">
        <v>0</v>
      </c>
      <c r="CU23" s="281">
        <v>0</v>
      </c>
      <c r="CV23" s="278">
        <v>0</v>
      </c>
      <c r="CW23" s="283">
        <v>0</v>
      </c>
    </row>
    <row r="24" spans="2:101" ht="21" customHeight="1" x14ac:dyDescent="0.2">
      <c r="B24" s="262" t="s">
        <v>22</v>
      </c>
      <c r="C24" s="277">
        <v>0</v>
      </c>
      <c r="D24" s="278">
        <v>0</v>
      </c>
      <c r="E24" s="279">
        <v>0</v>
      </c>
      <c r="F24" s="280">
        <v>0</v>
      </c>
      <c r="G24" s="281">
        <v>0</v>
      </c>
      <c r="H24" s="281">
        <v>1</v>
      </c>
      <c r="I24" s="281">
        <v>1</v>
      </c>
      <c r="J24" s="281">
        <v>0</v>
      </c>
      <c r="K24" s="281">
        <v>0</v>
      </c>
      <c r="L24" s="282">
        <v>2</v>
      </c>
      <c r="M24" s="283">
        <v>2</v>
      </c>
      <c r="N24" s="277">
        <v>0</v>
      </c>
      <c r="O24" s="281">
        <v>0</v>
      </c>
      <c r="P24" s="278">
        <v>0</v>
      </c>
      <c r="Q24" s="280">
        <v>0</v>
      </c>
      <c r="R24" s="281">
        <v>0</v>
      </c>
      <c r="S24" s="281">
        <v>0</v>
      </c>
      <c r="T24" s="281">
        <v>0</v>
      </c>
      <c r="U24" s="281">
        <v>0</v>
      </c>
      <c r="V24" s="281">
        <v>0</v>
      </c>
      <c r="W24" s="278">
        <v>0</v>
      </c>
      <c r="X24" s="283">
        <v>0</v>
      </c>
      <c r="Y24" s="277">
        <v>0</v>
      </c>
      <c r="Z24" s="281">
        <v>0</v>
      </c>
      <c r="AA24" s="278">
        <v>0</v>
      </c>
      <c r="AB24" s="280">
        <v>0</v>
      </c>
      <c r="AC24" s="281">
        <v>6</v>
      </c>
      <c r="AD24" s="281">
        <v>4</v>
      </c>
      <c r="AE24" s="281">
        <v>2</v>
      </c>
      <c r="AF24" s="281">
        <v>3</v>
      </c>
      <c r="AG24" s="281">
        <v>0</v>
      </c>
      <c r="AH24" s="278">
        <v>15</v>
      </c>
      <c r="AI24" s="283">
        <v>15</v>
      </c>
      <c r="AJ24" s="277">
        <v>0</v>
      </c>
      <c r="AK24" s="281">
        <v>0</v>
      </c>
      <c r="AL24" s="278">
        <v>0</v>
      </c>
      <c r="AM24" s="280">
        <v>0</v>
      </c>
      <c r="AN24" s="281">
        <v>1</v>
      </c>
      <c r="AO24" s="281">
        <v>0</v>
      </c>
      <c r="AP24" s="281">
        <v>1</v>
      </c>
      <c r="AQ24" s="281">
        <v>1</v>
      </c>
      <c r="AR24" s="281">
        <v>0</v>
      </c>
      <c r="AS24" s="278">
        <v>3</v>
      </c>
      <c r="AT24" s="283">
        <v>3</v>
      </c>
      <c r="AU24" s="277">
        <v>0</v>
      </c>
      <c r="AV24" s="281">
        <v>1</v>
      </c>
      <c r="AW24" s="278">
        <v>1</v>
      </c>
      <c r="AX24" s="280">
        <v>0</v>
      </c>
      <c r="AY24" s="281">
        <v>4</v>
      </c>
      <c r="AZ24" s="281">
        <v>3</v>
      </c>
      <c r="BA24" s="281">
        <v>0</v>
      </c>
      <c r="BB24" s="281">
        <v>0</v>
      </c>
      <c r="BC24" s="281">
        <v>0</v>
      </c>
      <c r="BD24" s="278">
        <v>7</v>
      </c>
      <c r="BE24" s="283">
        <v>8</v>
      </c>
      <c r="BF24" s="277">
        <v>0</v>
      </c>
      <c r="BG24" s="281">
        <v>0</v>
      </c>
      <c r="BH24" s="278">
        <v>0</v>
      </c>
      <c r="BI24" s="280">
        <v>0</v>
      </c>
      <c r="BJ24" s="281">
        <v>1</v>
      </c>
      <c r="BK24" s="281">
        <v>2</v>
      </c>
      <c r="BL24" s="281">
        <v>0</v>
      </c>
      <c r="BM24" s="281">
        <v>0</v>
      </c>
      <c r="BN24" s="281">
        <v>0</v>
      </c>
      <c r="BO24" s="282">
        <v>3</v>
      </c>
      <c r="BP24" s="283">
        <v>3</v>
      </c>
      <c r="BQ24" s="277">
        <v>0</v>
      </c>
      <c r="BR24" s="281">
        <v>0</v>
      </c>
      <c r="BS24" s="278">
        <v>0</v>
      </c>
      <c r="BT24" s="280">
        <v>0</v>
      </c>
      <c r="BU24" s="281">
        <v>0</v>
      </c>
      <c r="BV24" s="281">
        <v>0</v>
      </c>
      <c r="BW24" s="281">
        <v>0</v>
      </c>
      <c r="BX24" s="281">
        <v>0</v>
      </c>
      <c r="BY24" s="281">
        <v>0</v>
      </c>
      <c r="BZ24" s="278">
        <v>0</v>
      </c>
      <c r="CA24" s="283">
        <v>0</v>
      </c>
      <c r="CB24" s="277">
        <v>0</v>
      </c>
      <c r="CC24" s="281">
        <v>0</v>
      </c>
      <c r="CD24" s="278">
        <v>0</v>
      </c>
      <c r="CE24" s="280">
        <v>0</v>
      </c>
      <c r="CF24" s="281">
        <v>0</v>
      </c>
      <c r="CG24" s="281">
        <v>0</v>
      </c>
      <c r="CH24" s="281">
        <v>0</v>
      </c>
      <c r="CI24" s="281">
        <v>4</v>
      </c>
      <c r="CJ24" s="281">
        <v>0</v>
      </c>
      <c r="CK24" s="278">
        <v>4</v>
      </c>
      <c r="CL24" s="283">
        <v>4</v>
      </c>
      <c r="CM24" s="277">
        <v>0</v>
      </c>
      <c r="CN24" s="281">
        <v>0</v>
      </c>
      <c r="CO24" s="278">
        <v>0</v>
      </c>
      <c r="CP24" s="280">
        <v>0</v>
      </c>
      <c r="CQ24" s="281">
        <v>0</v>
      </c>
      <c r="CR24" s="281">
        <v>0</v>
      </c>
      <c r="CS24" s="281">
        <v>0</v>
      </c>
      <c r="CT24" s="281">
        <v>0</v>
      </c>
      <c r="CU24" s="281">
        <v>0</v>
      </c>
      <c r="CV24" s="278">
        <v>0</v>
      </c>
      <c r="CW24" s="283">
        <v>0</v>
      </c>
    </row>
    <row r="25" spans="2:101" ht="21" customHeight="1" x14ac:dyDescent="0.2">
      <c r="B25" s="262" t="s">
        <v>23</v>
      </c>
      <c r="C25" s="277">
        <v>0</v>
      </c>
      <c r="D25" s="278">
        <v>0</v>
      </c>
      <c r="E25" s="279">
        <v>0</v>
      </c>
      <c r="F25" s="280">
        <v>0</v>
      </c>
      <c r="G25" s="281">
        <v>0</v>
      </c>
      <c r="H25" s="281">
        <v>0</v>
      </c>
      <c r="I25" s="281">
        <v>0</v>
      </c>
      <c r="J25" s="281">
        <v>0</v>
      </c>
      <c r="K25" s="281">
        <v>0</v>
      </c>
      <c r="L25" s="282">
        <v>0</v>
      </c>
      <c r="M25" s="283">
        <v>0</v>
      </c>
      <c r="N25" s="277">
        <v>0</v>
      </c>
      <c r="O25" s="281">
        <v>0</v>
      </c>
      <c r="P25" s="278">
        <v>0</v>
      </c>
      <c r="Q25" s="280">
        <v>0</v>
      </c>
      <c r="R25" s="281">
        <v>0</v>
      </c>
      <c r="S25" s="281">
        <v>0</v>
      </c>
      <c r="T25" s="281">
        <v>0</v>
      </c>
      <c r="U25" s="281">
        <v>0</v>
      </c>
      <c r="V25" s="281">
        <v>0</v>
      </c>
      <c r="W25" s="278">
        <v>0</v>
      </c>
      <c r="X25" s="283">
        <v>0</v>
      </c>
      <c r="Y25" s="277">
        <v>0</v>
      </c>
      <c r="Z25" s="281">
        <v>0</v>
      </c>
      <c r="AA25" s="278">
        <v>0</v>
      </c>
      <c r="AB25" s="280">
        <v>0</v>
      </c>
      <c r="AC25" s="281">
        <v>1</v>
      </c>
      <c r="AD25" s="281">
        <v>2</v>
      </c>
      <c r="AE25" s="281">
        <v>1</v>
      </c>
      <c r="AF25" s="281">
        <v>2</v>
      </c>
      <c r="AG25" s="281">
        <v>0</v>
      </c>
      <c r="AH25" s="278">
        <v>6</v>
      </c>
      <c r="AI25" s="283">
        <v>6</v>
      </c>
      <c r="AJ25" s="277">
        <v>0</v>
      </c>
      <c r="AK25" s="281">
        <v>0</v>
      </c>
      <c r="AL25" s="278">
        <v>0</v>
      </c>
      <c r="AM25" s="280">
        <v>0</v>
      </c>
      <c r="AN25" s="281">
        <v>0</v>
      </c>
      <c r="AO25" s="281">
        <v>0</v>
      </c>
      <c r="AP25" s="281">
        <v>0</v>
      </c>
      <c r="AQ25" s="281">
        <v>0</v>
      </c>
      <c r="AR25" s="281">
        <v>0</v>
      </c>
      <c r="AS25" s="278">
        <v>0</v>
      </c>
      <c r="AT25" s="283">
        <v>0</v>
      </c>
      <c r="AU25" s="277">
        <v>0</v>
      </c>
      <c r="AV25" s="281">
        <v>0</v>
      </c>
      <c r="AW25" s="278">
        <v>0</v>
      </c>
      <c r="AX25" s="280">
        <v>0</v>
      </c>
      <c r="AY25" s="281">
        <v>0</v>
      </c>
      <c r="AZ25" s="281">
        <v>0</v>
      </c>
      <c r="BA25" s="281">
        <v>0</v>
      </c>
      <c r="BB25" s="281">
        <v>0</v>
      </c>
      <c r="BC25" s="281">
        <v>0</v>
      </c>
      <c r="BD25" s="278">
        <v>0</v>
      </c>
      <c r="BE25" s="283">
        <v>0</v>
      </c>
      <c r="BF25" s="277">
        <v>0</v>
      </c>
      <c r="BG25" s="281">
        <v>0</v>
      </c>
      <c r="BH25" s="278">
        <v>0</v>
      </c>
      <c r="BI25" s="280">
        <v>0</v>
      </c>
      <c r="BJ25" s="281">
        <v>3</v>
      </c>
      <c r="BK25" s="281">
        <v>1</v>
      </c>
      <c r="BL25" s="281">
        <v>3</v>
      </c>
      <c r="BM25" s="281">
        <v>3</v>
      </c>
      <c r="BN25" s="281">
        <v>0</v>
      </c>
      <c r="BO25" s="282">
        <v>10</v>
      </c>
      <c r="BP25" s="283">
        <v>10</v>
      </c>
      <c r="BQ25" s="277">
        <v>0</v>
      </c>
      <c r="BR25" s="281">
        <v>0</v>
      </c>
      <c r="BS25" s="278">
        <v>0</v>
      </c>
      <c r="BT25" s="280">
        <v>0</v>
      </c>
      <c r="BU25" s="281">
        <v>0</v>
      </c>
      <c r="BV25" s="281">
        <v>0</v>
      </c>
      <c r="BW25" s="281">
        <v>0</v>
      </c>
      <c r="BX25" s="281">
        <v>0</v>
      </c>
      <c r="BY25" s="281">
        <v>0</v>
      </c>
      <c r="BZ25" s="278">
        <v>0</v>
      </c>
      <c r="CA25" s="283">
        <v>0</v>
      </c>
      <c r="CB25" s="277">
        <v>0</v>
      </c>
      <c r="CC25" s="281">
        <v>0</v>
      </c>
      <c r="CD25" s="278">
        <v>0</v>
      </c>
      <c r="CE25" s="280">
        <v>0</v>
      </c>
      <c r="CF25" s="281">
        <v>0</v>
      </c>
      <c r="CG25" s="281">
        <v>0</v>
      </c>
      <c r="CH25" s="281">
        <v>0</v>
      </c>
      <c r="CI25" s="281">
        <v>0</v>
      </c>
      <c r="CJ25" s="281">
        <v>0</v>
      </c>
      <c r="CK25" s="278">
        <v>0</v>
      </c>
      <c r="CL25" s="283">
        <v>0</v>
      </c>
      <c r="CM25" s="277">
        <v>0</v>
      </c>
      <c r="CN25" s="281">
        <v>0</v>
      </c>
      <c r="CO25" s="278">
        <v>0</v>
      </c>
      <c r="CP25" s="280">
        <v>0</v>
      </c>
      <c r="CQ25" s="281">
        <v>0</v>
      </c>
      <c r="CR25" s="281">
        <v>0</v>
      </c>
      <c r="CS25" s="281">
        <v>0</v>
      </c>
      <c r="CT25" s="281">
        <v>0</v>
      </c>
      <c r="CU25" s="281">
        <v>0</v>
      </c>
      <c r="CV25" s="278">
        <v>0</v>
      </c>
      <c r="CW25" s="283">
        <v>0</v>
      </c>
    </row>
    <row r="26" spans="2:101" ht="21" customHeight="1" x14ac:dyDescent="0.2">
      <c r="B26" s="262" t="s">
        <v>24</v>
      </c>
      <c r="C26" s="277">
        <v>0</v>
      </c>
      <c r="D26" s="278">
        <v>0</v>
      </c>
      <c r="E26" s="279">
        <v>0</v>
      </c>
      <c r="F26" s="280">
        <v>0</v>
      </c>
      <c r="G26" s="281">
        <v>0</v>
      </c>
      <c r="H26" s="281">
        <v>0</v>
      </c>
      <c r="I26" s="281">
        <v>1</v>
      </c>
      <c r="J26" s="281">
        <v>0</v>
      </c>
      <c r="K26" s="281">
        <v>0</v>
      </c>
      <c r="L26" s="282">
        <v>1</v>
      </c>
      <c r="M26" s="283">
        <v>1</v>
      </c>
      <c r="N26" s="277">
        <v>0</v>
      </c>
      <c r="O26" s="281">
        <v>0</v>
      </c>
      <c r="P26" s="278">
        <v>0</v>
      </c>
      <c r="Q26" s="280">
        <v>0</v>
      </c>
      <c r="R26" s="281">
        <v>0</v>
      </c>
      <c r="S26" s="281">
        <v>0</v>
      </c>
      <c r="T26" s="281">
        <v>0</v>
      </c>
      <c r="U26" s="281">
        <v>0</v>
      </c>
      <c r="V26" s="281">
        <v>0</v>
      </c>
      <c r="W26" s="278">
        <v>0</v>
      </c>
      <c r="X26" s="283">
        <v>0</v>
      </c>
      <c r="Y26" s="277">
        <v>0</v>
      </c>
      <c r="Z26" s="281">
        <v>0</v>
      </c>
      <c r="AA26" s="278">
        <v>0</v>
      </c>
      <c r="AB26" s="280">
        <v>0</v>
      </c>
      <c r="AC26" s="281">
        <v>2</v>
      </c>
      <c r="AD26" s="281">
        <v>0</v>
      </c>
      <c r="AE26" s="281">
        <v>3</v>
      </c>
      <c r="AF26" s="281">
        <v>0</v>
      </c>
      <c r="AG26" s="281">
        <v>0</v>
      </c>
      <c r="AH26" s="278">
        <v>5</v>
      </c>
      <c r="AI26" s="283">
        <v>5</v>
      </c>
      <c r="AJ26" s="277">
        <v>0</v>
      </c>
      <c r="AK26" s="281">
        <v>0</v>
      </c>
      <c r="AL26" s="278">
        <v>0</v>
      </c>
      <c r="AM26" s="280">
        <v>0</v>
      </c>
      <c r="AN26" s="281">
        <v>0</v>
      </c>
      <c r="AO26" s="281">
        <v>0</v>
      </c>
      <c r="AP26" s="281">
        <v>1</v>
      </c>
      <c r="AQ26" s="281">
        <v>0</v>
      </c>
      <c r="AR26" s="281">
        <v>0</v>
      </c>
      <c r="AS26" s="278">
        <v>1</v>
      </c>
      <c r="AT26" s="283">
        <v>1</v>
      </c>
      <c r="AU26" s="277">
        <v>0</v>
      </c>
      <c r="AV26" s="281">
        <v>0</v>
      </c>
      <c r="AW26" s="278">
        <v>0</v>
      </c>
      <c r="AX26" s="280">
        <v>0</v>
      </c>
      <c r="AY26" s="281">
        <v>1</v>
      </c>
      <c r="AZ26" s="281">
        <v>1</v>
      </c>
      <c r="BA26" s="281">
        <v>0</v>
      </c>
      <c r="BB26" s="281">
        <v>0</v>
      </c>
      <c r="BC26" s="281">
        <v>0</v>
      </c>
      <c r="BD26" s="278">
        <v>2</v>
      </c>
      <c r="BE26" s="283">
        <v>2</v>
      </c>
      <c r="BF26" s="277">
        <v>0</v>
      </c>
      <c r="BG26" s="281">
        <v>0</v>
      </c>
      <c r="BH26" s="278">
        <v>0</v>
      </c>
      <c r="BI26" s="280">
        <v>0</v>
      </c>
      <c r="BJ26" s="281">
        <v>0</v>
      </c>
      <c r="BK26" s="281">
        <v>0</v>
      </c>
      <c r="BL26" s="281">
        <v>2</v>
      </c>
      <c r="BM26" s="281">
        <v>0</v>
      </c>
      <c r="BN26" s="281">
        <v>1</v>
      </c>
      <c r="BO26" s="282">
        <v>3</v>
      </c>
      <c r="BP26" s="283">
        <v>3</v>
      </c>
      <c r="BQ26" s="277">
        <v>0</v>
      </c>
      <c r="BR26" s="281">
        <v>0</v>
      </c>
      <c r="BS26" s="278">
        <v>0</v>
      </c>
      <c r="BT26" s="280">
        <v>0</v>
      </c>
      <c r="BU26" s="281">
        <v>0</v>
      </c>
      <c r="BV26" s="281">
        <v>0</v>
      </c>
      <c r="BW26" s="281">
        <v>0</v>
      </c>
      <c r="BX26" s="281">
        <v>0</v>
      </c>
      <c r="BY26" s="281">
        <v>0</v>
      </c>
      <c r="BZ26" s="278">
        <v>0</v>
      </c>
      <c r="CA26" s="283">
        <v>0</v>
      </c>
      <c r="CB26" s="277">
        <v>0</v>
      </c>
      <c r="CC26" s="281">
        <v>0</v>
      </c>
      <c r="CD26" s="278">
        <v>0</v>
      </c>
      <c r="CE26" s="280">
        <v>0</v>
      </c>
      <c r="CF26" s="281">
        <v>0</v>
      </c>
      <c r="CG26" s="281">
        <v>0</v>
      </c>
      <c r="CH26" s="281">
        <v>0</v>
      </c>
      <c r="CI26" s="281">
        <v>0</v>
      </c>
      <c r="CJ26" s="281">
        <v>0</v>
      </c>
      <c r="CK26" s="278">
        <v>0</v>
      </c>
      <c r="CL26" s="283">
        <v>0</v>
      </c>
      <c r="CM26" s="277">
        <v>0</v>
      </c>
      <c r="CN26" s="281">
        <v>0</v>
      </c>
      <c r="CO26" s="278">
        <v>0</v>
      </c>
      <c r="CP26" s="280">
        <v>0</v>
      </c>
      <c r="CQ26" s="281">
        <v>0</v>
      </c>
      <c r="CR26" s="281">
        <v>0</v>
      </c>
      <c r="CS26" s="281">
        <v>0</v>
      </c>
      <c r="CT26" s="281">
        <v>0</v>
      </c>
      <c r="CU26" s="281">
        <v>0</v>
      </c>
      <c r="CV26" s="278">
        <v>0</v>
      </c>
      <c r="CW26" s="283">
        <v>0</v>
      </c>
    </row>
    <row r="27" spans="2:101" ht="21" customHeight="1" x14ac:dyDescent="0.2">
      <c r="B27" s="262" t="s">
        <v>25</v>
      </c>
      <c r="C27" s="277">
        <v>0</v>
      </c>
      <c r="D27" s="278">
        <v>0</v>
      </c>
      <c r="E27" s="279">
        <v>0</v>
      </c>
      <c r="F27" s="280">
        <v>0</v>
      </c>
      <c r="G27" s="281">
        <v>0</v>
      </c>
      <c r="H27" s="281">
        <v>0</v>
      </c>
      <c r="I27" s="281">
        <v>0</v>
      </c>
      <c r="J27" s="281">
        <v>0</v>
      </c>
      <c r="K27" s="281">
        <v>0</v>
      </c>
      <c r="L27" s="282">
        <v>0</v>
      </c>
      <c r="M27" s="283">
        <v>0</v>
      </c>
      <c r="N27" s="277">
        <v>0</v>
      </c>
      <c r="O27" s="281">
        <v>0</v>
      </c>
      <c r="P27" s="278">
        <v>0</v>
      </c>
      <c r="Q27" s="280">
        <v>0</v>
      </c>
      <c r="R27" s="281">
        <v>0</v>
      </c>
      <c r="S27" s="281">
        <v>0</v>
      </c>
      <c r="T27" s="281">
        <v>0</v>
      </c>
      <c r="U27" s="281">
        <v>0</v>
      </c>
      <c r="V27" s="281">
        <v>0</v>
      </c>
      <c r="W27" s="278">
        <v>0</v>
      </c>
      <c r="X27" s="283">
        <v>0</v>
      </c>
      <c r="Y27" s="277">
        <v>0</v>
      </c>
      <c r="Z27" s="281">
        <v>0</v>
      </c>
      <c r="AA27" s="278">
        <v>0</v>
      </c>
      <c r="AB27" s="280">
        <v>0</v>
      </c>
      <c r="AC27" s="281">
        <v>6</v>
      </c>
      <c r="AD27" s="281">
        <v>0</v>
      </c>
      <c r="AE27" s="281">
        <v>0</v>
      </c>
      <c r="AF27" s="281">
        <v>0</v>
      </c>
      <c r="AG27" s="281">
        <v>0</v>
      </c>
      <c r="AH27" s="278">
        <v>6</v>
      </c>
      <c r="AI27" s="283">
        <v>6</v>
      </c>
      <c r="AJ27" s="277">
        <v>0</v>
      </c>
      <c r="AK27" s="281">
        <v>0</v>
      </c>
      <c r="AL27" s="278">
        <v>0</v>
      </c>
      <c r="AM27" s="280">
        <v>0</v>
      </c>
      <c r="AN27" s="281">
        <v>0</v>
      </c>
      <c r="AO27" s="281">
        <v>0</v>
      </c>
      <c r="AP27" s="281">
        <v>0</v>
      </c>
      <c r="AQ27" s="281">
        <v>0</v>
      </c>
      <c r="AR27" s="281">
        <v>0</v>
      </c>
      <c r="AS27" s="278">
        <v>0</v>
      </c>
      <c r="AT27" s="283">
        <v>0</v>
      </c>
      <c r="AU27" s="277">
        <v>0</v>
      </c>
      <c r="AV27" s="281">
        <v>0</v>
      </c>
      <c r="AW27" s="278">
        <v>0</v>
      </c>
      <c r="AX27" s="280">
        <v>0</v>
      </c>
      <c r="AY27" s="281">
        <v>0</v>
      </c>
      <c r="AZ27" s="281">
        <v>0</v>
      </c>
      <c r="BA27" s="281">
        <v>0</v>
      </c>
      <c r="BB27" s="281">
        <v>0</v>
      </c>
      <c r="BC27" s="281">
        <v>0</v>
      </c>
      <c r="BD27" s="278">
        <v>0</v>
      </c>
      <c r="BE27" s="283">
        <v>0</v>
      </c>
      <c r="BF27" s="277">
        <v>0</v>
      </c>
      <c r="BG27" s="281">
        <v>0</v>
      </c>
      <c r="BH27" s="278">
        <v>0</v>
      </c>
      <c r="BI27" s="280">
        <v>0</v>
      </c>
      <c r="BJ27" s="281">
        <v>0</v>
      </c>
      <c r="BK27" s="281">
        <v>0</v>
      </c>
      <c r="BL27" s="281">
        <v>0</v>
      </c>
      <c r="BM27" s="281">
        <v>0</v>
      </c>
      <c r="BN27" s="281">
        <v>0</v>
      </c>
      <c r="BO27" s="282">
        <v>0</v>
      </c>
      <c r="BP27" s="283">
        <v>0</v>
      </c>
      <c r="BQ27" s="277">
        <v>0</v>
      </c>
      <c r="BR27" s="281">
        <v>0</v>
      </c>
      <c r="BS27" s="278">
        <v>0</v>
      </c>
      <c r="BT27" s="280">
        <v>0</v>
      </c>
      <c r="BU27" s="281">
        <v>0</v>
      </c>
      <c r="BV27" s="281">
        <v>0</v>
      </c>
      <c r="BW27" s="281">
        <v>0</v>
      </c>
      <c r="BX27" s="281">
        <v>0</v>
      </c>
      <c r="BY27" s="281">
        <v>0</v>
      </c>
      <c r="BZ27" s="278">
        <v>0</v>
      </c>
      <c r="CA27" s="283">
        <v>0</v>
      </c>
      <c r="CB27" s="277">
        <v>0</v>
      </c>
      <c r="CC27" s="281">
        <v>0</v>
      </c>
      <c r="CD27" s="278">
        <v>0</v>
      </c>
      <c r="CE27" s="280">
        <v>0</v>
      </c>
      <c r="CF27" s="281">
        <v>0</v>
      </c>
      <c r="CG27" s="281">
        <v>0</v>
      </c>
      <c r="CH27" s="281">
        <v>0</v>
      </c>
      <c r="CI27" s="281">
        <v>0</v>
      </c>
      <c r="CJ27" s="281">
        <v>0</v>
      </c>
      <c r="CK27" s="278">
        <v>0</v>
      </c>
      <c r="CL27" s="283">
        <v>0</v>
      </c>
      <c r="CM27" s="277">
        <v>0</v>
      </c>
      <c r="CN27" s="281">
        <v>0</v>
      </c>
      <c r="CO27" s="278">
        <v>0</v>
      </c>
      <c r="CP27" s="280">
        <v>0</v>
      </c>
      <c r="CQ27" s="281">
        <v>0</v>
      </c>
      <c r="CR27" s="281">
        <v>0</v>
      </c>
      <c r="CS27" s="281">
        <v>0</v>
      </c>
      <c r="CT27" s="281">
        <v>0</v>
      </c>
      <c r="CU27" s="281">
        <v>0</v>
      </c>
      <c r="CV27" s="278">
        <v>0</v>
      </c>
      <c r="CW27" s="283">
        <v>0</v>
      </c>
    </row>
    <row r="28" spans="2:101" ht="21" customHeight="1" x14ac:dyDescent="0.2">
      <c r="B28" s="262" t="s">
        <v>26</v>
      </c>
      <c r="C28" s="277">
        <v>0</v>
      </c>
      <c r="D28" s="278">
        <v>0</v>
      </c>
      <c r="E28" s="279">
        <v>0</v>
      </c>
      <c r="F28" s="280">
        <v>0</v>
      </c>
      <c r="G28" s="281">
        <v>0</v>
      </c>
      <c r="H28" s="281">
        <v>0</v>
      </c>
      <c r="I28" s="281">
        <v>0</v>
      </c>
      <c r="J28" s="281">
        <v>0</v>
      </c>
      <c r="K28" s="281">
        <v>0</v>
      </c>
      <c r="L28" s="282">
        <v>0</v>
      </c>
      <c r="M28" s="283">
        <v>0</v>
      </c>
      <c r="N28" s="277">
        <v>0</v>
      </c>
      <c r="O28" s="281">
        <v>0</v>
      </c>
      <c r="P28" s="278">
        <v>0</v>
      </c>
      <c r="Q28" s="280">
        <v>0</v>
      </c>
      <c r="R28" s="281">
        <v>0</v>
      </c>
      <c r="S28" s="281">
        <v>0</v>
      </c>
      <c r="T28" s="281">
        <v>0</v>
      </c>
      <c r="U28" s="281">
        <v>0</v>
      </c>
      <c r="V28" s="281">
        <v>0</v>
      </c>
      <c r="W28" s="278">
        <v>0</v>
      </c>
      <c r="X28" s="283">
        <v>0</v>
      </c>
      <c r="Y28" s="277">
        <v>0</v>
      </c>
      <c r="Z28" s="281">
        <v>0</v>
      </c>
      <c r="AA28" s="278">
        <v>0</v>
      </c>
      <c r="AB28" s="280">
        <v>0</v>
      </c>
      <c r="AC28" s="281">
        <v>2</v>
      </c>
      <c r="AD28" s="281">
        <v>6</v>
      </c>
      <c r="AE28" s="281">
        <v>2</v>
      </c>
      <c r="AF28" s="281">
        <v>0</v>
      </c>
      <c r="AG28" s="281">
        <v>1</v>
      </c>
      <c r="AH28" s="278">
        <v>11</v>
      </c>
      <c r="AI28" s="283">
        <v>11</v>
      </c>
      <c r="AJ28" s="277">
        <v>0</v>
      </c>
      <c r="AK28" s="281">
        <v>0</v>
      </c>
      <c r="AL28" s="278">
        <v>0</v>
      </c>
      <c r="AM28" s="280">
        <v>0</v>
      </c>
      <c r="AN28" s="281">
        <v>0</v>
      </c>
      <c r="AO28" s="281">
        <v>0</v>
      </c>
      <c r="AP28" s="281">
        <v>0</v>
      </c>
      <c r="AQ28" s="281">
        <v>0</v>
      </c>
      <c r="AR28" s="281">
        <v>0</v>
      </c>
      <c r="AS28" s="278">
        <v>0</v>
      </c>
      <c r="AT28" s="283">
        <v>0</v>
      </c>
      <c r="AU28" s="277">
        <v>0</v>
      </c>
      <c r="AV28" s="281">
        <v>0</v>
      </c>
      <c r="AW28" s="278">
        <v>0</v>
      </c>
      <c r="AX28" s="280">
        <v>0</v>
      </c>
      <c r="AY28" s="281">
        <v>0</v>
      </c>
      <c r="AZ28" s="281">
        <v>0</v>
      </c>
      <c r="BA28" s="281">
        <v>0</v>
      </c>
      <c r="BB28" s="281">
        <v>0</v>
      </c>
      <c r="BC28" s="281">
        <v>0</v>
      </c>
      <c r="BD28" s="278">
        <v>0</v>
      </c>
      <c r="BE28" s="283">
        <v>0</v>
      </c>
      <c r="BF28" s="277">
        <v>0</v>
      </c>
      <c r="BG28" s="281">
        <v>0</v>
      </c>
      <c r="BH28" s="278">
        <v>0</v>
      </c>
      <c r="BI28" s="280">
        <v>0</v>
      </c>
      <c r="BJ28" s="281">
        <v>0</v>
      </c>
      <c r="BK28" s="281">
        <v>0</v>
      </c>
      <c r="BL28" s="281">
        <v>1</v>
      </c>
      <c r="BM28" s="281">
        <v>1</v>
      </c>
      <c r="BN28" s="281">
        <v>0</v>
      </c>
      <c r="BO28" s="282">
        <v>2</v>
      </c>
      <c r="BP28" s="283">
        <v>2</v>
      </c>
      <c r="BQ28" s="277">
        <v>0</v>
      </c>
      <c r="BR28" s="281">
        <v>0</v>
      </c>
      <c r="BS28" s="278">
        <v>0</v>
      </c>
      <c r="BT28" s="280">
        <v>0</v>
      </c>
      <c r="BU28" s="281">
        <v>0</v>
      </c>
      <c r="BV28" s="281">
        <v>0</v>
      </c>
      <c r="BW28" s="281">
        <v>0</v>
      </c>
      <c r="BX28" s="281">
        <v>0</v>
      </c>
      <c r="BY28" s="281">
        <v>0</v>
      </c>
      <c r="BZ28" s="278">
        <v>0</v>
      </c>
      <c r="CA28" s="283">
        <v>0</v>
      </c>
      <c r="CB28" s="277">
        <v>0</v>
      </c>
      <c r="CC28" s="281">
        <v>0</v>
      </c>
      <c r="CD28" s="278">
        <v>0</v>
      </c>
      <c r="CE28" s="280">
        <v>0</v>
      </c>
      <c r="CF28" s="281">
        <v>0</v>
      </c>
      <c r="CG28" s="281">
        <v>0</v>
      </c>
      <c r="CH28" s="281">
        <v>0</v>
      </c>
      <c r="CI28" s="281">
        <v>0</v>
      </c>
      <c r="CJ28" s="281">
        <v>0</v>
      </c>
      <c r="CK28" s="278">
        <v>0</v>
      </c>
      <c r="CL28" s="283">
        <v>0</v>
      </c>
      <c r="CM28" s="277">
        <v>0</v>
      </c>
      <c r="CN28" s="281">
        <v>0</v>
      </c>
      <c r="CO28" s="278">
        <v>0</v>
      </c>
      <c r="CP28" s="280">
        <v>0</v>
      </c>
      <c r="CQ28" s="281">
        <v>0</v>
      </c>
      <c r="CR28" s="281">
        <v>0</v>
      </c>
      <c r="CS28" s="281">
        <v>0</v>
      </c>
      <c r="CT28" s="281">
        <v>0</v>
      </c>
      <c r="CU28" s="281">
        <v>0</v>
      </c>
      <c r="CV28" s="278">
        <v>0</v>
      </c>
      <c r="CW28" s="283">
        <v>0</v>
      </c>
    </row>
    <row r="29" spans="2:101" ht="21" customHeight="1" x14ac:dyDescent="0.2">
      <c r="B29" s="262" t="s">
        <v>27</v>
      </c>
      <c r="C29" s="277">
        <v>0</v>
      </c>
      <c r="D29" s="278">
        <v>0</v>
      </c>
      <c r="E29" s="279">
        <v>0</v>
      </c>
      <c r="F29" s="280">
        <v>0</v>
      </c>
      <c r="G29" s="281">
        <v>0</v>
      </c>
      <c r="H29" s="281">
        <v>0</v>
      </c>
      <c r="I29" s="281">
        <v>1</v>
      </c>
      <c r="J29" s="281">
        <v>0</v>
      </c>
      <c r="K29" s="281">
        <v>0</v>
      </c>
      <c r="L29" s="282">
        <v>1</v>
      </c>
      <c r="M29" s="283">
        <v>1</v>
      </c>
      <c r="N29" s="277">
        <v>0</v>
      </c>
      <c r="O29" s="281">
        <v>0</v>
      </c>
      <c r="P29" s="278">
        <v>0</v>
      </c>
      <c r="Q29" s="280">
        <v>0</v>
      </c>
      <c r="R29" s="281">
        <v>0</v>
      </c>
      <c r="S29" s="281">
        <v>0</v>
      </c>
      <c r="T29" s="281">
        <v>0</v>
      </c>
      <c r="U29" s="281">
        <v>0</v>
      </c>
      <c r="V29" s="281">
        <v>0</v>
      </c>
      <c r="W29" s="278">
        <v>0</v>
      </c>
      <c r="X29" s="283">
        <v>0</v>
      </c>
      <c r="Y29" s="277">
        <v>0</v>
      </c>
      <c r="Z29" s="281">
        <v>0</v>
      </c>
      <c r="AA29" s="278">
        <v>0</v>
      </c>
      <c r="AB29" s="280">
        <v>0</v>
      </c>
      <c r="AC29" s="281">
        <v>2</v>
      </c>
      <c r="AD29" s="281">
        <v>0</v>
      </c>
      <c r="AE29" s="281">
        <v>0</v>
      </c>
      <c r="AF29" s="281">
        <v>0</v>
      </c>
      <c r="AG29" s="281">
        <v>0</v>
      </c>
      <c r="AH29" s="278">
        <v>2</v>
      </c>
      <c r="AI29" s="283">
        <v>2</v>
      </c>
      <c r="AJ29" s="277">
        <v>0</v>
      </c>
      <c r="AK29" s="281">
        <v>0</v>
      </c>
      <c r="AL29" s="278">
        <v>0</v>
      </c>
      <c r="AM29" s="280">
        <v>0</v>
      </c>
      <c r="AN29" s="281">
        <v>2</v>
      </c>
      <c r="AO29" s="281">
        <v>1</v>
      </c>
      <c r="AP29" s="281">
        <v>0</v>
      </c>
      <c r="AQ29" s="281">
        <v>0</v>
      </c>
      <c r="AR29" s="281">
        <v>0</v>
      </c>
      <c r="AS29" s="278">
        <v>3</v>
      </c>
      <c r="AT29" s="283">
        <v>3</v>
      </c>
      <c r="AU29" s="277">
        <v>0</v>
      </c>
      <c r="AV29" s="281">
        <v>0</v>
      </c>
      <c r="AW29" s="278">
        <v>0</v>
      </c>
      <c r="AX29" s="280">
        <v>0</v>
      </c>
      <c r="AY29" s="281">
        <v>0</v>
      </c>
      <c r="AZ29" s="281">
        <v>0</v>
      </c>
      <c r="BA29" s="281">
        <v>0</v>
      </c>
      <c r="BB29" s="281">
        <v>0</v>
      </c>
      <c r="BC29" s="281">
        <v>0</v>
      </c>
      <c r="BD29" s="278">
        <v>0</v>
      </c>
      <c r="BE29" s="283">
        <v>0</v>
      </c>
      <c r="BF29" s="277">
        <v>0</v>
      </c>
      <c r="BG29" s="281">
        <v>0</v>
      </c>
      <c r="BH29" s="278">
        <v>0</v>
      </c>
      <c r="BI29" s="280">
        <v>0</v>
      </c>
      <c r="BJ29" s="281">
        <v>0</v>
      </c>
      <c r="BK29" s="281">
        <v>2</v>
      </c>
      <c r="BL29" s="281">
        <v>1</v>
      </c>
      <c r="BM29" s="281">
        <v>0</v>
      </c>
      <c r="BN29" s="281">
        <v>0</v>
      </c>
      <c r="BO29" s="282">
        <v>3</v>
      </c>
      <c r="BP29" s="283">
        <v>3</v>
      </c>
      <c r="BQ29" s="277">
        <v>0</v>
      </c>
      <c r="BR29" s="281">
        <v>0</v>
      </c>
      <c r="BS29" s="278">
        <v>0</v>
      </c>
      <c r="BT29" s="280">
        <v>0</v>
      </c>
      <c r="BU29" s="281">
        <v>0</v>
      </c>
      <c r="BV29" s="281">
        <v>0</v>
      </c>
      <c r="BW29" s="281">
        <v>0</v>
      </c>
      <c r="BX29" s="281">
        <v>0</v>
      </c>
      <c r="BY29" s="281">
        <v>0</v>
      </c>
      <c r="BZ29" s="278">
        <v>0</v>
      </c>
      <c r="CA29" s="283">
        <v>0</v>
      </c>
      <c r="CB29" s="277">
        <v>0</v>
      </c>
      <c r="CC29" s="281">
        <v>0</v>
      </c>
      <c r="CD29" s="278">
        <v>0</v>
      </c>
      <c r="CE29" s="280">
        <v>0</v>
      </c>
      <c r="CF29" s="281">
        <v>0</v>
      </c>
      <c r="CG29" s="281">
        <v>0</v>
      </c>
      <c r="CH29" s="281">
        <v>2</v>
      </c>
      <c r="CI29" s="281">
        <v>1</v>
      </c>
      <c r="CJ29" s="281">
        <v>1</v>
      </c>
      <c r="CK29" s="278">
        <v>4</v>
      </c>
      <c r="CL29" s="283">
        <v>4</v>
      </c>
      <c r="CM29" s="277">
        <v>0</v>
      </c>
      <c r="CN29" s="281">
        <v>0</v>
      </c>
      <c r="CO29" s="278">
        <v>0</v>
      </c>
      <c r="CP29" s="280">
        <v>0</v>
      </c>
      <c r="CQ29" s="281">
        <v>0</v>
      </c>
      <c r="CR29" s="281">
        <v>0</v>
      </c>
      <c r="CS29" s="281">
        <v>0</v>
      </c>
      <c r="CT29" s="281">
        <v>0</v>
      </c>
      <c r="CU29" s="281">
        <v>0</v>
      </c>
      <c r="CV29" s="278">
        <v>0</v>
      </c>
      <c r="CW29" s="283">
        <v>0</v>
      </c>
    </row>
    <row r="30" spans="2:101" ht="21" customHeight="1" x14ac:dyDescent="0.2">
      <c r="B30" s="262" t="s">
        <v>28</v>
      </c>
      <c r="C30" s="277">
        <v>0</v>
      </c>
      <c r="D30" s="278">
        <v>0</v>
      </c>
      <c r="E30" s="279">
        <v>0</v>
      </c>
      <c r="F30" s="280">
        <v>0</v>
      </c>
      <c r="G30" s="281">
        <v>0</v>
      </c>
      <c r="H30" s="281">
        <v>0</v>
      </c>
      <c r="I30" s="281">
        <v>0</v>
      </c>
      <c r="J30" s="281">
        <v>0</v>
      </c>
      <c r="K30" s="281">
        <v>0</v>
      </c>
      <c r="L30" s="282">
        <v>0</v>
      </c>
      <c r="M30" s="283">
        <v>0</v>
      </c>
      <c r="N30" s="277">
        <v>0</v>
      </c>
      <c r="O30" s="281">
        <v>0</v>
      </c>
      <c r="P30" s="278">
        <v>0</v>
      </c>
      <c r="Q30" s="280">
        <v>0</v>
      </c>
      <c r="R30" s="281">
        <v>0</v>
      </c>
      <c r="S30" s="281">
        <v>0</v>
      </c>
      <c r="T30" s="281">
        <v>0</v>
      </c>
      <c r="U30" s="281">
        <v>0</v>
      </c>
      <c r="V30" s="281">
        <v>0</v>
      </c>
      <c r="W30" s="278">
        <v>0</v>
      </c>
      <c r="X30" s="283">
        <v>0</v>
      </c>
      <c r="Y30" s="277">
        <v>0</v>
      </c>
      <c r="Z30" s="281">
        <v>0</v>
      </c>
      <c r="AA30" s="278">
        <v>0</v>
      </c>
      <c r="AB30" s="280">
        <v>0</v>
      </c>
      <c r="AC30" s="281">
        <v>4</v>
      </c>
      <c r="AD30" s="281">
        <v>1</v>
      </c>
      <c r="AE30" s="281">
        <v>0</v>
      </c>
      <c r="AF30" s="281">
        <v>0</v>
      </c>
      <c r="AG30" s="281">
        <v>0</v>
      </c>
      <c r="AH30" s="278">
        <v>5</v>
      </c>
      <c r="AI30" s="283">
        <v>5</v>
      </c>
      <c r="AJ30" s="277">
        <v>0</v>
      </c>
      <c r="AK30" s="281">
        <v>0</v>
      </c>
      <c r="AL30" s="278">
        <v>0</v>
      </c>
      <c r="AM30" s="280">
        <v>0</v>
      </c>
      <c r="AN30" s="281">
        <v>0</v>
      </c>
      <c r="AO30" s="281">
        <v>0</v>
      </c>
      <c r="AP30" s="281">
        <v>0</v>
      </c>
      <c r="AQ30" s="281">
        <v>0</v>
      </c>
      <c r="AR30" s="281">
        <v>1</v>
      </c>
      <c r="AS30" s="278">
        <v>1</v>
      </c>
      <c r="AT30" s="283">
        <v>1</v>
      </c>
      <c r="AU30" s="277">
        <v>0</v>
      </c>
      <c r="AV30" s="281">
        <v>0</v>
      </c>
      <c r="AW30" s="278">
        <v>0</v>
      </c>
      <c r="AX30" s="280">
        <v>0</v>
      </c>
      <c r="AY30" s="281">
        <v>0</v>
      </c>
      <c r="AZ30" s="281">
        <v>0</v>
      </c>
      <c r="BA30" s="281">
        <v>0</v>
      </c>
      <c r="BB30" s="281">
        <v>0</v>
      </c>
      <c r="BC30" s="281">
        <v>0</v>
      </c>
      <c r="BD30" s="278">
        <v>0</v>
      </c>
      <c r="BE30" s="283">
        <v>0</v>
      </c>
      <c r="BF30" s="277">
        <v>0</v>
      </c>
      <c r="BG30" s="281">
        <v>0</v>
      </c>
      <c r="BH30" s="278">
        <v>0</v>
      </c>
      <c r="BI30" s="280">
        <v>0</v>
      </c>
      <c r="BJ30" s="281">
        <v>0</v>
      </c>
      <c r="BK30" s="281">
        <v>0</v>
      </c>
      <c r="BL30" s="281">
        <v>0</v>
      </c>
      <c r="BM30" s="281">
        <v>0</v>
      </c>
      <c r="BN30" s="281">
        <v>1</v>
      </c>
      <c r="BO30" s="282">
        <v>1</v>
      </c>
      <c r="BP30" s="283">
        <v>1</v>
      </c>
      <c r="BQ30" s="277">
        <v>0</v>
      </c>
      <c r="BR30" s="281">
        <v>0</v>
      </c>
      <c r="BS30" s="278">
        <v>0</v>
      </c>
      <c r="BT30" s="280">
        <v>0</v>
      </c>
      <c r="BU30" s="281">
        <v>0</v>
      </c>
      <c r="BV30" s="281">
        <v>0</v>
      </c>
      <c r="BW30" s="281">
        <v>0</v>
      </c>
      <c r="BX30" s="281">
        <v>0</v>
      </c>
      <c r="BY30" s="281">
        <v>0</v>
      </c>
      <c r="BZ30" s="278">
        <v>0</v>
      </c>
      <c r="CA30" s="283">
        <v>0</v>
      </c>
      <c r="CB30" s="277">
        <v>0</v>
      </c>
      <c r="CC30" s="281">
        <v>0</v>
      </c>
      <c r="CD30" s="278">
        <v>0</v>
      </c>
      <c r="CE30" s="280">
        <v>0</v>
      </c>
      <c r="CF30" s="281">
        <v>0</v>
      </c>
      <c r="CG30" s="281">
        <v>0</v>
      </c>
      <c r="CH30" s="281">
        <v>0</v>
      </c>
      <c r="CI30" s="281">
        <v>0</v>
      </c>
      <c r="CJ30" s="281">
        <v>0</v>
      </c>
      <c r="CK30" s="278">
        <v>0</v>
      </c>
      <c r="CL30" s="283">
        <v>0</v>
      </c>
      <c r="CM30" s="277">
        <v>0</v>
      </c>
      <c r="CN30" s="281">
        <v>0</v>
      </c>
      <c r="CO30" s="278">
        <v>0</v>
      </c>
      <c r="CP30" s="280">
        <v>0</v>
      </c>
      <c r="CQ30" s="281">
        <v>0</v>
      </c>
      <c r="CR30" s="281">
        <v>0</v>
      </c>
      <c r="CS30" s="281">
        <v>0</v>
      </c>
      <c r="CT30" s="281">
        <v>0</v>
      </c>
      <c r="CU30" s="281">
        <v>0</v>
      </c>
      <c r="CV30" s="278">
        <v>0</v>
      </c>
      <c r="CW30" s="283">
        <v>0</v>
      </c>
    </row>
    <row r="31" spans="2:101" ht="21" customHeight="1" x14ac:dyDescent="0.2">
      <c r="B31" s="262" t="s">
        <v>29</v>
      </c>
      <c r="C31" s="277">
        <v>0</v>
      </c>
      <c r="D31" s="278">
        <v>0</v>
      </c>
      <c r="E31" s="279">
        <v>0</v>
      </c>
      <c r="F31" s="280">
        <v>0</v>
      </c>
      <c r="G31" s="281">
        <v>0</v>
      </c>
      <c r="H31" s="281">
        <v>0</v>
      </c>
      <c r="I31" s="281">
        <v>0</v>
      </c>
      <c r="J31" s="281">
        <v>0</v>
      </c>
      <c r="K31" s="281">
        <v>0</v>
      </c>
      <c r="L31" s="282">
        <v>0</v>
      </c>
      <c r="M31" s="283">
        <v>0</v>
      </c>
      <c r="N31" s="277">
        <v>0</v>
      </c>
      <c r="O31" s="281">
        <v>0</v>
      </c>
      <c r="P31" s="278">
        <v>0</v>
      </c>
      <c r="Q31" s="280">
        <v>0</v>
      </c>
      <c r="R31" s="281">
        <v>0</v>
      </c>
      <c r="S31" s="281">
        <v>0</v>
      </c>
      <c r="T31" s="281">
        <v>0</v>
      </c>
      <c r="U31" s="281">
        <v>0</v>
      </c>
      <c r="V31" s="281">
        <v>0</v>
      </c>
      <c r="W31" s="278">
        <v>0</v>
      </c>
      <c r="X31" s="283">
        <v>0</v>
      </c>
      <c r="Y31" s="277">
        <v>0</v>
      </c>
      <c r="Z31" s="281">
        <v>0</v>
      </c>
      <c r="AA31" s="278">
        <v>0</v>
      </c>
      <c r="AB31" s="280">
        <v>0</v>
      </c>
      <c r="AC31" s="281">
        <v>3</v>
      </c>
      <c r="AD31" s="281">
        <v>1</v>
      </c>
      <c r="AE31" s="281">
        <v>0</v>
      </c>
      <c r="AF31" s="281">
        <v>0</v>
      </c>
      <c r="AG31" s="281">
        <v>0</v>
      </c>
      <c r="AH31" s="278">
        <v>4</v>
      </c>
      <c r="AI31" s="283">
        <v>4</v>
      </c>
      <c r="AJ31" s="277">
        <v>0</v>
      </c>
      <c r="AK31" s="281">
        <v>0</v>
      </c>
      <c r="AL31" s="278">
        <v>0</v>
      </c>
      <c r="AM31" s="280">
        <v>0</v>
      </c>
      <c r="AN31" s="281">
        <v>0</v>
      </c>
      <c r="AO31" s="281">
        <v>0</v>
      </c>
      <c r="AP31" s="281">
        <v>0</v>
      </c>
      <c r="AQ31" s="281">
        <v>0</v>
      </c>
      <c r="AR31" s="281">
        <v>0</v>
      </c>
      <c r="AS31" s="278">
        <v>0</v>
      </c>
      <c r="AT31" s="283">
        <v>0</v>
      </c>
      <c r="AU31" s="277">
        <v>0</v>
      </c>
      <c r="AV31" s="281">
        <v>0</v>
      </c>
      <c r="AW31" s="278">
        <v>0</v>
      </c>
      <c r="AX31" s="280">
        <v>0</v>
      </c>
      <c r="AY31" s="281">
        <v>0</v>
      </c>
      <c r="AZ31" s="281">
        <v>0</v>
      </c>
      <c r="BA31" s="281">
        <v>0</v>
      </c>
      <c r="BB31" s="281">
        <v>0</v>
      </c>
      <c r="BC31" s="281">
        <v>0</v>
      </c>
      <c r="BD31" s="278">
        <v>0</v>
      </c>
      <c r="BE31" s="283">
        <v>0</v>
      </c>
      <c r="BF31" s="277">
        <v>0</v>
      </c>
      <c r="BG31" s="281">
        <v>0</v>
      </c>
      <c r="BH31" s="278">
        <v>0</v>
      </c>
      <c r="BI31" s="280">
        <v>0</v>
      </c>
      <c r="BJ31" s="281">
        <v>0</v>
      </c>
      <c r="BK31" s="281">
        <v>0</v>
      </c>
      <c r="BL31" s="281">
        <v>0</v>
      </c>
      <c r="BM31" s="281">
        <v>0</v>
      </c>
      <c r="BN31" s="281">
        <v>0</v>
      </c>
      <c r="BO31" s="282">
        <v>0</v>
      </c>
      <c r="BP31" s="283">
        <v>0</v>
      </c>
      <c r="BQ31" s="277">
        <v>0</v>
      </c>
      <c r="BR31" s="281">
        <v>0</v>
      </c>
      <c r="BS31" s="278">
        <v>0</v>
      </c>
      <c r="BT31" s="280">
        <v>0</v>
      </c>
      <c r="BU31" s="281">
        <v>0</v>
      </c>
      <c r="BV31" s="281">
        <v>0</v>
      </c>
      <c r="BW31" s="281">
        <v>0</v>
      </c>
      <c r="BX31" s="281">
        <v>0</v>
      </c>
      <c r="BY31" s="281">
        <v>0</v>
      </c>
      <c r="BZ31" s="278">
        <v>0</v>
      </c>
      <c r="CA31" s="283">
        <v>0</v>
      </c>
      <c r="CB31" s="277">
        <v>0</v>
      </c>
      <c r="CC31" s="281">
        <v>0</v>
      </c>
      <c r="CD31" s="278">
        <v>0</v>
      </c>
      <c r="CE31" s="280">
        <v>0</v>
      </c>
      <c r="CF31" s="281">
        <v>0</v>
      </c>
      <c r="CG31" s="281">
        <v>0</v>
      </c>
      <c r="CH31" s="281">
        <v>0</v>
      </c>
      <c r="CI31" s="281">
        <v>1</v>
      </c>
      <c r="CJ31" s="281">
        <v>0</v>
      </c>
      <c r="CK31" s="278">
        <v>1</v>
      </c>
      <c r="CL31" s="283">
        <v>1</v>
      </c>
      <c r="CM31" s="277">
        <v>0</v>
      </c>
      <c r="CN31" s="281">
        <v>0</v>
      </c>
      <c r="CO31" s="278">
        <v>0</v>
      </c>
      <c r="CP31" s="280">
        <v>0</v>
      </c>
      <c r="CQ31" s="281">
        <v>0</v>
      </c>
      <c r="CR31" s="281">
        <v>0</v>
      </c>
      <c r="CS31" s="281">
        <v>0</v>
      </c>
      <c r="CT31" s="281">
        <v>0</v>
      </c>
      <c r="CU31" s="281">
        <v>0</v>
      </c>
      <c r="CV31" s="278">
        <v>0</v>
      </c>
      <c r="CW31" s="283">
        <v>0</v>
      </c>
    </row>
    <row r="32" spans="2:101" ht="21" customHeight="1" x14ac:dyDescent="0.2">
      <c r="B32" s="262" t="s">
        <v>30</v>
      </c>
      <c r="C32" s="277">
        <v>0</v>
      </c>
      <c r="D32" s="278">
        <v>0</v>
      </c>
      <c r="E32" s="279">
        <v>0</v>
      </c>
      <c r="F32" s="280">
        <v>0</v>
      </c>
      <c r="G32" s="281">
        <v>0</v>
      </c>
      <c r="H32" s="281">
        <v>0</v>
      </c>
      <c r="I32" s="281">
        <v>0</v>
      </c>
      <c r="J32" s="281">
        <v>0</v>
      </c>
      <c r="K32" s="281">
        <v>0</v>
      </c>
      <c r="L32" s="282">
        <v>0</v>
      </c>
      <c r="M32" s="283">
        <v>0</v>
      </c>
      <c r="N32" s="277">
        <v>0</v>
      </c>
      <c r="O32" s="281">
        <v>0</v>
      </c>
      <c r="P32" s="278">
        <v>0</v>
      </c>
      <c r="Q32" s="280">
        <v>0</v>
      </c>
      <c r="R32" s="281">
        <v>0</v>
      </c>
      <c r="S32" s="281">
        <v>0</v>
      </c>
      <c r="T32" s="281">
        <v>0</v>
      </c>
      <c r="U32" s="281">
        <v>0</v>
      </c>
      <c r="V32" s="281">
        <v>0</v>
      </c>
      <c r="W32" s="278">
        <v>0</v>
      </c>
      <c r="X32" s="283">
        <v>0</v>
      </c>
      <c r="Y32" s="277">
        <v>0</v>
      </c>
      <c r="Z32" s="281">
        <v>0</v>
      </c>
      <c r="AA32" s="278">
        <v>0</v>
      </c>
      <c r="AB32" s="280">
        <v>0</v>
      </c>
      <c r="AC32" s="281">
        <v>2</v>
      </c>
      <c r="AD32" s="281">
        <v>1</v>
      </c>
      <c r="AE32" s="281">
        <v>0</v>
      </c>
      <c r="AF32" s="281">
        <v>0</v>
      </c>
      <c r="AG32" s="281">
        <v>0</v>
      </c>
      <c r="AH32" s="278">
        <v>3</v>
      </c>
      <c r="AI32" s="283">
        <v>3</v>
      </c>
      <c r="AJ32" s="277">
        <v>1</v>
      </c>
      <c r="AK32" s="281">
        <v>0</v>
      </c>
      <c r="AL32" s="278">
        <v>1</v>
      </c>
      <c r="AM32" s="280">
        <v>0</v>
      </c>
      <c r="AN32" s="281">
        <v>0</v>
      </c>
      <c r="AO32" s="281">
        <v>0</v>
      </c>
      <c r="AP32" s="281">
        <v>0</v>
      </c>
      <c r="AQ32" s="281">
        <v>0</v>
      </c>
      <c r="AR32" s="281">
        <v>0</v>
      </c>
      <c r="AS32" s="278">
        <v>0</v>
      </c>
      <c r="AT32" s="283">
        <v>1</v>
      </c>
      <c r="AU32" s="277">
        <v>0</v>
      </c>
      <c r="AV32" s="281">
        <v>0</v>
      </c>
      <c r="AW32" s="278">
        <v>0</v>
      </c>
      <c r="AX32" s="280">
        <v>0</v>
      </c>
      <c r="AY32" s="281">
        <v>0</v>
      </c>
      <c r="AZ32" s="281">
        <v>0</v>
      </c>
      <c r="BA32" s="281">
        <v>0</v>
      </c>
      <c r="BB32" s="281">
        <v>0</v>
      </c>
      <c r="BC32" s="281">
        <v>0</v>
      </c>
      <c r="BD32" s="278">
        <v>0</v>
      </c>
      <c r="BE32" s="283">
        <v>0</v>
      </c>
      <c r="BF32" s="277">
        <v>0</v>
      </c>
      <c r="BG32" s="281">
        <v>0</v>
      </c>
      <c r="BH32" s="278">
        <v>0</v>
      </c>
      <c r="BI32" s="280">
        <v>0</v>
      </c>
      <c r="BJ32" s="281">
        <v>0</v>
      </c>
      <c r="BK32" s="281">
        <v>1</v>
      </c>
      <c r="BL32" s="281">
        <v>0</v>
      </c>
      <c r="BM32" s="281">
        <v>1</v>
      </c>
      <c r="BN32" s="281">
        <v>0</v>
      </c>
      <c r="BO32" s="282">
        <v>2</v>
      </c>
      <c r="BP32" s="283">
        <v>2</v>
      </c>
      <c r="BQ32" s="277">
        <v>0</v>
      </c>
      <c r="BR32" s="281">
        <v>0</v>
      </c>
      <c r="BS32" s="278">
        <v>0</v>
      </c>
      <c r="BT32" s="280">
        <v>0</v>
      </c>
      <c r="BU32" s="281">
        <v>0</v>
      </c>
      <c r="BV32" s="281">
        <v>0</v>
      </c>
      <c r="BW32" s="281">
        <v>0</v>
      </c>
      <c r="BX32" s="281">
        <v>0</v>
      </c>
      <c r="BY32" s="281">
        <v>0</v>
      </c>
      <c r="BZ32" s="278">
        <v>0</v>
      </c>
      <c r="CA32" s="283">
        <v>0</v>
      </c>
      <c r="CB32" s="277">
        <v>0</v>
      </c>
      <c r="CC32" s="281">
        <v>0</v>
      </c>
      <c r="CD32" s="278">
        <v>0</v>
      </c>
      <c r="CE32" s="280">
        <v>0</v>
      </c>
      <c r="CF32" s="281">
        <v>0</v>
      </c>
      <c r="CG32" s="281">
        <v>0</v>
      </c>
      <c r="CH32" s="281">
        <v>0</v>
      </c>
      <c r="CI32" s="281">
        <v>0</v>
      </c>
      <c r="CJ32" s="281">
        <v>0</v>
      </c>
      <c r="CK32" s="278">
        <v>0</v>
      </c>
      <c r="CL32" s="283">
        <v>0</v>
      </c>
      <c r="CM32" s="277">
        <v>0</v>
      </c>
      <c r="CN32" s="281">
        <v>0</v>
      </c>
      <c r="CO32" s="278">
        <v>0</v>
      </c>
      <c r="CP32" s="280">
        <v>0</v>
      </c>
      <c r="CQ32" s="281">
        <v>0</v>
      </c>
      <c r="CR32" s="281">
        <v>0</v>
      </c>
      <c r="CS32" s="281">
        <v>0</v>
      </c>
      <c r="CT32" s="281">
        <v>0</v>
      </c>
      <c r="CU32" s="281">
        <v>0</v>
      </c>
      <c r="CV32" s="278">
        <v>0</v>
      </c>
      <c r="CW32" s="283">
        <v>0</v>
      </c>
    </row>
    <row r="33" spans="2:101" ht="21" customHeight="1" x14ac:dyDescent="0.2">
      <c r="B33" s="262" t="s">
        <v>31</v>
      </c>
      <c r="C33" s="277">
        <v>0</v>
      </c>
      <c r="D33" s="278">
        <v>0</v>
      </c>
      <c r="E33" s="279">
        <v>0</v>
      </c>
      <c r="F33" s="280">
        <v>0</v>
      </c>
      <c r="G33" s="281">
        <v>0</v>
      </c>
      <c r="H33" s="281">
        <v>0</v>
      </c>
      <c r="I33" s="281">
        <v>0</v>
      </c>
      <c r="J33" s="281">
        <v>0</v>
      </c>
      <c r="K33" s="281">
        <v>0</v>
      </c>
      <c r="L33" s="282">
        <v>0</v>
      </c>
      <c r="M33" s="283">
        <v>0</v>
      </c>
      <c r="N33" s="277">
        <v>0</v>
      </c>
      <c r="O33" s="281">
        <v>0</v>
      </c>
      <c r="P33" s="278">
        <v>0</v>
      </c>
      <c r="Q33" s="280">
        <v>0</v>
      </c>
      <c r="R33" s="281">
        <v>0</v>
      </c>
      <c r="S33" s="281">
        <v>0</v>
      </c>
      <c r="T33" s="281">
        <v>0</v>
      </c>
      <c r="U33" s="281">
        <v>0</v>
      </c>
      <c r="V33" s="281">
        <v>0</v>
      </c>
      <c r="W33" s="278">
        <v>0</v>
      </c>
      <c r="X33" s="283">
        <v>0</v>
      </c>
      <c r="Y33" s="277">
        <v>0</v>
      </c>
      <c r="Z33" s="281">
        <v>0</v>
      </c>
      <c r="AA33" s="278">
        <v>0</v>
      </c>
      <c r="AB33" s="280">
        <v>0</v>
      </c>
      <c r="AC33" s="281">
        <v>2</v>
      </c>
      <c r="AD33" s="281">
        <v>1</v>
      </c>
      <c r="AE33" s="281">
        <v>0</v>
      </c>
      <c r="AF33" s="281">
        <v>0</v>
      </c>
      <c r="AG33" s="281">
        <v>0</v>
      </c>
      <c r="AH33" s="278">
        <v>3</v>
      </c>
      <c r="AI33" s="283">
        <v>3</v>
      </c>
      <c r="AJ33" s="277">
        <v>0</v>
      </c>
      <c r="AK33" s="281">
        <v>0</v>
      </c>
      <c r="AL33" s="278">
        <v>0</v>
      </c>
      <c r="AM33" s="280">
        <v>0</v>
      </c>
      <c r="AN33" s="281">
        <v>0</v>
      </c>
      <c r="AO33" s="281">
        <v>0</v>
      </c>
      <c r="AP33" s="281">
        <v>1</v>
      </c>
      <c r="AQ33" s="281">
        <v>0</v>
      </c>
      <c r="AR33" s="281">
        <v>0</v>
      </c>
      <c r="AS33" s="278">
        <v>1</v>
      </c>
      <c r="AT33" s="283">
        <v>1</v>
      </c>
      <c r="AU33" s="277">
        <v>0</v>
      </c>
      <c r="AV33" s="281">
        <v>0</v>
      </c>
      <c r="AW33" s="278">
        <v>0</v>
      </c>
      <c r="AX33" s="280">
        <v>0</v>
      </c>
      <c r="AY33" s="281">
        <v>1</v>
      </c>
      <c r="AZ33" s="281">
        <v>0</v>
      </c>
      <c r="BA33" s="281">
        <v>0</v>
      </c>
      <c r="BB33" s="281">
        <v>0</v>
      </c>
      <c r="BC33" s="281">
        <v>0</v>
      </c>
      <c r="BD33" s="278">
        <v>1</v>
      </c>
      <c r="BE33" s="283">
        <v>1</v>
      </c>
      <c r="BF33" s="277">
        <v>0</v>
      </c>
      <c r="BG33" s="281">
        <v>0</v>
      </c>
      <c r="BH33" s="278">
        <v>0</v>
      </c>
      <c r="BI33" s="280">
        <v>0</v>
      </c>
      <c r="BJ33" s="281">
        <v>0</v>
      </c>
      <c r="BK33" s="281">
        <v>1</v>
      </c>
      <c r="BL33" s="281">
        <v>0</v>
      </c>
      <c r="BM33" s="281">
        <v>1</v>
      </c>
      <c r="BN33" s="281">
        <v>0</v>
      </c>
      <c r="BO33" s="282">
        <v>2</v>
      </c>
      <c r="BP33" s="283">
        <v>2</v>
      </c>
      <c r="BQ33" s="277">
        <v>0</v>
      </c>
      <c r="BR33" s="281">
        <v>0</v>
      </c>
      <c r="BS33" s="278">
        <v>0</v>
      </c>
      <c r="BT33" s="280">
        <v>0</v>
      </c>
      <c r="BU33" s="281">
        <v>0</v>
      </c>
      <c r="BV33" s="281">
        <v>0</v>
      </c>
      <c r="BW33" s="281">
        <v>0</v>
      </c>
      <c r="BX33" s="281">
        <v>0</v>
      </c>
      <c r="BY33" s="281">
        <v>0</v>
      </c>
      <c r="BZ33" s="278">
        <v>0</v>
      </c>
      <c r="CA33" s="283">
        <v>0</v>
      </c>
      <c r="CB33" s="277">
        <v>0</v>
      </c>
      <c r="CC33" s="281">
        <v>0</v>
      </c>
      <c r="CD33" s="278">
        <v>0</v>
      </c>
      <c r="CE33" s="280">
        <v>0</v>
      </c>
      <c r="CF33" s="281">
        <v>0</v>
      </c>
      <c r="CG33" s="281">
        <v>0</v>
      </c>
      <c r="CH33" s="281">
        <v>0</v>
      </c>
      <c r="CI33" s="281">
        <v>0</v>
      </c>
      <c r="CJ33" s="281">
        <v>0</v>
      </c>
      <c r="CK33" s="278">
        <v>0</v>
      </c>
      <c r="CL33" s="283">
        <v>0</v>
      </c>
      <c r="CM33" s="277">
        <v>0</v>
      </c>
      <c r="CN33" s="281">
        <v>0</v>
      </c>
      <c r="CO33" s="278">
        <v>0</v>
      </c>
      <c r="CP33" s="280">
        <v>0</v>
      </c>
      <c r="CQ33" s="281">
        <v>0</v>
      </c>
      <c r="CR33" s="281">
        <v>0</v>
      </c>
      <c r="CS33" s="281">
        <v>0</v>
      </c>
      <c r="CT33" s="281">
        <v>0</v>
      </c>
      <c r="CU33" s="281">
        <v>0</v>
      </c>
      <c r="CV33" s="278">
        <v>0</v>
      </c>
      <c r="CW33" s="283">
        <v>0</v>
      </c>
    </row>
    <row r="34" spans="2:101" ht="21" customHeight="1" x14ac:dyDescent="0.2">
      <c r="B34" s="262" t="s">
        <v>32</v>
      </c>
      <c r="C34" s="277">
        <v>0</v>
      </c>
      <c r="D34" s="278">
        <v>0</v>
      </c>
      <c r="E34" s="279">
        <v>0</v>
      </c>
      <c r="F34" s="280">
        <v>0</v>
      </c>
      <c r="G34" s="281">
        <v>0</v>
      </c>
      <c r="H34" s="281">
        <v>0</v>
      </c>
      <c r="I34" s="281">
        <v>0</v>
      </c>
      <c r="J34" s="281">
        <v>0</v>
      </c>
      <c r="K34" s="281">
        <v>0</v>
      </c>
      <c r="L34" s="282">
        <v>0</v>
      </c>
      <c r="M34" s="283">
        <v>0</v>
      </c>
      <c r="N34" s="277">
        <v>0</v>
      </c>
      <c r="O34" s="281">
        <v>0</v>
      </c>
      <c r="P34" s="278">
        <v>0</v>
      </c>
      <c r="Q34" s="280">
        <v>0</v>
      </c>
      <c r="R34" s="281">
        <v>0</v>
      </c>
      <c r="S34" s="281">
        <v>0</v>
      </c>
      <c r="T34" s="281">
        <v>0</v>
      </c>
      <c r="U34" s="281">
        <v>0</v>
      </c>
      <c r="V34" s="281">
        <v>0</v>
      </c>
      <c r="W34" s="278">
        <v>0</v>
      </c>
      <c r="X34" s="283">
        <v>0</v>
      </c>
      <c r="Y34" s="277">
        <v>0</v>
      </c>
      <c r="Z34" s="281">
        <v>0</v>
      </c>
      <c r="AA34" s="278">
        <v>0</v>
      </c>
      <c r="AB34" s="280">
        <v>0</v>
      </c>
      <c r="AC34" s="281">
        <v>2</v>
      </c>
      <c r="AD34" s="281">
        <v>2</v>
      </c>
      <c r="AE34" s="281">
        <v>0</v>
      </c>
      <c r="AF34" s="281">
        <v>0</v>
      </c>
      <c r="AG34" s="281">
        <v>0</v>
      </c>
      <c r="AH34" s="278">
        <v>4</v>
      </c>
      <c r="AI34" s="283">
        <v>4</v>
      </c>
      <c r="AJ34" s="277">
        <v>0</v>
      </c>
      <c r="AK34" s="281">
        <v>0</v>
      </c>
      <c r="AL34" s="278">
        <v>0</v>
      </c>
      <c r="AM34" s="280">
        <v>0</v>
      </c>
      <c r="AN34" s="281">
        <v>0</v>
      </c>
      <c r="AO34" s="281">
        <v>0</v>
      </c>
      <c r="AP34" s="281">
        <v>0</v>
      </c>
      <c r="AQ34" s="281">
        <v>1</v>
      </c>
      <c r="AR34" s="281">
        <v>0</v>
      </c>
      <c r="AS34" s="278">
        <v>1</v>
      </c>
      <c r="AT34" s="283">
        <v>1</v>
      </c>
      <c r="AU34" s="277">
        <v>0</v>
      </c>
      <c r="AV34" s="281">
        <v>0</v>
      </c>
      <c r="AW34" s="278">
        <v>0</v>
      </c>
      <c r="AX34" s="280">
        <v>0</v>
      </c>
      <c r="AY34" s="281">
        <v>0</v>
      </c>
      <c r="AZ34" s="281">
        <v>0</v>
      </c>
      <c r="BA34" s="281">
        <v>0</v>
      </c>
      <c r="BB34" s="281">
        <v>0</v>
      </c>
      <c r="BC34" s="281">
        <v>0</v>
      </c>
      <c r="BD34" s="278">
        <v>0</v>
      </c>
      <c r="BE34" s="283">
        <v>0</v>
      </c>
      <c r="BF34" s="277">
        <v>0</v>
      </c>
      <c r="BG34" s="281">
        <v>0</v>
      </c>
      <c r="BH34" s="278">
        <v>0</v>
      </c>
      <c r="BI34" s="280">
        <v>0</v>
      </c>
      <c r="BJ34" s="281">
        <v>0</v>
      </c>
      <c r="BK34" s="281">
        <v>0</v>
      </c>
      <c r="BL34" s="281">
        <v>2</v>
      </c>
      <c r="BM34" s="281">
        <v>0</v>
      </c>
      <c r="BN34" s="281">
        <v>0</v>
      </c>
      <c r="BO34" s="282">
        <v>2</v>
      </c>
      <c r="BP34" s="283">
        <v>2</v>
      </c>
      <c r="BQ34" s="277">
        <v>0</v>
      </c>
      <c r="BR34" s="281">
        <v>0</v>
      </c>
      <c r="BS34" s="278">
        <v>0</v>
      </c>
      <c r="BT34" s="280">
        <v>0</v>
      </c>
      <c r="BU34" s="281">
        <v>0</v>
      </c>
      <c r="BV34" s="281">
        <v>0</v>
      </c>
      <c r="BW34" s="281">
        <v>0</v>
      </c>
      <c r="BX34" s="281">
        <v>0</v>
      </c>
      <c r="BY34" s="281">
        <v>0</v>
      </c>
      <c r="BZ34" s="278">
        <v>0</v>
      </c>
      <c r="CA34" s="283">
        <v>0</v>
      </c>
      <c r="CB34" s="277">
        <v>0</v>
      </c>
      <c r="CC34" s="281">
        <v>0</v>
      </c>
      <c r="CD34" s="278">
        <v>0</v>
      </c>
      <c r="CE34" s="280">
        <v>0</v>
      </c>
      <c r="CF34" s="281">
        <v>0</v>
      </c>
      <c r="CG34" s="281">
        <v>0</v>
      </c>
      <c r="CH34" s="281">
        <v>0</v>
      </c>
      <c r="CI34" s="281">
        <v>1</v>
      </c>
      <c r="CJ34" s="281">
        <v>0</v>
      </c>
      <c r="CK34" s="278">
        <v>1</v>
      </c>
      <c r="CL34" s="283">
        <v>1</v>
      </c>
      <c r="CM34" s="277">
        <v>0</v>
      </c>
      <c r="CN34" s="281">
        <v>0</v>
      </c>
      <c r="CO34" s="278">
        <v>0</v>
      </c>
      <c r="CP34" s="280">
        <v>0</v>
      </c>
      <c r="CQ34" s="281">
        <v>0</v>
      </c>
      <c r="CR34" s="281">
        <v>0</v>
      </c>
      <c r="CS34" s="281">
        <v>0</v>
      </c>
      <c r="CT34" s="281">
        <v>0</v>
      </c>
      <c r="CU34" s="281">
        <v>0</v>
      </c>
      <c r="CV34" s="278">
        <v>0</v>
      </c>
      <c r="CW34" s="283">
        <v>0</v>
      </c>
    </row>
    <row r="35" spans="2:101" ht="21" customHeight="1" x14ac:dyDescent="0.2">
      <c r="B35" s="262" t="s">
        <v>33</v>
      </c>
      <c r="C35" s="277">
        <v>0</v>
      </c>
      <c r="D35" s="278">
        <v>0</v>
      </c>
      <c r="E35" s="279">
        <v>0</v>
      </c>
      <c r="F35" s="280">
        <v>0</v>
      </c>
      <c r="G35" s="281">
        <v>0</v>
      </c>
      <c r="H35" s="281">
        <v>0</v>
      </c>
      <c r="I35" s="281">
        <v>0</v>
      </c>
      <c r="J35" s="281">
        <v>0</v>
      </c>
      <c r="K35" s="281">
        <v>0</v>
      </c>
      <c r="L35" s="282">
        <v>0</v>
      </c>
      <c r="M35" s="283">
        <v>0</v>
      </c>
      <c r="N35" s="277">
        <v>0</v>
      </c>
      <c r="O35" s="281">
        <v>0</v>
      </c>
      <c r="P35" s="278">
        <v>0</v>
      </c>
      <c r="Q35" s="280">
        <v>0</v>
      </c>
      <c r="R35" s="281">
        <v>0</v>
      </c>
      <c r="S35" s="281">
        <v>0</v>
      </c>
      <c r="T35" s="281">
        <v>0</v>
      </c>
      <c r="U35" s="281">
        <v>0</v>
      </c>
      <c r="V35" s="281">
        <v>0</v>
      </c>
      <c r="W35" s="278">
        <v>0</v>
      </c>
      <c r="X35" s="283">
        <v>0</v>
      </c>
      <c r="Y35" s="277">
        <v>0</v>
      </c>
      <c r="Z35" s="281">
        <v>0</v>
      </c>
      <c r="AA35" s="278">
        <v>0</v>
      </c>
      <c r="AB35" s="280">
        <v>0</v>
      </c>
      <c r="AC35" s="281">
        <v>1</v>
      </c>
      <c r="AD35" s="281">
        <v>0</v>
      </c>
      <c r="AE35" s="281">
        <v>0</v>
      </c>
      <c r="AF35" s="281">
        <v>0</v>
      </c>
      <c r="AG35" s="281">
        <v>0</v>
      </c>
      <c r="AH35" s="278">
        <v>1</v>
      </c>
      <c r="AI35" s="283">
        <v>1</v>
      </c>
      <c r="AJ35" s="277">
        <v>0</v>
      </c>
      <c r="AK35" s="281">
        <v>0</v>
      </c>
      <c r="AL35" s="278">
        <v>0</v>
      </c>
      <c r="AM35" s="280">
        <v>0</v>
      </c>
      <c r="AN35" s="281">
        <v>0</v>
      </c>
      <c r="AO35" s="281">
        <v>0</v>
      </c>
      <c r="AP35" s="281">
        <v>0</v>
      </c>
      <c r="AQ35" s="281">
        <v>0</v>
      </c>
      <c r="AR35" s="281">
        <v>0</v>
      </c>
      <c r="AS35" s="278">
        <v>0</v>
      </c>
      <c r="AT35" s="283">
        <v>0</v>
      </c>
      <c r="AU35" s="277">
        <v>0</v>
      </c>
      <c r="AV35" s="281">
        <v>0</v>
      </c>
      <c r="AW35" s="278">
        <v>0</v>
      </c>
      <c r="AX35" s="280">
        <v>0</v>
      </c>
      <c r="AY35" s="281">
        <v>0</v>
      </c>
      <c r="AZ35" s="281">
        <v>0</v>
      </c>
      <c r="BA35" s="281">
        <v>0</v>
      </c>
      <c r="BB35" s="281">
        <v>0</v>
      </c>
      <c r="BC35" s="281">
        <v>0</v>
      </c>
      <c r="BD35" s="278">
        <v>0</v>
      </c>
      <c r="BE35" s="283">
        <v>0</v>
      </c>
      <c r="BF35" s="277">
        <v>0</v>
      </c>
      <c r="BG35" s="281">
        <v>0</v>
      </c>
      <c r="BH35" s="278">
        <v>0</v>
      </c>
      <c r="BI35" s="280">
        <v>0</v>
      </c>
      <c r="BJ35" s="281">
        <v>0</v>
      </c>
      <c r="BK35" s="281">
        <v>0</v>
      </c>
      <c r="BL35" s="281">
        <v>1</v>
      </c>
      <c r="BM35" s="281">
        <v>0</v>
      </c>
      <c r="BN35" s="281">
        <v>0</v>
      </c>
      <c r="BO35" s="282">
        <v>1</v>
      </c>
      <c r="BP35" s="283">
        <v>1</v>
      </c>
      <c r="BQ35" s="277">
        <v>0</v>
      </c>
      <c r="BR35" s="281">
        <v>0</v>
      </c>
      <c r="BS35" s="278">
        <v>0</v>
      </c>
      <c r="BT35" s="280">
        <v>0</v>
      </c>
      <c r="BU35" s="281">
        <v>0</v>
      </c>
      <c r="BV35" s="281">
        <v>0</v>
      </c>
      <c r="BW35" s="281">
        <v>0</v>
      </c>
      <c r="BX35" s="281">
        <v>0</v>
      </c>
      <c r="BY35" s="281">
        <v>0</v>
      </c>
      <c r="BZ35" s="278">
        <v>0</v>
      </c>
      <c r="CA35" s="283">
        <v>0</v>
      </c>
      <c r="CB35" s="277">
        <v>0</v>
      </c>
      <c r="CC35" s="281">
        <v>0</v>
      </c>
      <c r="CD35" s="278">
        <v>0</v>
      </c>
      <c r="CE35" s="280">
        <v>0</v>
      </c>
      <c r="CF35" s="281">
        <v>0</v>
      </c>
      <c r="CG35" s="281">
        <v>0</v>
      </c>
      <c r="CH35" s="281">
        <v>0</v>
      </c>
      <c r="CI35" s="281">
        <v>0</v>
      </c>
      <c r="CJ35" s="281">
        <v>0</v>
      </c>
      <c r="CK35" s="278">
        <v>0</v>
      </c>
      <c r="CL35" s="283">
        <v>0</v>
      </c>
      <c r="CM35" s="277">
        <v>0</v>
      </c>
      <c r="CN35" s="281">
        <v>0</v>
      </c>
      <c r="CO35" s="278">
        <v>0</v>
      </c>
      <c r="CP35" s="280">
        <v>0</v>
      </c>
      <c r="CQ35" s="281">
        <v>1</v>
      </c>
      <c r="CR35" s="281">
        <v>0</v>
      </c>
      <c r="CS35" s="281">
        <v>1</v>
      </c>
      <c r="CT35" s="281">
        <v>0</v>
      </c>
      <c r="CU35" s="281">
        <v>0</v>
      </c>
      <c r="CV35" s="278">
        <v>2</v>
      </c>
      <c r="CW35" s="283">
        <v>2</v>
      </c>
    </row>
    <row r="36" spans="2:101" ht="21" customHeight="1" x14ac:dyDescent="0.2">
      <c r="B36" s="262" t="s">
        <v>34</v>
      </c>
      <c r="C36" s="277">
        <v>0</v>
      </c>
      <c r="D36" s="278">
        <v>0</v>
      </c>
      <c r="E36" s="279">
        <v>0</v>
      </c>
      <c r="F36" s="280">
        <v>0</v>
      </c>
      <c r="G36" s="281">
        <v>0</v>
      </c>
      <c r="H36" s="281">
        <v>0</v>
      </c>
      <c r="I36" s="281">
        <v>0</v>
      </c>
      <c r="J36" s="281">
        <v>0</v>
      </c>
      <c r="K36" s="281">
        <v>0</v>
      </c>
      <c r="L36" s="282">
        <v>0</v>
      </c>
      <c r="M36" s="283">
        <v>0</v>
      </c>
      <c r="N36" s="277">
        <v>0</v>
      </c>
      <c r="O36" s="281">
        <v>0</v>
      </c>
      <c r="P36" s="278">
        <v>0</v>
      </c>
      <c r="Q36" s="280">
        <v>0</v>
      </c>
      <c r="R36" s="281">
        <v>0</v>
      </c>
      <c r="S36" s="281">
        <v>0</v>
      </c>
      <c r="T36" s="281">
        <v>0</v>
      </c>
      <c r="U36" s="281">
        <v>0</v>
      </c>
      <c r="V36" s="281">
        <v>0</v>
      </c>
      <c r="W36" s="278">
        <v>0</v>
      </c>
      <c r="X36" s="283">
        <v>0</v>
      </c>
      <c r="Y36" s="277">
        <v>0</v>
      </c>
      <c r="Z36" s="281">
        <v>0</v>
      </c>
      <c r="AA36" s="278">
        <v>0</v>
      </c>
      <c r="AB36" s="280">
        <v>0</v>
      </c>
      <c r="AC36" s="281">
        <v>2</v>
      </c>
      <c r="AD36" s="281">
        <v>0</v>
      </c>
      <c r="AE36" s="281">
        <v>0</v>
      </c>
      <c r="AF36" s="281">
        <v>0</v>
      </c>
      <c r="AG36" s="281">
        <v>0</v>
      </c>
      <c r="AH36" s="278">
        <v>2</v>
      </c>
      <c r="AI36" s="283">
        <v>2</v>
      </c>
      <c r="AJ36" s="277">
        <v>0</v>
      </c>
      <c r="AK36" s="281">
        <v>0</v>
      </c>
      <c r="AL36" s="278">
        <v>0</v>
      </c>
      <c r="AM36" s="280">
        <v>0</v>
      </c>
      <c r="AN36" s="281">
        <v>0</v>
      </c>
      <c r="AO36" s="281">
        <v>0</v>
      </c>
      <c r="AP36" s="281">
        <v>0</v>
      </c>
      <c r="AQ36" s="281">
        <v>0</v>
      </c>
      <c r="AR36" s="281">
        <v>0</v>
      </c>
      <c r="AS36" s="278">
        <v>0</v>
      </c>
      <c r="AT36" s="283">
        <v>0</v>
      </c>
      <c r="AU36" s="277">
        <v>0</v>
      </c>
      <c r="AV36" s="281">
        <v>0</v>
      </c>
      <c r="AW36" s="278">
        <v>0</v>
      </c>
      <c r="AX36" s="280">
        <v>0</v>
      </c>
      <c r="AY36" s="281">
        <v>1</v>
      </c>
      <c r="AZ36" s="281">
        <v>0</v>
      </c>
      <c r="BA36" s="281">
        <v>0</v>
      </c>
      <c r="BB36" s="281">
        <v>0</v>
      </c>
      <c r="BC36" s="281">
        <v>0</v>
      </c>
      <c r="BD36" s="278">
        <v>1</v>
      </c>
      <c r="BE36" s="283">
        <v>1</v>
      </c>
      <c r="BF36" s="277">
        <v>0</v>
      </c>
      <c r="BG36" s="281">
        <v>0</v>
      </c>
      <c r="BH36" s="278">
        <v>0</v>
      </c>
      <c r="BI36" s="280">
        <v>0</v>
      </c>
      <c r="BJ36" s="281">
        <v>0</v>
      </c>
      <c r="BK36" s="281">
        <v>0</v>
      </c>
      <c r="BL36" s="281">
        <v>0</v>
      </c>
      <c r="BM36" s="281">
        <v>0</v>
      </c>
      <c r="BN36" s="281">
        <v>0</v>
      </c>
      <c r="BO36" s="282">
        <v>0</v>
      </c>
      <c r="BP36" s="283">
        <v>0</v>
      </c>
      <c r="BQ36" s="277">
        <v>0</v>
      </c>
      <c r="BR36" s="281">
        <v>0</v>
      </c>
      <c r="BS36" s="278">
        <v>0</v>
      </c>
      <c r="BT36" s="280">
        <v>0</v>
      </c>
      <c r="BU36" s="281">
        <v>0</v>
      </c>
      <c r="BV36" s="281">
        <v>0</v>
      </c>
      <c r="BW36" s="281">
        <v>0</v>
      </c>
      <c r="BX36" s="281">
        <v>0</v>
      </c>
      <c r="BY36" s="281">
        <v>0</v>
      </c>
      <c r="BZ36" s="278">
        <v>0</v>
      </c>
      <c r="CA36" s="283">
        <v>0</v>
      </c>
      <c r="CB36" s="277">
        <v>0</v>
      </c>
      <c r="CC36" s="281">
        <v>0</v>
      </c>
      <c r="CD36" s="278">
        <v>0</v>
      </c>
      <c r="CE36" s="280">
        <v>0</v>
      </c>
      <c r="CF36" s="281">
        <v>0</v>
      </c>
      <c r="CG36" s="281">
        <v>0</v>
      </c>
      <c r="CH36" s="281">
        <v>0</v>
      </c>
      <c r="CI36" s="281">
        <v>0</v>
      </c>
      <c r="CJ36" s="281">
        <v>0</v>
      </c>
      <c r="CK36" s="278">
        <v>0</v>
      </c>
      <c r="CL36" s="283">
        <v>0</v>
      </c>
      <c r="CM36" s="277">
        <v>0</v>
      </c>
      <c r="CN36" s="281">
        <v>0</v>
      </c>
      <c r="CO36" s="278">
        <v>0</v>
      </c>
      <c r="CP36" s="280">
        <v>0</v>
      </c>
      <c r="CQ36" s="281">
        <v>0</v>
      </c>
      <c r="CR36" s="281">
        <v>0</v>
      </c>
      <c r="CS36" s="281">
        <v>1</v>
      </c>
      <c r="CT36" s="281">
        <v>0</v>
      </c>
      <c r="CU36" s="281">
        <v>0</v>
      </c>
      <c r="CV36" s="278">
        <v>1</v>
      </c>
      <c r="CW36" s="283">
        <v>1</v>
      </c>
    </row>
    <row r="37" spans="2:101" ht="21" customHeight="1" x14ac:dyDescent="0.2">
      <c r="B37" s="262" t="s">
        <v>35</v>
      </c>
      <c r="C37" s="277">
        <v>0</v>
      </c>
      <c r="D37" s="278">
        <v>0</v>
      </c>
      <c r="E37" s="279">
        <v>0</v>
      </c>
      <c r="F37" s="280">
        <v>0</v>
      </c>
      <c r="G37" s="281">
        <v>0</v>
      </c>
      <c r="H37" s="281">
        <v>1</v>
      </c>
      <c r="I37" s="281">
        <v>0</v>
      </c>
      <c r="J37" s="281">
        <v>0</v>
      </c>
      <c r="K37" s="281">
        <v>0</v>
      </c>
      <c r="L37" s="282">
        <v>1</v>
      </c>
      <c r="M37" s="283">
        <v>1</v>
      </c>
      <c r="N37" s="277">
        <v>0</v>
      </c>
      <c r="O37" s="281">
        <v>0</v>
      </c>
      <c r="P37" s="278">
        <v>0</v>
      </c>
      <c r="Q37" s="280">
        <v>0</v>
      </c>
      <c r="R37" s="281">
        <v>0</v>
      </c>
      <c r="S37" s="281">
        <v>0</v>
      </c>
      <c r="T37" s="281">
        <v>0</v>
      </c>
      <c r="U37" s="281">
        <v>0</v>
      </c>
      <c r="V37" s="281">
        <v>0</v>
      </c>
      <c r="W37" s="278">
        <v>0</v>
      </c>
      <c r="X37" s="283">
        <v>0</v>
      </c>
      <c r="Y37" s="277">
        <v>0</v>
      </c>
      <c r="Z37" s="281">
        <v>0</v>
      </c>
      <c r="AA37" s="278">
        <v>0</v>
      </c>
      <c r="AB37" s="280">
        <v>0</v>
      </c>
      <c r="AC37" s="281">
        <v>0</v>
      </c>
      <c r="AD37" s="281">
        <v>0</v>
      </c>
      <c r="AE37" s="281">
        <v>0</v>
      </c>
      <c r="AF37" s="281">
        <v>0</v>
      </c>
      <c r="AG37" s="281">
        <v>0</v>
      </c>
      <c r="AH37" s="278">
        <v>0</v>
      </c>
      <c r="AI37" s="283">
        <v>0</v>
      </c>
      <c r="AJ37" s="277">
        <v>0</v>
      </c>
      <c r="AK37" s="281">
        <v>0</v>
      </c>
      <c r="AL37" s="278">
        <v>0</v>
      </c>
      <c r="AM37" s="280">
        <v>0</v>
      </c>
      <c r="AN37" s="281">
        <v>0</v>
      </c>
      <c r="AO37" s="281">
        <v>0</v>
      </c>
      <c r="AP37" s="281">
        <v>0</v>
      </c>
      <c r="AQ37" s="281">
        <v>0</v>
      </c>
      <c r="AR37" s="281">
        <v>0</v>
      </c>
      <c r="AS37" s="278">
        <v>0</v>
      </c>
      <c r="AT37" s="283">
        <v>0</v>
      </c>
      <c r="AU37" s="277">
        <v>0</v>
      </c>
      <c r="AV37" s="281">
        <v>0</v>
      </c>
      <c r="AW37" s="278">
        <v>0</v>
      </c>
      <c r="AX37" s="280">
        <v>0</v>
      </c>
      <c r="AY37" s="281">
        <v>0</v>
      </c>
      <c r="AZ37" s="281">
        <v>1</v>
      </c>
      <c r="BA37" s="281">
        <v>1</v>
      </c>
      <c r="BB37" s="281">
        <v>0</v>
      </c>
      <c r="BC37" s="281">
        <v>0</v>
      </c>
      <c r="BD37" s="278">
        <v>2</v>
      </c>
      <c r="BE37" s="283">
        <v>2</v>
      </c>
      <c r="BF37" s="277">
        <v>0</v>
      </c>
      <c r="BG37" s="281">
        <v>0</v>
      </c>
      <c r="BH37" s="278">
        <v>0</v>
      </c>
      <c r="BI37" s="280">
        <v>0</v>
      </c>
      <c r="BJ37" s="281">
        <v>0</v>
      </c>
      <c r="BK37" s="281">
        <v>1</v>
      </c>
      <c r="BL37" s="281">
        <v>0</v>
      </c>
      <c r="BM37" s="281">
        <v>0</v>
      </c>
      <c r="BN37" s="281">
        <v>0</v>
      </c>
      <c r="BO37" s="282">
        <v>1</v>
      </c>
      <c r="BP37" s="283">
        <v>1</v>
      </c>
      <c r="BQ37" s="277">
        <v>0</v>
      </c>
      <c r="BR37" s="281">
        <v>0</v>
      </c>
      <c r="BS37" s="278">
        <v>0</v>
      </c>
      <c r="BT37" s="280">
        <v>0</v>
      </c>
      <c r="BU37" s="281">
        <v>0</v>
      </c>
      <c r="BV37" s="281">
        <v>0</v>
      </c>
      <c r="BW37" s="281">
        <v>0</v>
      </c>
      <c r="BX37" s="281">
        <v>0</v>
      </c>
      <c r="BY37" s="281">
        <v>0</v>
      </c>
      <c r="BZ37" s="278">
        <v>0</v>
      </c>
      <c r="CA37" s="283">
        <v>0</v>
      </c>
      <c r="CB37" s="277">
        <v>0</v>
      </c>
      <c r="CC37" s="281">
        <v>0</v>
      </c>
      <c r="CD37" s="278">
        <v>0</v>
      </c>
      <c r="CE37" s="280">
        <v>0</v>
      </c>
      <c r="CF37" s="281">
        <v>0</v>
      </c>
      <c r="CG37" s="281">
        <v>0</v>
      </c>
      <c r="CH37" s="281">
        <v>0</v>
      </c>
      <c r="CI37" s="281">
        <v>0</v>
      </c>
      <c r="CJ37" s="281">
        <v>0</v>
      </c>
      <c r="CK37" s="278">
        <v>0</v>
      </c>
      <c r="CL37" s="283">
        <v>0</v>
      </c>
      <c r="CM37" s="277">
        <v>0</v>
      </c>
      <c r="CN37" s="281">
        <v>0</v>
      </c>
      <c r="CO37" s="278">
        <v>0</v>
      </c>
      <c r="CP37" s="280">
        <v>0</v>
      </c>
      <c r="CQ37" s="281">
        <v>0</v>
      </c>
      <c r="CR37" s="281">
        <v>0</v>
      </c>
      <c r="CS37" s="281">
        <v>0</v>
      </c>
      <c r="CT37" s="281">
        <v>0</v>
      </c>
      <c r="CU37" s="281">
        <v>0</v>
      </c>
      <c r="CV37" s="278">
        <v>0</v>
      </c>
      <c r="CW37" s="283">
        <v>0</v>
      </c>
    </row>
    <row r="38" spans="2:101" ht="21" customHeight="1" x14ac:dyDescent="0.2">
      <c r="B38" s="262" t="s">
        <v>36</v>
      </c>
      <c r="C38" s="277">
        <v>0</v>
      </c>
      <c r="D38" s="278">
        <v>0</v>
      </c>
      <c r="E38" s="279">
        <v>0</v>
      </c>
      <c r="F38" s="280">
        <v>0</v>
      </c>
      <c r="G38" s="281">
        <v>0</v>
      </c>
      <c r="H38" s="281">
        <v>0</v>
      </c>
      <c r="I38" s="281">
        <v>0</v>
      </c>
      <c r="J38" s="281">
        <v>0</v>
      </c>
      <c r="K38" s="281">
        <v>0</v>
      </c>
      <c r="L38" s="282">
        <v>0</v>
      </c>
      <c r="M38" s="283">
        <v>0</v>
      </c>
      <c r="N38" s="277">
        <v>0</v>
      </c>
      <c r="O38" s="281">
        <v>0</v>
      </c>
      <c r="P38" s="278">
        <v>0</v>
      </c>
      <c r="Q38" s="280">
        <v>0</v>
      </c>
      <c r="R38" s="281">
        <v>0</v>
      </c>
      <c r="S38" s="281">
        <v>0</v>
      </c>
      <c r="T38" s="281">
        <v>0</v>
      </c>
      <c r="U38" s="281">
        <v>0</v>
      </c>
      <c r="V38" s="281">
        <v>0</v>
      </c>
      <c r="W38" s="278">
        <v>0</v>
      </c>
      <c r="X38" s="283">
        <v>0</v>
      </c>
      <c r="Y38" s="277">
        <v>0</v>
      </c>
      <c r="Z38" s="281">
        <v>0</v>
      </c>
      <c r="AA38" s="278">
        <v>0</v>
      </c>
      <c r="AB38" s="280">
        <v>0</v>
      </c>
      <c r="AC38" s="281">
        <v>3</v>
      </c>
      <c r="AD38" s="281">
        <v>3</v>
      </c>
      <c r="AE38" s="281">
        <v>0</v>
      </c>
      <c r="AF38" s="281">
        <v>0</v>
      </c>
      <c r="AG38" s="281">
        <v>1</v>
      </c>
      <c r="AH38" s="278">
        <v>7</v>
      </c>
      <c r="AI38" s="283">
        <v>7</v>
      </c>
      <c r="AJ38" s="277">
        <v>0</v>
      </c>
      <c r="AK38" s="281">
        <v>0</v>
      </c>
      <c r="AL38" s="278">
        <v>0</v>
      </c>
      <c r="AM38" s="280">
        <v>0</v>
      </c>
      <c r="AN38" s="281">
        <v>0</v>
      </c>
      <c r="AO38" s="281">
        <v>0</v>
      </c>
      <c r="AP38" s="281">
        <v>0</v>
      </c>
      <c r="AQ38" s="281">
        <v>0</v>
      </c>
      <c r="AR38" s="281">
        <v>0</v>
      </c>
      <c r="AS38" s="278">
        <v>0</v>
      </c>
      <c r="AT38" s="283">
        <v>0</v>
      </c>
      <c r="AU38" s="277">
        <v>0</v>
      </c>
      <c r="AV38" s="281">
        <v>0</v>
      </c>
      <c r="AW38" s="278">
        <v>0</v>
      </c>
      <c r="AX38" s="280">
        <v>0</v>
      </c>
      <c r="AY38" s="281">
        <v>0</v>
      </c>
      <c r="AZ38" s="281">
        <v>0</v>
      </c>
      <c r="BA38" s="281">
        <v>0</v>
      </c>
      <c r="BB38" s="281">
        <v>0</v>
      </c>
      <c r="BC38" s="281">
        <v>0</v>
      </c>
      <c r="BD38" s="278">
        <v>0</v>
      </c>
      <c r="BE38" s="283">
        <v>0</v>
      </c>
      <c r="BF38" s="277">
        <v>0</v>
      </c>
      <c r="BG38" s="281">
        <v>0</v>
      </c>
      <c r="BH38" s="278">
        <v>0</v>
      </c>
      <c r="BI38" s="280">
        <v>0</v>
      </c>
      <c r="BJ38" s="281">
        <v>0</v>
      </c>
      <c r="BK38" s="281">
        <v>1</v>
      </c>
      <c r="BL38" s="281">
        <v>1</v>
      </c>
      <c r="BM38" s="281">
        <v>0</v>
      </c>
      <c r="BN38" s="281">
        <v>0</v>
      </c>
      <c r="BO38" s="282">
        <v>2</v>
      </c>
      <c r="BP38" s="283">
        <v>2</v>
      </c>
      <c r="BQ38" s="277">
        <v>0</v>
      </c>
      <c r="BR38" s="281">
        <v>0</v>
      </c>
      <c r="BS38" s="278">
        <v>0</v>
      </c>
      <c r="BT38" s="280">
        <v>0</v>
      </c>
      <c r="BU38" s="281">
        <v>0</v>
      </c>
      <c r="BV38" s="281">
        <v>0</v>
      </c>
      <c r="BW38" s="281">
        <v>0</v>
      </c>
      <c r="BX38" s="281">
        <v>0</v>
      </c>
      <c r="BY38" s="281">
        <v>0</v>
      </c>
      <c r="BZ38" s="278">
        <v>0</v>
      </c>
      <c r="CA38" s="283">
        <v>0</v>
      </c>
      <c r="CB38" s="277">
        <v>0</v>
      </c>
      <c r="CC38" s="281">
        <v>0</v>
      </c>
      <c r="CD38" s="278">
        <v>0</v>
      </c>
      <c r="CE38" s="280">
        <v>0</v>
      </c>
      <c r="CF38" s="281">
        <v>0</v>
      </c>
      <c r="CG38" s="281">
        <v>0</v>
      </c>
      <c r="CH38" s="281">
        <v>0</v>
      </c>
      <c r="CI38" s="281">
        <v>0</v>
      </c>
      <c r="CJ38" s="281">
        <v>0</v>
      </c>
      <c r="CK38" s="278">
        <v>0</v>
      </c>
      <c r="CL38" s="283">
        <v>0</v>
      </c>
      <c r="CM38" s="277">
        <v>0</v>
      </c>
      <c r="CN38" s="281">
        <v>0</v>
      </c>
      <c r="CO38" s="278">
        <v>0</v>
      </c>
      <c r="CP38" s="280">
        <v>0</v>
      </c>
      <c r="CQ38" s="281">
        <v>0</v>
      </c>
      <c r="CR38" s="281">
        <v>0</v>
      </c>
      <c r="CS38" s="281">
        <v>0</v>
      </c>
      <c r="CT38" s="281">
        <v>0</v>
      </c>
      <c r="CU38" s="281">
        <v>0</v>
      </c>
      <c r="CV38" s="278">
        <v>0</v>
      </c>
      <c r="CW38" s="283">
        <v>0</v>
      </c>
    </row>
    <row r="39" spans="2:101" ht="21" customHeight="1" thickBot="1" x14ac:dyDescent="0.25">
      <c r="B39" s="263" t="s">
        <v>37</v>
      </c>
      <c r="C39" s="284">
        <v>0</v>
      </c>
      <c r="D39" s="285">
        <v>0</v>
      </c>
      <c r="E39" s="286">
        <v>0</v>
      </c>
      <c r="F39" s="287">
        <v>0</v>
      </c>
      <c r="G39" s="288">
        <v>0</v>
      </c>
      <c r="H39" s="288">
        <v>0</v>
      </c>
      <c r="I39" s="288">
        <v>0</v>
      </c>
      <c r="J39" s="288">
        <v>0</v>
      </c>
      <c r="K39" s="288">
        <v>0</v>
      </c>
      <c r="L39" s="289">
        <v>0</v>
      </c>
      <c r="M39" s="290">
        <v>0</v>
      </c>
      <c r="N39" s="284">
        <v>0</v>
      </c>
      <c r="O39" s="288">
        <v>0</v>
      </c>
      <c r="P39" s="285">
        <v>0</v>
      </c>
      <c r="Q39" s="287">
        <v>0</v>
      </c>
      <c r="R39" s="288">
        <v>0</v>
      </c>
      <c r="S39" s="288">
        <v>0</v>
      </c>
      <c r="T39" s="288">
        <v>0</v>
      </c>
      <c r="U39" s="288">
        <v>0</v>
      </c>
      <c r="V39" s="288">
        <v>0</v>
      </c>
      <c r="W39" s="285">
        <v>0</v>
      </c>
      <c r="X39" s="290">
        <v>0</v>
      </c>
      <c r="Y39" s="284">
        <v>0</v>
      </c>
      <c r="Z39" s="288">
        <v>0</v>
      </c>
      <c r="AA39" s="285">
        <v>0</v>
      </c>
      <c r="AB39" s="287">
        <v>0</v>
      </c>
      <c r="AC39" s="288">
        <v>0</v>
      </c>
      <c r="AD39" s="288">
        <v>0</v>
      </c>
      <c r="AE39" s="288">
        <v>0</v>
      </c>
      <c r="AF39" s="288">
        <v>0</v>
      </c>
      <c r="AG39" s="288">
        <v>0</v>
      </c>
      <c r="AH39" s="285">
        <v>0</v>
      </c>
      <c r="AI39" s="290">
        <v>0</v>
      </c>
      <c r="AJ39" s="284">
        <v>0</v>
      </c>
      <c r="AK39" s="288">
        <v>0</v>
      </c>
      <c r="AL39" s="285">
        <v>0</v>
      </c>
      <c r="AM39" s="287">
        <v>0</v>
      </c>
      <c r="AN39" s="288">
        <v>0</v>
      </c>
      <c r="AO39" s="288">
        <v>0</v>
      </c>
      <c r="AP39" s="288">
        <v>0</v>
      </c>
      <c r="AQ39" s="288">
        <v>0</v>
      </c>
      <c r="AR39" s="288">
        <v>0</v>
      </c>
      <c r="AS39" s="285">
        <v>0</v>
      </c>
      <c r="AT39" s="290">
        <v>0</v>
      </c>
      <c r="AU39" s="284">
        <v>0</v>
      </c>
      <c r="AV39" s="288">
        <v>0</v>
      </c>
      <c r="AW39" s="285">
        <v>0</v>
      </c>
      <c r="AX39" s="287">
        <v>0</v>
      </c>
      <c r="AY39" s="288">
        <v>0</v>
      </c>
      <c r="AZ39" s="288">
        <v>0</v>
      </c>
      <c r="BA39" s="288">
        <v>0</v>
      </c>
      <c r="BB39" s="288">
        <v>0</v>
      </c>
      <c r="BC39" s="288">
        <v>0</v>
      </c>
      <c r="BD39" s="285">
        <v>0</v>
      </c>
      <c r="BE39" s="290">
        <v>0</v>
      </c>
      <c r="BF39" s="284">
        <v>0</v>
      </c>
      <c r="BG39" s="288">
        <v>0</v>
      </c>
      <c r="BH39" s="285">
        <v>0</v>
      </c>
      <c r="BI39" s="287">
        <v>0</v>
      </c>
      <c r="BJ39" s="288">
        <v>0</v>
      </c>
      <c r="BK39" s="288">
        <v>0</v>
      </c>
      <c r="BL39" s="288">
        <v>0</v>
      </c>
      <c r="BM39" s="288">
        <v>0</v>
      </c>
      <c r="BN39" s="288">
        <v>0</v>
      </c>
      <c r="BO39" s="289">
        <v>0</v>
      </c>
      <c r="BP39" s="290">
        <v>0</v>
      </c>
      <c r="BQ39" s="284">
        <v>0</v>
      </c>
      <c r="BR39" s="288">
        <v>0</v>
      </c>
      <c r="BS39" s="285">
        <v>0</v>
      </c>
      <c r="BT39" s="287">
        <v>0</v>
      </c>
      <c r="BU39" s="288">
        <v>0</v>
      </c>
      <c r="BV39" s="288">
        <v>0</v>
      </c>
      <c r="BW39" s="288">
        <v>0</v>
      </c>
      <c r="BX39" s="288">
        <v>0</v>
      </c>
      <c r="BY39" s="288">
        <v>0</v>
      </c>
      <c r="BZ39" s="285">
        <v>0</v>
      </c>
      <c r="CA39" s="290">
        <v>0</v>
      </c>
      <c r="CB39" s="284">
        <v>0</v>
      </c>
      <c r="CC39" s="288">
        <v>0</v>
      </c>
      <c r="CD39" s="285">
        <v>0</v>
      </c>
      <c r="CE39" s="287">
        <v>0</v>
      </c>
      <c r="CF39" s="288">
        <v>0</v>
      </c>
      <c r="CG39" s="288">
        <v>0</v>
      </c>
      <c r="CH39" s="288">
        <v>0</v>
      </c>
      <c r="CI39" s="288">
        <v>0</v>
      </c>
      <c r="CJ39" s="288">
        <v>0</v>
      </c>
      <c r="CK39" s="285">
        <v>0</v>
      </c>
      <c r="CL39" s="290">
        <v>0</v>
      </c>
      <c r="CM39" s="284">
        <v>0</v>
      </c>
      <c r="CN39" s="288">
        <v>0</v>
      </c>
      <c r="CO39" s="285">
        <v>0</v>
      </c>
      <c r="CP39" s="287">
        <v>0</v>
      </c>
      <c r="CQ39" s="288">
        <v>0</v>
      </c>
      <c r="CR39" s="288">
        <v>0</v>
      </c>
      <c r="CS39" s="288">
        <v>0</v>
      </c>
      <c r="CT39" s="288">
        <v>0</v>
      </c>
      <c r="CU39" s="288">
        <v>0</v>
      </c>
      <c r="CV39" s="285">
        <v>0</v>
      </c>
      <c r="CW39" s="290">
        <v>0</v>
      </c>
    </row>
  </sheetData>
  <mergeCells count="39">
    <mergeCell ref="Y3:AI3"/>
    <mergeCell ref="Y4:AA4"/>
    <mergeCell ref="AB4:AH4"/>
    <mergeCell ref="AI4:AI5"/>
    <mergeCell ref="AJ3:AT3"/>
    <mergeCell ref="AM4:AS4"/>
    <mergeCell ref="AT4:AT5"/>
    <mergeCell ref="I1:J1"/>
    <mergeCell ref="L1:M1"/>
    <mergeCell ref="B3:B5"/>
    <mergeCell ref="C3:M3"/>
    <mergeCell ref="N3:X3"/>
    <mergeCell ref="X4:X5"/>
    <mergeCell ref="C4:E4"/>
    <mergeCell ref="F4:L4"/>
    <mergeCell ref="M4:M5"/>
    <mergeCell ref="N4:P4"/>
    <mergeCell ref="Q4:W4"/>
    <mergeCell ref="AU4:AW4"/>
    <mergeCell ref="AJ4:AL4"/>
    <mergeCell ref="AX4:BD4"/>
    <mergeCell ref="CB4:CD4"/>
    <mergeCell ref="AU3:BE3"/>
    <mergeCell ref="BE4:BE5"/>
    <mergeCell ref="BF3:BP3"/>
    <mergeCell ref="BP4:BP5"/>
    <mergeCell ref="BQ3:CA3"/>
    <mergeCell ref="CA4:CA5"/>
    <mergeCell ref="CM3:CW3"/>
    <mergeCell ref="CM4:CO4"/>
    <mergeCell ref="CP4:CV4"/>
    <mergeCell ref="CE4:CK4"/>
    <mergeCell ref="BF4:BH4"/>
    <mergeCell ref="BI4:BO4"/>
    <mergeCell ref="BQ4:BS4"/>
    <mergeCell ref="BT4:BZ4"/>
    <mergeCell ref="CB3:CL3"/>
    <mergeCell ref="CL4:CL5"/>
    <mergeCell ref="CW4:CW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33203125" style="256" customWidth="1"/>
    <col min="6" max="6" width="7.6640625" style="256" customWidth="1"/>
    <col min="7" max="7" width="8.44140625" style="256" customWidth="1"/>
    <col min="8" max="8" width="8.77734375" style="256" customWidth="1"/>
    <col min="9" max="16" width="9" style="256"/>
    <col min="17" max="17" width="7.21875" style="256" customWidth="1"/>
    <col min="18" max="27" width="9" style="256"/>
    <col min="28" max="28" width="7.6640625" style="256" customWidth="1"/>
    <col min="29" max="38" width="9" style="256"/>
    <col min="39" max="39" width="7.6640625" style="256" customWidth="1"/>
    <col min="40" max="49" width="9" style="256"/>
    <col min="50" max="50" width="7.6640625" style="256" customWidth="1"/>
    <col min="51" max="60" width="9" style="256"/>
    <col min="61" max="61" width="7.21875" style="256" customWidth="1"/>
    <col min="62" max="71" width="9" style="256"/>
    <col min="72" max="72" width="7.21875" style="256" customWidth="1"/>
    <col min="73" max="82" width="9" style="256"/>
    <col min="83" max="83" width="7.33203125" style="256" customWidth="1"/>
    <col min="84" max="93" width="9" style="256"/>
    <col min="94" max="94" width="7.44140625" style="256" customWidth="1"/>
    <col min="95" max="16384" width="9" style="256"/>
  </cols>
  <sheetData>
    <row r="1" spans="1:101" ht="24" customHeight="1" x14ac:dyDescent="0.2">
      <c r="B1" s="291" t="s">
        <v>124</v>
      </c>
      <c r="I1" s="528">
        <f>第１表!F2</f>
        <v>4</v>
      </c>
      <c r="J1" s="528"/>
      <c r="K1" s="248">
        <f>第１表!G2</f>
        <v>9</v>
      </c>
      <c r="L1" s="529">
        <f>IF(K1&lt;3,K1+12-2,K1-2)</f>
        <v>7</v>
      </c>
      <c r="M1" s="529"/>
    </row>
    <row r="2" spans="1:101" s="292" customFormat="1" ht="24" customHeight="1" thickBot="1" x14ac:dyDescent="0.25">
      <c r="A2" s="44"/>
      <c r="B2" s="291" t="s">
        <v>155</v>
      </c>
    </row>
    <row r="3" spans="1:101" ht="23.25" customHeight="1" thickBot="1" x14ac:dyDescent="0.25">
      <c r="B3" s="537"/>
      <c r="C3" s="540" t="s">
        <v>94</v>
      </c>
      <c r="D3" s="541"/>
      <c r="E3" s="541"/>
      <c r="F3" s="541"/>
      <c r="G3" s="541"/>
      <c r="H3" s="541"/>
      <c r="I3" s="541"/>
      <c r="J3" s="541"/>
      <c r="K3" s="541"/>
      <c r="L3" s="541"/>
      <c r="M3" s="542"/>
      <c r="N3" s="540" t="s">
        <v>88</v>
      </c>
      <c r="O3" s="541"/>
      <c r="P3" s="541"/>
      <c r="Q3" s="541"/>
      <c r="R3" s="541"/>
      <c r="S3" s="541"/>
      <c r="T3" s="541"/>
      <c r="U3" s="541"/>
      <c r="V3" s="541"/>
      <c r="W3" s="541"/>
      <c r="X3" s="542"/>
      <c r="Y3" s="540" t="s">
        <v>142</v>
      </c>
      <c r="Z3" s="541"/>
      <c r="AA3" s="541"/>
      <c r="AB3" s="541"/>
      <c r="AC3" s="541"/>
      <c r="AD3" s="541"/>
      <c r="AE3" s="541"/>
      <c r="AF3" s="541"/>
      <c r="AG3" s="541"/>
      <c r="AH3" s="541"/>
      <c r="AI3" s="542"/>
      <c r="AJ3" s="540" t="s">
        <v>90</v>
      </c>
      <c r="AK3" s="541"/>
      <c r="AL3" s="541"/>
      <c r="AM3" s="541"/>
      <c r="AN3" s="541"/>
      <c r="AO3" s="541"/>
      <c r="AP3" s="541"/>
      <c r="AQ3" s="541"/>
      <c r="AR3" s="541"/>
      <c r="AS3" s="541"/>
      <c r="AT3" s="542"/>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1</v>
      </c>
      <c r="CN3" s="547"/>
      <c r="CO3" s="547"/>
      <c r="CP3" s="547"/>
      <c r="CQ3" s="547"/>
      <c r="CR3" s="547"/>
      <c r="CS3" s="547"/>
      <c r="CT3" s="547"/>
      <c r="CU3" s="547"/>
      <c r="CV3" s="547"/>
      <c r="CW3" s="548"/>
    </row>
    <row r="4" spans="1:101" ht="22.5"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62" t="s">
        <v>61</v>
      </c>
      <c r="AV4" s="560"/>
      <c r="AW4" s="561"/>
      <c r="AX4" s="559" t="s">
        <v>62</v>
      </c>
      <c r="AY4" s="560"/>
      <c r="AZ4" s="560"/>
      <c r="BA4" s="560"/>
      <c r="BB4" s="560"/>
      <c r="BC4" s="560"/>
      <c r="BD4" s="561"/>
      <c r="BE4" s="563" t="s">
        <v>52</v>
      </c>
      <c r="BF4" s="562" t="s">
        <v>61</v>
      </c>
      <c r="BG4" s="560"/>
      <c r="BH4" s="561"/>
      <c r="BI4" s="559" t="s">
        <v>62</v>
      </c>
      <c r="BJ4" s="560"/>
      <c r="BK4" s="560"/>
      <c r="BL4" s="560"/>
      <c r="BM4" s="560"/>
      <c r="BN4" s="560"/>
      <c r="BO4" s="561"/>
      <c r="BP4" s="563" t="s">
        <v>52</v>
      </c>
      <c r="BQ4" s="562" t="s">
        <v>61</v>
      </c>
      <c r="BR4" s="560"/>
      <c r="BS4" s="561"/>
      <c r="BT4" s="559" t="s">
        <v>62</v>
      </c>
      <c r="BU4" s="560"/>
      <c r="BV4" s="560"/>
      <c r="BW4" s="560"/>
      <c r="BX4" s="560"/>
      <c r="BY4" s="560"/>
      <c r="BZ4" s="561"/>
      <c r="CA4" s="563" t="s">
        <v>52</v>
      </c>
      <c r="CB4" s="562" t="s">
        <v>61</v>
      </c>
      <c r="CC4" s="560"/>
      <c r="CD4" s="561"/>
      <c r="CE4" s="559" t="s">
        <v>62</v>
      </c>
      <c r="CF4" s="560"/>
      <c r="CG4" s="560"/>
      <c r="CH4" s="560"/>
      <c r="CI4" s="560"/>
      <c r="CJ4" s="560"/>
      <c r="CK4" s="561"/>
      <c r="CL4" s="563" t="s">
        <v>52</v>
      </c>
      <c r="CM4" s="562" t="s">
        <v>61</v>
      </c>
      <c r="CN4" s="560"/>
      <c r="CO4" s="561"/>
      <c r="CP4" s="559" t="s">
        <v>62</v>
      </c>
      <c r="CQ4" s="560"/>
      <c r="CR4" s="560"/>
      <c r="CS4" s="560"/>
      <c r="CT4" s="560"/>
      <c r="CU4" s="560"/>
      <c r="CV4" s="561"/>
      <c r="CW4" s="563" t="s">
        <v>52</v>
      </c>
    </row>
    <row r="5" spans="1:101" ht="34.5" customHeight="1" thickBot="1" x14ac:dyDescent="0.25">
      <c r="B5" s="539"/>
      <c r="C5" s="351" t="s">
        <v>43</v>
      </c>
      <c r="D5" s="266" t="s">
        <v>44</v>
      </c>
      <c r="E5" s="267" t="s">
        <v>45</v>
      </c>
      <c r="F5" s="268" t="s">
        <v>83</v>
      </c>
      <c r="G5" s="260" t="s">
        <v>47</v>
      </c>
      <c r="H5" s="260" t="s">
        <v>48</v>
      </c>
      <c r="I5" s="260" t="s">
        <v>49</v>
      </c>
      <c r="J5" s="260" t="s">
        <v>50</v>
      </c>
      <c r="K5" s="260" t="s">
        <v>51</v>
      </c>
      <c r="L5" s="269" t="s">
        <v>45</v>
      </c>
      <c r="M5" s="531"/>
      <c r="N5" s="351" t="s">
        <v>43</v>
      </c>
      <c r="O5" s="260" t="s">
        <v>44</v>
      </c>
      <c r="P5" s="266" t="s">
        <v>45</v>
      </c>
      <c r="Q5" s="268" t="s">
        <v>83</v>
      </c>
      <c r="R5" s="260" t="s">
        <v>47</v>
      </c>
      <c r="S5" s="260" t="s">
        <v>48</v>
      </c>
      <c r="T5" s="260" t="s">
        <v>49</v>
      </c>
      <c r="U5" s="260" t="s">
        <v>50</v>
      </c>
      <c r="V5" s="260" t="s">
        <v>51</v>
      </c>
      <c r="W5" s="266" t="s">
        <v>45</v>
      </c>
      <c r="X5" s="531"/>
      <c r="Y5" s="351" t="s">
        <v>43</v>
      </c>
      <c r="Z5" s="260" t="s">
        <v>44</v>
      </c>
      <c r="AA5" s="266" t="s">
        <v>45</v>
      </c>
      <c r="AB5" s="268" t="s">
        <v>83</v>
      </c>
      <c r="AC5" s="260" t="s">
        <v>47</v>
      </c>
      <c r="AD5" s="260" t="s">
        <v>48</v>
      </c>
      <c r="AE5" s="260" t="s">
        <v>49</v>
      </c>
      <c r="AF5" s="260" t="s">
        <v>50</v>
      </c>
      <c r="AG5" s="260" t="s">
        <v>51</v>
      </c>
      <c r="AH5" s="266" t="s">
        <v>45</v>
      </c>
      <c r="AI5" s="531"/>
      <c r="AJ5" s="351" t="s">
        <v>43</v>
      </c>
      <c r="AK5" s="260" t="s">
        <v>44</v>
      </c>
      <c r="AL5" s="266" t="s">
        <v>45</v>
      </c>
      <c r="AM5" s="268" t="s">
        <v>83</v>
      </c>
      <c r="AN5" s="260" t="s">
        <v>47</v>
      </c>
      <c r="AO5" s="260" t="s">
        <v>48</v>
      </c>
      <c r="AP5" s="260" t="s">
        <v>49</v>
      </c>
      <c r="AQ5" s="260" t="s">
        <v>50</v>
      </c>
      <c r="AR5" s="260" t="s">
        <v>51</v>
      </c>
      <c r="AS5" s="266" t="s">
        <v>45</v>
      </c>
      <c r="AT5" s="531"/>
      <c r="AU5" s="351" t="s">
        <v>43</v>
      </c>
      <c r="AV5" s="260" t="s">
        <v>44</v>
      </c>
      <c r="AW5" s="266" t="s">
        <v>45</v>
      </c>
      <c r="AX5" s="268" t="s">
        <v>83</v>
      </c>
      <c r="AY5" s="260" t="s">
        <v>47</v>
      </c>
      <c r="AZ5" s="260" t="s">
        <v>48</v>
      </c>
      <c r="BA5" s="260" t="s">
        <v>49</v>
      </c>
      <c r="BB5" s="260" t="s">
        <v>50</v>
      </c>
      <c r="BC5" s="260" t="s">
        <v>51</v>
      </c>
      <c r="BD5" s="266" t="s">
        <v>45</v>
      </c>
      <c r="BE5" s="564"/>
      <c r="BF5" s="351" t="s">
        <v>43</v>
      </c>
      <c r="BG5" s="260" t="s">
        <v>44</v>
      </c>
      <c r="BH5" s="266" t="s">
        <v>45</v>
      </c>
      <c r="BI5" s="268" t="s">
        <v>83</v>
      </c>
      <c r="BJ5" s="260" t="s">
        <v>47</v>
      </c>
      <c r="BK5" s="260" t="s">
        <v>48</v>
      </c>
      <c r="BL5" s="260" t="s">
        <v>49</v>
      </c>
      <c r="BM5" s="260" t="s">
        <v>50</v>
      </c>
      <c r="BN5" s="260" t="s">
        <v>51</v>
      </c>
      <c r="BO5" s="266" t="s">
        <v>45</v>
      </c>
      <c r="BP5" s="564"/>
      <c r="BQ5" s="351" t="s">
        <v>43</v>
      </c>
      <c r="BR5" s="260" t="s">
        <v>44</v>
      </c>
      <c r="BS5" s="266" t="s">
        <v>45</v>
      </c>
      <c r="BT5" s="268" t="s">
        <v>83</v>
      </c>
      <c r="BU5" s="260" t="s">
        <v>47</v>
      </c>
      <c r="BV5" s="260" t="s">
        <v>48</v>
      </c>
      <c r="BW5" s="260" t="s">
        <v>49</v>
      </c>
      <c r="BX5" s="260" t="s">
        <v>50</v>
      </c>
      <c r="BY5" s="260" t="s">
        <v>51</v>
      </c>
      <c r="BZ5" s="266" t="s">
        <v>45</v>
      </c>
      <c r="CA5" s="564"/>
      <c r="CB5" s="351" t="s">
        <v>43</v>
      </c>
      <c r="CC5" s="260" t="s">
        <v>44</v>
      </c>
      <c r="CD5" s="266" t="s">
        <v>45</v>
      </c>
      <c r="CE5" s="268" t="s">
        <v>83</v>
      </c>
      <c r="CF5" s="260" t="s">
        <v>47</v>
      </c>
      <c r="CG5" s="260" t="s">
        <v>48</v>
      </c>
      <c r="CH5" s="260" t="s">
        <v>49</v>
      </c>
      <c r="CI5" s="260" t="s">
        <v>50</v>
      </c>
      <c r="CJ5" s="260" t="s">
        <v>51</v>
      </c>
      <c r="CK5" s="266" t="s">
        <v>45</v>
      </c>
      <c r="CL5" s="564"/>
      <c r="CM5" s="351" t="s">
        <v>43</v>
      </c>
      <c r="CN5" s="260" t="s">
        <v>44</v>
      </c>
      <c r="CO5" s="266" t="s">
        <v>45</v>
      </c>
      <c r="CP5" s="268" t="s">
        <v>83</v>
      </c>
      <c r="CQ5" s="260" t="s">
        <v>47</v>
      </c>
      <c r="CR5" s="260" t="s">
        <v>48</v>
      </c>
      <c r="CS5" s="260" t="s">
        <v>49</v>
      </c>
      <c r="CT5" s="260" t="s">
        <v>50</v>
      </c>
      <c r="CU5" s="260" t="s">
        <v>51</v>
      </c>
      <c r="CV5" s="266" t="s">
        <v>45</v>
      </c>
      <c r="CW5" s="564"/>
    </row>
    <row r="6" spans="1:101" ht="21" customHeight="1" x14ac:dyDescent="0.2">
      <c r="B6" s="261" t="s">
        <v>4</v>
      </c>
      <c r="C6" s="270">
        <v>0</v>
      </c>
      <c r="D6" s="271">
        <v>0</v>
      </c>
      <c r="E6" s="272">
        <v>0</v>
      </c>
      <c r="F6" s="273">
        <v>0</v>
      </c>
      <c r="G6" s="274">
        <v>27</v>
      </c>
      <c r="H6" s="274">
        <v>28</v>
      </c>
      <c r="I6" s="274">
        <v>20</v>
      </c>
      <c r="J6" s="274">
        <v>28</v>
      </c>
      <c r="K6" s="274">
        <v>15</v>
      </c>
      <c r="L6" s="275">
        <v>118</v>
      </c>
      <c r="M6" s="276">
        <v>118</v>
      </c>
      <c r="N6" s="270">
        <v>0</v>
      </c>
      <c r="O6" s="274">
        <v>0</v>
      </c>
      <c r="P6" s="271">
        <v>0</v>
      </c>
      <c r="Q6" s="273">
        <v>0</v>
      </c>
      <c r="R6" s="274">
        <v>7</v>
      </c>
      <c r="S6" s="274">
        <v>32</v>
      </c>
      <c r="T6" s="274">
        <v>31</v>
      </c>
      <c r="U6" s="274">
        <v>26</v>
      </c>
      <c r="V6" s="274">
        <v>20</v>
      </c>
      <c r="W6" s="271">
        <v>116</v>
      </c>
      <c r="X6" s="276">
        <v>116</v>
      </c>
      <c r="Y6" s="270">
        <v>0</v>
      </c>
      <c r="Z6" s="274">
        <v>0</v>
      </c>
      <c r="AA6" s="271">
        <v>0</v>
      </c>
      <c r="AB6" s="273">
        <v>0</v>
      </c>
      <c r="AC6" s="274">
        <v>824</v>
      </c>
      <c r="AD6" s="274">
        <v>636</v>
      </c>
      <c r="AE6" s="274">
        <v>304</v>
      </c>
      <c r="AF6" s="274">
        <v>144</v>
      </c>
      <c r="AG6" s="274">
        <v>64</v>
      </c>
      <c r="AH6" s="271">
        <v>1972</v>
      </c>
      <c r="AI6" s="276">
        <v>1972</v>
      </c>
      <c r="AJ6" s="270">
        <v>2</v>
      </c>
      <c r="AK6" s="274">
        <v>0</v>
      </c>
      <c r="AL6" s="271">
        <v>2</v>
      </c>
      <c r="AM6" s="273">
        <v>0</v>
      </c>
      <c r="AN6" s="274">
        <v>45</v>
      </c>
      <c r="AO6" s="274">
        <v>72</v>
      </c>
      <c r="AP6" s="274">
        <v>65</v>
      </c>
      <c r="AQ6" s="274">
        <v>27</v>
      </c>
      <c r="AR6" s="274">
        <v>27</v>
      </c>
      <c r="AS6" s="271">
        <v>236</v>
      </c>
      <c r="AT6" s="276">
        <v>238</v>
      </c>
      <c r="AU6" s="270">
        <v>14</v>
      </c>
      <c r="AV6" s="274">
        <v>14</v>
      </c>
      <c r="AW6" s="271">
        <v>28</v>
      </c>
      <c r="AX6" s="273">
        <v>0</v>
      </c>
      <c r="AY6" s="274">
        <v>71</v>
      </c>
      <c r="AZ6" s="274">
        <v>47</v>
      </c>
      <c r="BA6" s="274">
        <v>58</v>
      </c>
      <c r="BB6" s="274">
        <v>38</v>
      </c>
      <c r="BC6" s="274">
        <v>19</v>
      </c>
      <c r="BD6" s="271">
        <v>233</v>
      </c>
      <c r="BE6" s="276">
        <v>261</v>
      </c>
      <c r="BF6" s="270">
        <v>0</v>
      </c>
      <c r="BG6" s="274">
        <v>0</v>
      </c>
      <c r="BH6" s="271">
        <v>0</v>
      </c>
      <c r="BI6" s="273">
        <v>0</v>
      </c>
      <c r="BJ6" s="274">
        <v>77</v>
      </c>
      <c r="BK6" s="274">
        <v>111</v>
      </c>
      <c r="BL6" s="274">
        <v>124</v>
      </c>
      <c r="BM6" s="274">
        <v>85</v>
      </c>
      <c r="BN6" s="274">
        <v>69</v>
      </c>
      <c r="BO6" s="275">
        <v>466</v>
      </c>
      <c r="BP6" s="276">
        <v>466</v>
      </c>
      <c r="BQ6" s="270">
        <v>0</v>
      </c>
      <c r="BR6" s="274">
        <v>0</v>
      </c>
      <c r="BS6" s="271">
        <v>0</v>
      </c>
      <c r="BT6" s="273">
        <v>0</v>
      </c>
      <c r="BU6" s="274">
        <v>3</v>
      </c>
      <c r="BV6" s="274">
        <v>7</v>
      </c>
      <c r="BW6" s="274">
        <v>7</v>
      </c>
      <c r="BX6" s="274">
        <v>6</v>
      </c>
      <c r="BY6" s="274">
        <v>8</v>
      </c>
      <c r="BZ6" s="271">
        <v>31</v>
      </c>
      <c r="CA6" s="276">
        <v>31</v>
      </c>
      <c r="CB6" s="270">
        <v>0</v>
      </c>
      <c r="CC6" s="274">
        <v>0</v>
      </c>
      <c r="CD6" s="271">
        <v>0</v>
      </c>
      <c r="CE6" s="273">
        <v>0</v>
      </c>
      <c r="CF6" s="274">
        <v>1</v>
      </c>
      <c r="CG6" s="274">
        <v>2</v>
      </c>
      <c r="CH6" s="274">
        <v>10</v>
      </c>
      <c r="CI6" s="274">
        <v>16</v>
      </c>
      <c r="CJ6" s="274">
        <v>8</v>
      </c>
      <c r="CK6" s="271">
        <v>37</v>
      </c>
      <c r="CL6" s="276">
        <v>37</v>
      </c>
      <c r="CM6" s="270">
        <v>0</v>
      </c>
      <c r="CN6" s="274">
        <v>0</v>
      </c>
      <c r="CO6" s="271">
        <v>0</v>
      </c>
      <c r="CP6" s="273">
        <v>0</v>
      </c>
      <c r="CQ6" s="274">
        <v>10</v>
      </c>
      <c r="CR6" s="274">
        <v>13</v>
      </c>
      <c r="CS6" s="274">
        <v>16</v>
      </c>
      <c r="CT6" s="274">
        <v>20</v>
      </c>
      <c r="CU6" s="274">
        <v>33</v>
      </c>
      <c r="CV6" s="271">
        <v>92</v>
      </c>
      <c r="CW6" s="276">
        <v>92</v>
      </c>
    </row>
    <row r="7" spans="1:101" ht="21" customHeight="1" x14ac:dyDescent="0.2">
      <c r="B7" s="262" t="s">
        <v>5</v>
      </c>
      <c r="C7" s="277">
        <v>0</v>
      </c>
      <c r="D7" s="278">
        <v>0</v>
      </c>
      <c r="E7" s="279">
        <v>0</v>
      </c>
      <c r="F7" s="280">
        <v>0</v>
      </c>
      <c r="G7" s="281">
        <v>9</v>
      </c>
      <c r="H7" s="281">
        <v>15</v>
      </c>
      <c r="I7" s="281">
        <v>7</v>
      </c>
      <c r="J7" s="281">
        <v>11</v>
      </c>
      <c r="K7" s="281">
        <v>3</v>
      </c>
      <c r="L7" s="282">
        <v>45</v>
      </c>
      <c r="M7" s="283">
        <v>45</v>
      </c>
      <c r="N7" s="277">
        <v>0</v>
      </c>
      <c r="O7" s="281">
        <v>0</v>
      </c>
      <c r="P7" s="278">
        <v>0</v>
      </c>
      <c r="Q7" s="280">
        <v>0</v>
      </c>
      <c r="R7" s="281">
        <v>5</v>
      </c>
      <c r="S7" s="281">
        <v>26</v>
      </c>
      <c r="T7" s="281">
        <v>22</v>
      </c>
      <c r="U7" s="281">
        <v>18</v>
      </c>
      <c r="V7" s="281">
        <v>13</v>
      </c>
      <c r="W7" s="278">
        <v>84</v>
      </c>
      <c r="X7" s="283">
        <v>84</v>
      </c>
      <c r="Y7" s="277">
        <v>0</v>
      </c>
      <c r="Z7" s="281">
        <v>0</v>
      </c>
      <c r="AA7" s="278">
        <v>0</v>
      </c>
      <c r="AB7" s="280">
        <v>0</v>
      </c>
      <c r="AC7" s="281">
        <v>312</v>
      </c>
      <c r="AD7" s="281">
        <v>346</v>
      </c>
      <c r="AE7" s="281">
        <v>118</v>
      </c>
      <c r="AF7" s="281">
        <v>71</v>
      </c>
      <c r="AG7" s="281">
        <v>27</v>
      </c>
      <c r="AH7" s="278">
        <v>874</v>
      </c>
      <c r="AI7" s="283">
        <v>874</v>
      </c>
      <c r="AJ7" s="277">
        <v>2</v>
      </c>
      <c r="AK7" s="281">
        <v>0</v>
      </c>
      <c r="AL7" s="278">
        <v>2</v>
      </c>
      <c r="AM7" s="280">
        <v>0</v>
      </c>
      <c r="AN7" s="281">
        <v>26</v>
      </c>
      <c r="AO7" s="281">
        <v>42</v>
      </c>
      <c r="AP7" s="281">
        <v>32</v>
      </c>
      <c r="AQ7" s="281">
        <v>20</v>
      </c>
      <c r="AR7" s="281">
        <v>16</v>
      </c>
      <c r="AS7" s="278">
        <v>136</v>
      </c>
      <c r="AT7" s="283">
        <v>138</v>
      </c>
      <c r="AU7" s="277">
        <v>9</v>
      </c>
      <c r="AV7" s="281">
        <v>4</v>
      </c>
      <c r="AW7" s="278">
        <v>13</v>
      </c>
      <c r="AX7" s="280">
        <v>0</v>
      </c>
      <c r="AY7" s="281">
        <v>27</v>
      </c>
      <c r="AZ7" s="281">
        <v>21</v>
      </c>
      <c r="BA7" s="281">
        <v>26</v>
      </c>
      <c r="BB7" s="281">
        <v>16</v>
      </c>
      <c r="BC7" s="281">
        <v>7</v>
      </c>
      <c r="BD7" s="278">
        <v>97</v>
      </c>
      <c r="BE7" s="283">
        <v>110</v>
      </c>
      <c r="BF7" s="277">
        <v>0</v>
      </c>
      <c r="BG7" s="281">
        <v>0</v>
      </c>
      <c r="BH7" s="278">
        <v>0</v>
      </c>
      <c r="BI7" s="280">
        <v>0</v>
      </c>
      <c r="BJ7" s="281">
        <v>29</v>
      </c>
      <c r="BK7" s="281">
        <v>44</v>
      </c>
      <c r="BL7" s="281">
        <v>55</v>
      </c>
      <c r="BM7" s="281">
        <v>31</v>
      </c>
      <c r="BN7" s="281">
        <v>21</v>
      </c>
      <c r="BO7" s="282">
        <v>180</v>
      </c>
      <c r="BP7" s="283">
        <v>180</v>
      </c>
      <c r="BQ7" s="277">
        <v>0</v>
      </c>
      <c r="BR7" s="281">
        <v>0</v>
      </c>
      <c r="BS7" s="278">
        <v>0</v>
      </c>
      <c r="BT7" s="280">
        <v>0</v>
      </c>
      <c r="BU7" s="281">
        <v>0</v>
      </c>
      <c r="BV7" s="281">
        <v>0</v>
      </c>
      <c r="BW7" s="281">
        <v>0</v>
      </c>
      <c r="BX7" s="281">
        <v>0</v>
      </c>
      <c r="BY7" s="281">
        <v>0</v>
      </c>
      <c r="BZ7" s="278">
        <v>0</v>
      </c>
      <c r="CA7" s="283">
        <v>0</v>
      </c>
      <c r="CB7" s="277">
        <v>0</v>
      </c>
      <c r="CC7" s="281">
        <v>0</v>
      </c>
      <c r="CD7" s="278">
        <v>0</v>
      </c>
      <c r="CE7" s="280">
        <v>0</v>
      </c>
      <c r="CF7" s="281">
        <v>0</v>
      </c>
      <c r="CG7" s="281">
        <v>0</v>
      </c>
      <c r="CH7" s="281">
        <v>2</v>
      </c>
      <c r="CI7" s="281">
        <v>0</v>
      </c>
      <c r="CJ7" s="281">
        <v>1</v>
      </c>
      <c r="CK7" s="278">
        <v>3</v>
      </c>
      <c r="CL7" s="283">
        <v>3</v>
      </c>
      <c r="CM7" s="277">
        <v>0</v>
      </c>
      <c r="CN7" s="281">
        <v>0</v>
      </c>
      <c r="CO7" s="278">
        <v>0</v>
      </c>
      <c r="CP7" s="280">
        <v>0</v>
      </c>
      <c r="CQ7" s="281">
        <v>2</v>
      </c>
      <c r="CR7" s="281">
        <v>4</v>
      </c>
      <c r="CS7" s="281">
        <v>5</v>
      </c>
      <c r="CT7" s="281">
        <v>5</v>
      </c>
      <c r="CU7" s="281">
        <v>18</v>
      </c>
      <c r="CV7" s="278">
        <v>34</v>
      </c>
      <c r="CW7" s="283">
        <v>34</v>
      </c>
    </row>
    <row r="8" spans="1:101" ht="21" customHeight="1" x14ac:dyDescent="0.2">
      <c r="B8" s="262" t="s">
        <v>6</v>
      </c>
      <c r="C8" s="277">
        <v>0</v>
      </c>
      <c r="D8" s="278">
        <v>0</v>
      </c>
      <c r="E8" s="279">
        <v>0</v>
      </c>
      <c r="F8" s="280">
        <v>0</v>
      </c>
      <c r="G8" s="281">
        <v>10</v>
      </c>
      <c r="H8" s="281">
        <v>5</v>
      </c>
      <c r="I8" s="281">
        <v>6</v>
      </c>
      <c r="J8" s="281">
        <v>7</v>
      </c>
      <c r="K8" s="281">
        <v>4</v>
      </c>
      <c r="L8" s="282">
        <v>32</v>
      </c>
      <c r="M8" s="283">
        <v>32</v>
      </c>
      <c r="N8" s="277">
        <v>0</v>
      </c>
      <c r="O8" s="281">
        <v>0</v>
      </c>
      <c r="P8" s="278">
        <v>0</v>
      </c>
      <c r="Q8" s="280">
        <v>0</v>
      </c>
      <c r="R8" s="281">
        <v>2</v>
      </c>
      <c r="S8" s="281">
        <v>5</v>
      </c>
      <c r="T8" s="281">
        <v>7</v>
      </c>
      <c r="U8" s="281">
        <v>6</v>
      </c>
      <c r="V8" s="281">
        <v>5</v>
      </c>
      <c r="W8" s="278">
        <v>25</v>
      </c>
      <c r="X8" s="283">
        <v>25</v>
      </c>
      <c r="Y8" s="277">
        <v>0</v>
      </c>
      <c r="Z8" s="281">
        <v>0</v>
      </c>
      <c r="AA8" s="278">
        <v>0</v>
      </c>
      <c r="AB8" s="280">
        <v>0</v>
      </c>
      <c r="AC8" s="281">
        <v>155</v>
      </c>
      <c r="AD8" s="281">
        <v>68</v>
      </c>
      <c r="AE8" s="281">
        <v>50</v>
      </c>
      <c r="AF8" s="281">
        <v>18</v>
      </c>
      <c r="AG8" s="281">
        <v>8</v>
      </c>
      <c r="AH8" s="278">
        <v>299</v>
      </c>
      <c r="AI8" s="283">
        <v>299</v>
      </c>
      <c r="AJ8" s="277">
        <v>0</v>
      </c>
      <c r="AK8" s="281">
        <v>0</v>
      </c>
      <c r="AL8" s="278">
        <v>0</v>
      </c>
      <c r="AM8" s="280">
        <v>0</v>
      </c>
      <c r="AN8" s="281">
        <v>8</v>
      </c>
      <c r="AO8" s="281">
        <v>13</v>
      </c>
      <c r="AP8" s="281">
        <v>17</v>
      </c>
      <c r="AQ8" s="281">
        <v>4</v>
      </c>
      <c r="AR8" s="281">
        <v>4</v>
      </c>
      <c r="AS8" s="278">
        <v>46</v>
      </c>
      <c r="AT8" s="283">
        <v>46</v>
      </c>
      <c r="AU8" s="277">
        <v>1</v>
      </c>
      <c r="AV8" s="281">
        <v>4</v>
      </c>
      <c r="AW8" s="278">
        <v>5</v>
      </c>
      <c r="AX8" s="280">
        <v>0</v>
      </c>
      <c r="AY8" s="281">
        <v>13</v>
      </c>
      <c r="AZ8" s="281">
        <v>9</v>
      </c>
      <c r="BA8" s="281">
        <v>9</v>
      </c>
      <c r="BB8" s="281">
        <v>5</v>
      </c>
      <c r="BC8" s="281">
        <v>0</v>
      </c>
      <c r="BD8" s="278">
        <v>36</v>
      </c>
      <c r="BE8" s="283">
        <v>41</v>
      </c>
      <c r="BF8" s="277">
        <v>0</v>
      </c>
      <c r="BG8" s="281">
        <v>0</v>
      </c>
      <c r="BH8" s="278">
        <v>0</v>
      </c>
      <c r="BI8" s="280">
        <v>0</v>
      </c>
      <c r="BJ8" s="281">
        <v>15</v>
      </c>
      <c r="BK8" s="281">
        <v>27</v>
      </c>
      <c r="BL8" s="281">
        <v>22</v>
      </c>
      <c r="BM8" s="281">
        <v>13</v>
      </c>
      <c r="BN8" s="281">
        <v>17</v>
      </c>
      <c r="BO8" s="282">
        <v>94</v>
      </c>
      <c r="BP8" s="283">
        <v>94</v>
      </c>
      <c r="BQ8" s="277">
        <v>0</v>
      </c>
      <c r="BR8" s="281">
        <v>0</v>
      </c>
      <c r="BS8" s="278">
        <v>0</v>
      </c>
      <c r="BT8" s="280">
        <v>0</v>
      </c>
      <c r="BU8" s="281">
        <v>0</v>
      </c>
      <c r="BV8" s="281">
        <v>0</v>
      </c>
      <c r="BW8" s="281">
        <v>0</v>
      </c>
      <c r="BX8" s="281">
        <v>0</v>
      </c>
      <c r="BY8" s="281">
        <v>0</v>
      </c>
      <c r="BZ8" s="278">
        <v>0</v>
      </c>
      <c r="CA8" s="283">
        <v>0</v>
      </c>
      <c r="CB8" s="277">
        <v>0</v>
      </c>
      <c r="CC8" s="281">
        <v>0</v>
      </c>
      <c r="CD8" s="278">
        <v>0</v>
      </c>
      <c r="CE8" s="280">
        <v>0</v>
      </c>
      <c r="CF8" s="281">
        <v>1</v>
      </c>
      <c r="CG8" s="281">
        <v>0</v>
      </c>
      <c r="CH8" s="281">
        <v>5</v>
      </c>
      <c r="CI8" s="281">
        <v>6</v>
      </c>
      <c r="CJ8" s="281">
        <v>1</v>
      </c>
      <c r="CK8" s="278">
        <v>13</v>
      </c>
      <c r="CL8" s="283">
        <v>13</v>
      </c>
      <c r="CM8" s="277">
        <v>0</v>
      </c>
      <c r="CN8" s="281">
        <v>0</v>
      </c>
      <c r="CO8" s="278">
        <v>0</v>
      </c>
      <c r="CP8" s="280">
        <v>0</v>
      </c>
      <c r="CQ8" s="281">
        <v>2</v>
      </c>
      <c r="CR8" s="281">
        <v>4</v>
      </c>
      <c r="CS8" s="281">
        <v>7</v>
      </c>
      <c r="CT8" s="281">
        <v>8</v>
      </c>
      <c r="CU8" s="281">
        <v>4</v>
      </c>
      <c r="CV8" s="278">
        <v>25</v>
      </c>
      <c r="CW8" s="283">
        <v>25</v>
      </c>
    </row>
    <row r="9" spans="1:101" ht="21" customHeight="1" x14ac:dyDescent="0.2">
      <c r="B9" s="262" t="s">
        <v>14</v>
      </c>
      <c r="C9" s="277">
        <v>0</v>
      </c>
      <c r="D9" s="278">
        <v>0</v>
      </c>
      <c r="E9" s="279">
        <v>0</v>
      </c>
      <c r="F9" s="280">
        <v>0</v>
      </c>
      <c r="G9" s="281">
        <v>0</v>
      </c>
      <c r="H9" s="281">
        <v>0</v>
      </c>
      <c r="I9" s="281">
        <v>1</v>
      </c>
      <c r="J9" s="281">
        <v>1</v>
      </c>
      <c r="K9" s="281">
        <v>3</v>
      </c>
      <c r="L9" s="282">
        <v>5</v>
      </c>
      <c r="M9" s="283">
        <v>5</v>
      </c>
      <c r="N9" s="277">
        <v>0</v>
      </c>
      <c r="O9" s="281">
        <v>0</v>
      </c>
      <c r="P9" s="278">
        <v>0</v>
      </c>
      <c r="Q9" s="280">
        <v>0</v>
      </c>
      <c r="R9" s="281">
        <v>0</v>
      </c>
      <c r="S9" s="281">
        <v>0</v>
      </c>
      <c r="T9" s="281">
        <v>0</v>
      </c>
      <c r="U9" s="281">
        <v>1</v>
      </c>
      <c r="V9" s="281">
        <v>0</v>
      </c>
      <c r="W9" s="278">
        <v>1</v>
      </c>
      <c r="X9" s="283">
        <v>1</v>
      </c>
      <c r="Y9" s="277">
        <v>0</v>
      </c>
      <c r="Z9" s="281">
        <v>0</v>
      </c>
      <c r="AA9" s="278">
        <v>0</v>
      </c>
      <c r="AB9" s="280">
        <v>0</v>
      </c>
      <c r="AC9" s="281">
        <v>50</v>
      </c>
      <c r="AD9" s="281">
        <v>40</v>
      </c>
      <c r="AE9" s="281">
        <v>26</v>
      </c>
      <c r="AF9" s="281">
        <v>7</v>
      </c>
      <c r="AG9" s="281">
        <v>4</v>
      </c>
      <c r="AH9" s="278">
        <v>127</v>
      </c>
      <c r="AI9" s="283">
        <v>127</v>
      </c>
      <c r="AJ9" s="277">
        <v>0</v>
      </c>
      <c r="AK9" s="281">
        <v>0</v>
      </c>
      <c r="AL9" s="278">
        <v>0</v>
      </c>
      <c r="AM9" s="280">
        <v>0</v>
      </c>
      <c r="AN9" s="281">
        <v>1</v>
      </c>
      <c r="AO9" s="281">
        <v>0</v>
      </c>
      <c r="AP9" s="281">
        <v>1</v>
      </c>
      <c r="AQ9" s="281">
        <v>1</v>
      </c>
      <c r="AR9" s="281">
        <v>1</v>
      </c>
      <c r="AS9" s="278">
        <v>4</v>
      </c>
      <c r="AT9" s="283">
        <v>4</v>
      </c>
      <c r="AU9" s="277">
        <v>0</v>
      </c>
      <c r="AV9" s="281">
        <v>0</v>
      </c>
      <c r="AW9" s="278">
        <v>0</v>
      </c>
      <c r="AX9" s="280">
        <v>0</v>
      </c>
      <c r="AY9" s="281">
        <v>3</v>
      </c>
      <c r="AZ9" s="281">
        <v>7</v>
      </c>
      <c r="BA9" s="281">
        <v>5</v>
      </c>
      <c r="BB9" s="281">
        <v>2</v>
      </c>
      <c r="BC9" s="281">
        <v>3</v>
      </c>
      <c r="BD9" s="278">
        <v>20</v>
      </c>
      <c r="BE9" s="283">
        <v>20</v>
      </c>
      <c r="BF9" s="277">
        <v>0</v>
      </c>
      <c r="BG9" s="281">
        <v>0</v>
      </c>
      <c r="BH9" s="278">
        <v>0</v>
      </c>
      <c r="BI9" s="280">
        <v>0</v>
      </c>
      <c r="BJ9" s="281">
        <v>12</v>
      </c>
      <c r="BK9" s="281">
        <v>8</v>
      </c>
      <c r="BL9" s="281">
        <v>9</v>
      </c>
      <c r="BM9" s="281">
        <v>8</v>
      </c>
      <c r="BN9" s="281">
        <v>5</v>
      </c>
      <c r="BO9" s="282">
        <v>42</v>
      </c>
      <c r="BP9" s="283">
        <v>42</v>
      </c>
      <c r="BQ9" s="277">
        <v>0</v>
      </c>
      <c r="BR9" s="281">
        <v>0</v>
      </c>
      <c r="BS9" s="278">
        <v>0</v>
      </c>
      <c r="BT9" s="280">
        <v>0</v>
      </c>
      <c r="BU9" s="281">
        <v>0</v>
      </c>
      <c r="BV9" s="281">
        <v>0</v>
      </c>
      <c r="BW9" s="281">
        <v>0</v>
      </c>
      <c r="BX9" s="281">
        <v>0</v>
      </c>
      <c r="BY9" s="281">
        <v>0</v>
      </c>
      <c r="BZ9" s="278">
        <v>0</v>
      </c>
      <c r="CA9" s="283">
        <v>0</v>
      </c>
      <c r="CB9" s="277">
        <v>0</v>
      </c>
      <c r="CC9" s="281">
        <v>0</v>
      </c>
      <c r="CD9" s="278">
        <v>0</v>
      </c>
      <c r="CE9" s="280">
        <v>0</v>
      </c>
      <c r="CF9" s="281">
        <v>0</v>
      </c>
      <c r="CG9" s="281">
        <v>1</v>
      </c>
      <c r="CH9" s="281">
        <v>0</v>
      </c>
      <c r="CI9" s="281">
        <v>0</v>
      </c>
      <c r="CJ9" s="281">
        <v>0</v>
      </c>
      <c r="CK9" s="278">
        <v>1</v>
      </c>
      <c r="CL9" s="283">
        <v>1</v>
      </c>
      <c r="CM9" s="277">
        <v>0</v>
      </c>
      <c r="CN9" s="281">
        <v>0</v>
      </c>
      <c r="CO9" s="278">
        <v>0</v>
      </c>
      <c r="CP9" s="280">
        <v>0</v>
      </c>
      <c r="CQ9" s="281">
        <v>1</v>
      </c>
      <c r="CR9" s="281">
        <v>2</v>
      </c>
      <c r="CS9" s="281">
        <v>0</v>
      </c>
      <c r="CT9" s="281">
        <v>1</v>
      </c>
      <c r="CU9" s="281">
        <v>0</v>
      </c>
      <c r="CV9" s="278">
        <v>4</v>
      </c>
      <c r="CW9" s="283">
        <v>4</v>
      </c>
    </row>
    <row r="10" spans="1:101" ht="21" customHeight="1" x14ac:dyDescent="0.2">
      <c r="B10" s="262" t="s">
        <v>7</v>
      </c>
      <c r="C10" s="277">
        <v>0</v>
      </c>
      <c r="D10" s="278">
        <v>0</v>
      </c>
      <c r="E10" s="279">
        <v>0</v>
      </c>
      <c r="F10" s="280">
        <v>0</v>
      </c>
      <c r="G10" s="281">
        <v>0</v>
      </c>
      <c r="H10" s="281">
        <v>0</v>
      </c>
      <c r="I10" s="281">
        <v>2</v>
      </c>
      <c r="J10" s="281">
        <v>1</v>
      </c>
      <c r="K10" s="281">
        <v>0</v>
      </c>
      <c r="L10" s="282">
        <v>3</v>
      </c>
      <c r="M10" s="283">
        <v>3</v>
      </c>
      <c r="N10" s="277">
        <v>0</v>
      </c>
      <c r="O10" s="281">
        <v>0</v>
      </c>
      <c r="P10" s="278">
        <v>0</v>
      </c>
      <c r="Q10" s="280">
        <v>0</v>
      </c>
      <c r="R10" s="281">
        <v>0</v>
      </c>
      <c r="S10" s="281">
        <v>0</v>
      </c>
      <c r="T10" s="281">
        <v>0</v>
      </c>
      <c r="U10" s="281">
        <v>0</v>
      </c>
      <c r="V10" s="281">
        <v>0</v>
      </c>
      <c r="W10" s="278">
        <v>0</v>
      </c>
      <c r="X10" s="283">
        <v>0</v>
      </c>
      <c r="Y10" s="277">
        <v>0</v>
      </c>
      <c r="Z10" s="281">
        <v>0</v>
      </c>
      <c r="AA10" s="278">
        <v>0</v>
      </c>
      <c r="AB10" s="280">
        <v>0</v>
      </c>
      <c r="AC10" s="281">
        <v>25</v>
      </c>
      <c r="AD10" s="281">
        <v>15</v>
      </c>
      <c r="AE10" s="281">
        <v>13</v>
      </c>
      <c r="AF10" s="281">
        <v>4</v>
      </c>
      <c r="AG10" s="281">
        <v>4</v>
      </c>
      <c r="AH10" s="278">
        <v>61</v>
      </c>
      <c r="AI10" s="283">
        <v>61</v>
      </c>
      <c r="AJ10" s="277">
        <v>0</v>
      </c>
      <c r="AK10" s="281">
        <v>0</v>
      </c>
      <c r="AL10" s="278">
        <v>0</v>
      </c>
      <c r="AM10" s="280">
        <v>0</v>
      </c>
      <c r="AN10" s="281">
        <v>1</v>
      </c>
      <c r="AO10" s="281">
        <v>4</v>
      </c>
      <c r="AP10" s="281">
        <v>4</v>
      </c>
      <c r="AQ10" s="281">
        <v>1</v>
      </c>
      <c r="AR10" s="281">
        <v>1</v>
      </c>
      <c r="AS10" s="278">
        <v>11</v>
      </c>
      <c r="AT10" s="283">
        <v>11</v>
      </c>
      <c r="AU10" s="277">
        <v>0</v>
      </c>
      <c r="AV10" s="281">
        <v>0</v>
      </c>
      <c r="AW10" s="278">
        <v>0</v>
      </c>
      <c r="AX10" s="280">
        <v>0</v>
      </c>
      <c r="AY10" s="281">
        <v>0</v>
      </c>
      <c r="AZ10" s="281">
        <v>2</v>
      </c>
      <c r="BA10" s="281">
        <v>1</v>
      </c>
      <c r="BB10" s="281">
        <v>0</v>
      </c>
      <c r="BC10" s="281">
        <v>0</v>
      </c>
      <c r="BD10" s="278">
        <v>3</v>
      </c>
      <c r="BE10" s="283">
        <v>3</v>
      </c>
      <c r="BF10" s="277">
        <v>0</v>
      </c>
      <c r="BG10" s="281">
        <v>0</v>
      </c>
      <c r="BH10" s="278">
        <v>0</v>
      </c>
      <c r="BI10" s="280">
        <v>0</v>
      </c>
      <c r="BJ10" s="281">
        <v>3</v>
      </c>
      <c r="BK10" s="281">
        <v>1</v>
      </c>
      <c r="BL10" s="281">
        <v>8</v>
      </c>
      <c r="BM10" s="281">
        <v>3</v>
      </c>
      <c r="BN10" s="281">
        <v>1</v>
      </c>
      <c r="BO10" s="282">
        <v>16</v>
      </c>
      <c r="BP10" s="283">
        <v>16</v>
      </c>
      <c r="BQ10" s="277">
        <v>0</v>
      </c>
      <c r="BR10" s="281">
        <v>0</v>
      </c>
      <c r="BS10" s="278">
        <v>0</v>
      </c>
      <c r="BT10" s="280">
        <v>0</v>
      </c>
      <c r="BU10" s="281">
        <v>0</v>
      </c>
      <c r="BV10" s="281">
        <v>0</v>
      </c>
      <c r="BW10" s="281">
        <v>0</v>
      </c>
      <c r="BX10" s="281">
        <v>0</v>
      </c>
      <c r="BY10" s="281">
        <v>0</v>
      </c>
      <c r="BZ10" s="278">
        <v>0</v>
      </c>
      <c r="CA10" s="283">
        <v>0</v>
      </c>
      <c r="CB10" s="277">
        <v>0</v>
      </c>
      <c r="CC10" s="281">
        <v>0</v>
      </c>
      <c r="CD10" s="278">
        <v>0</v>
      </c>
      <c r="CE10" s="280">
        <v>0</v>
      </c>
      <c r="CF10" s="281">
        <v>0</v>
      </c>
      <c r="CG10" s="281">
        <v>0</v>
      </c>
      <c r="CH10" s="281">
        <v>0</v>
      </c>
      <c r="CI10" s="281">
        <v>0</v>
      </c>
      <c r="CJ10" s="281">
        <v>0</v>
      </c>
      <c r="CK10" s="278">
        <v>0</v>
      </c>
      <c r="CL10" s="283">
        <v>0</v>
      </c>
      <c r="CM10" s="277">
        <v>0</v>
      </c>
      <c r="CN10" s="281">
        <v>0</v>
      </c>
      <c r="CO10" s="278">
        <v>0</v>
      </c>
      <c r="CP10" s="280">
        <v>0</v>
      </c>
      <c r="CQ10" s="281">
        <v>0</v>
      </c>
      <c r="CR10" s="281">
        <v>0</v>
      </c>
      <c r="CS10" s="281">
        <v>0</v>
      </c>
      <c r="CT10" s="281">
        <v>0</v>
      </c>
      <c r="CU10" s="281">
        <v>1</v>
      </c>
      <c r="CV10" s="278">
        <v>1</v>
      </c>
      <c r="CW10" s="283">
        <v>1</v>
      </c>
    </row>
    <row r="11" spans="1:101" ht="21" customHeight="1" x14ac:dyDescent="0.2">
      <c r="B11" s="262" t="s">
        <v>8</v>
      </c>
      <c r="C11" s="277">
        <v>0</v>
      </c>
      <c r="D11" s="278">
        <v>0</v>
      </c>
      <c r="E11" s="279">
        <v>0</v>
      </c>
      <c r="F11" s="280">
        <v>0</v>
      </c>
      <c r="G11" s="281">
        <v>0</v>
      </c>
      <c r="H11" s="281">
        <v>0</v>
      </c>
      <c r="I11" s="281">
        <v>0</v>
      </c>
      <c r="J11" s="281">
        <v>1</v>
      </c>
      <c r="K11" s="281">
        <v>0</v>
      </c>
      <c r="L11" s="282">
        <v>1</v>
      </c>
      <c r="M11" s="283">
        <v>1</v>
      </c>
      <c r="N11" s="277">
        <v>0</v>
      </c>
      <c r="O11" s="281">
        <v>0</v>
      </c>
      <c r="P11" s="278">
        <v>0</v>
      </c>
      <c r="Q11" s="280">
        <v>0</v>
      </c>
      <c r="R11" s="281">
        <v>0</v>
      </c>
      <c r="S11" s="281">
        <v>0</v>
      </c>
      <c r="T11" s="281">
        <v>0</v>
      </c>
      <c r="U11" s="281">
        <v>0</v>
      </c>
      <c r="V11" s="281">
        <v>1</v>
      </c>
      <c r="W11" s="278">
        <v>1</v>
      </c>
      <c r="X11" s="283">
        <v>1</v>
      </c>
      <c r="Y11" s="277">
        <v>0</v>
      </c>
      <c r="Z11" s="281">
        <v>0</v>
      </c>
      <c r="AA11" s="278">
        <v>0</v>
      </c>
      <c r="AB11" s="280">
        <v>0</v>
      </c>
      <c r="AC11" s="281">
        <v>33</v>
      </c>
      <c r="AD11" s="281">
        <v>26</v>
      </c>
      <c r="AE11" s="281">
        <v>8</v>
      </c>
      <c r="AF11" s="281">
        <v>3</v>
      </c>
      <c r="AG11" s="281">
        <v>3</v>
      </c>
      <c r="AH11" s="278">
        <v>73</v>
      </c>
      <c r="AI11" s="283">
        <v>73</v>
      </c>
      <c r="AJ11" s="277">
        <v>0</v>
      </c>
      <c r="AK11" s="281">
        <v>0</v>
      </c>
      <c r="AL11" s="278">
        <v>0</v>
      </c>
      <c r="AM11" s="280">
        <v>0</v>
      </c>
      <c r="AN11" s="281">
        <v>0</v>
      </c>
      <c r="AO11" s="281">
        <v>1</v>
      </c>
      <c r="AP11" s="281">
        <v>1</v>
      </c>
      <c r="AQ11" s="281">
        <v>0</v>
      </c>
      <c r="AR11" s="281">
        <v>0</v>
      </c>
      <c r="AS11" s="278">
        <v>2</v>
      </c>
      <c r="AT11" s="283">
        <v>2</v>
      </c>
      <c r="AU11" s="277">
        <v>0</v>
      </c>
      <c r="AV11" s="281">
        <v>0</v>
      </c>
      <c r="AW11" s="278">
        <v>0</v>
      </c>
      <c r="AX11" s="280">
        <v>0</v>
      </c>
      <c r="AY11" s="281">
        <v>2</v>
      </c>
      <c r="AZ11" s="281">
        <v>0</v>
      </c>
      <c r="BA11" s="281">
        <v>1</v>
      </c>
      <c r="BB11" s="281">
        <v>0</v>
      </c>
      <c r="BC11" s="281">
        <v>0</v>
      </c>
      <c r="BD11" s="278">
        <v>3</v>
      </c>
      <c r="BE11" s="283">
        <v>3</v>
      </c>
      <c r="BF11" s="277">
        <v>0</v>
      </c>
      <c r="BG11" s="281">
        <v>0</v>
      </c>
      <c r="BH11" s="278">
        <v>0</v>
      </c>
      <c r="BI11" s="280">
        <v>0</v>
      </c>
      <c r="BJ11" s="281">
        <v>0</v>
      </c>
      <c r="BK11" s="281">
        <v>1</v>
      </c>
      <c r="BL11" s="281">
        <v>0</v>
      </c>
      <c r="BM11" s="281">
        <v>4</v>
      </c>
      <c r="BN11" s="281">
        <v>1</v>
      </c>
      <c r="BO11" s="282">
        <v>6</v>
      </c>
      <c r="BP11" s="283">
        <v>6</v>
      </c>
      <c r="BQ11" s="277">
        <v>0</v>
      </c>
      <c r="BR11" s="281">
        <v>0</v>
      </c>
      <c r="BS11" s="278">
        <v>0</v>
      </c>
      <c r="BT11" s="280">
        <v>0</v>
      </c>
      <c r="BU11" s="281">
        <v>0</v>
      </c>
      <c r="BV11" s="281">
        <v>1</v>
      </c>
      <c r="BW11" s="281">
        <v>0</v>
      </c>
      <c r="BX11" s="281">
        <v>1</v>
      </c>
      <c r="BY11" s="281">
        <v>0</v>
      </c>
      <c r="BZ11" s="278">
        <v>2</v>
      </c>
      <c r="CA11" s="283">
        <v>2</v>
      </c>
      <c r="CB11" s="277">
        <v>0</v>
      </c>
      <c r="CC11" s="281">
        <v>0</v>
      </c>
      <c r="CD11" s="278">
        <v>0</v>
      </c>
      <c r="CE11" s="280">
        <v>0</v>
      </c>
      <c r="CF11" s="281">
        <v>0</v>
      </c>
      <c r="CG11" s="281">
        <v>0</v>
      </c>
      <c r="CH11" s="281">
        <v>0</v>
      </c>
      <c r="CI11" s="281">
        <v>1</v>
      </c>
      <c r="CJ11" s="281">
        <v>1</v>
      </c>
      <c r="CK11" s="278">
        <v>2</v>
      </c>
      <c r="CL11" s="283">
        <v>2</v>
      </c>
      <c r="CM11" s="277">
        <v>0</v>
      </c>
      <c r="CN11" s="281">
        <v>0</v>
      </c>
      <c r="CO11" s="278">
        <v>0</v>
      </c>
      <c r="CP11" s="280">
        <v>0</v>
      </c>
      <c r="CQ11" s="281">
        <v>0</v>
      </c>
      <c r="CR11" s="281">
        <v>0</v>
      </c>
      <c r="CS11" s="281">
        <v>0</v>
      </c>
      <c r="CT11" s="281">
        <v>0</v>
      </c>
      <c r="CU11" s="281">
        <v>0</v>
      </c>
      <c r="CV11" s="278">
        <v>0</v>
      </c>
      <c r="CW11" s="283">
        <v>0</v>
      </c>
    </row>
    <row r="12" spans="1:101" ht="21" customHeight="1" x14ac:dyDescent="0.2">
      <c r="B12" s="262" t="s">
        <v>9</v>
      </c>
      <c r="C12" s="277">
        <v>0</v>
      </c>
      <c r="D12" s="278">
        <v>0</v>
      </c>
      <c r="E12" s="279">
        <v>0</v>
      </c>
      <c r="F12" s="280">
        <v>0</v>
      </c>
      <c r="G12" s="281">
        <v>0</v>
      </c>
      <c r="H12" s="281">
        <v>1</v>
      </c>
      <c r="I12" s="281">
        <v>1</v>
      </c>
      <c r="J12" s="281">
        <v>3</v>
      </c>
      <c r="K12" s="281">
        <v>1</v>
      </c>
      <c r="L12" s="282">
        <v>6</v>
      </c>
      <c r="M12" s="283">
        <v>6</v>
      </c>
      <c r="N12" s="277">
        <v>0</v>
      </c>
      <c r="O12" s="281">
        <v>0</v>
      </c>
      <c r="P12" s="278">
        <v>0</v>
      </c>
      <c r="Q12" s="280">
        <v>0</v>
      </c>
      <c r="R12" s="281">
        <v>0</v>
      </c>
      <c r="S12" s="281">
        <v>0</v>
      </c>
      <c r="T12" s="281">
        <v>0</v>
      </c>
      <c r="U12" s="281">
        <v>0</v>
      </c>
      <c r="V12" s="281">
        <v>0</v>
      </c>
      <c r="W12" s="278">
        <v>0</v>
      </c>
      <c r="X12" s="283">
        <v>0</v>
      </c>
      <c r="Y12" s="277">
        <v>0</v>
      </c>
      <c r="Z12" s="281">
        <v>0</v>
      </c>
      <c r="AA12" s="278">
        <v>0</v>
      </c>
      <c r="AB12" s="280">
        <v>0</v>
      </c>
      <c r="AC12" s="281">
        <v>40</v>
      </c>
      <c r="AD12" s="281">
        <v>29</v>
      </c>
      <c r="AE12" s="281">
        <v>19</v>
      </c>
      <c r="AF12" s="281">
        <v>8</v>
      </c>
      <c r="AG12" s="281">
        <v>4</v>
      </c>
      <c r="AH12" s="278">
        <v>100</v>
      </c>
      <c r="AI12" s="283">
        <v>100</v>
      </c>
      <c r="AJ12" s="277">
        <v>0</v>
      </c>
      <c r="AK12" s="281">
        <v>0</v>
      </c>
      <c r="AL12" s="278">
        <v>0</v>
      </c>
      <c r="AM12" s="280">
        <v>0</v>
      </c>
      <c r="AN12" s="281">
        <v>3</v>
      </c>
      <c r="AO12" s="281">
        <v>0</v>
      </c>
      <c r="AP12" s="281">
        <v>2</v>
      </c>
      <c r="AQ12" s="281">
        <v>0</v>
      </c>
      <c r="AR12" s="281">
        <v>1</v>
      </c>
      <c r="AS12" s="278">
        <v>6</v>
      </c>
      <c r="AT12" s="283">
        <v>6</v>
      </c>
      <c r="AU12" s="277">
        <v>1</v>
      </c>
      <c r="AV12" s="281">
        <v>1</v>
      </c>
      <c r="AW12" s="278">
        <v>2</v>
      </c>
      <c r="AX12" s="280">
        <v>0</v>
      </c>
      <c r="AY12" s="281">
        <v>6</v>
      </c>
      <c r="AZ12" s="281">
        <v>1</v>
      </c>
      <c r="BA12" s="281">
        <v>2</v>
      </c>
      <c r="BB12" s="281">
        <v>5</v>
      </c>
      <c r="BC12" s="281">
        <v>1</v>
      </c>
      <c r="BD12" s="278">
        <v>15</v>
      </c>
      <c r="BE12" s="283">
        <v>17</v>
      </c>
      <c r="BF12" s="277">
        <v>0</v>
      </c>
      <c r="BG12" s="281">
        <v>0</v>
      </c>
      <c r="BH12" s="278">
        <v>0</v>
      </c>
      <c r="BI12" s="280">
        <v>0</v>
      </c>
      <c r="BJ12" s="281">
        <v>0</v>
      </c>
      <c r="BK12" s="281">
        <v>6</v>
      </c>
      <c r="BL12" s="281">
        <v>5</v>
      </c>
      <c r="BM12" s="281">
        <v>3</v>
      </c>
      <c r="BN12" s="281">
        <v>2</v>
      </c>
      <c r="BO12" s="282">
        <v>16</v>
      </c>
      <c r="BP12" s="283">
        <v>16</v>
      </c>
      <c r="BQ12" s="277">
        <v>0</v>
      </c>
      <c r="BR12" s="281">
        <v>0</v>
      </c>
      <c r="BS12" s="278">
        <v>0</v>
      </c>
      <c r="BT12" s="280">
        <v>0</v>
      </c>
      <c r="BU12" s="281">
        <v>0</v>
      </c>
      <c r="BV12" s="281">
        <v>2</v>
      </c>
      <c r="BW12" s="281">
        <v>0</v>
      </c>
      <c r="BX12" s="281">
        <v>1</v>
      </c>
      <c r="BY12" s="281">
        <v>0</v>
      </c>
      <c r="BZ12" s="278">
        <v>3</v>
      </c>
      <c r="CA12" s="283">
        <v>3</v>
      </c>
      <c r="CB12" s="277">
        <v>0</v>
      </c>
      <c r="CC12" s="281">
        <v>0</v>
      </c>
      <c r="CD12" s="278">
        <v>0</v>
      </c>
      <c r="CE12" s="280">
        <v>0</v>
      </c>
      <c r="CF12" s="281">
        <v>0</v>
      </c>
      <c r="CG12" s="281">
        <v>0</v>
      </c>
      <c r="CH12" s="281">
        <v>0</v>
      </c>
      <c r="CI12" s="281">
        <v>0</v>
      </c>
      <c r="CJ12" s="281">
        <v>0</v>
      </c>
      <c r="CK12" s="278">
        <v>0</v>
      </c>
      <c r="CL12" s="283">
        <v>0</v>
      </c>
      <c r="CM12" s="277">
        <v>0</v>
      </c>
      <c r="CN12" s="281">
        <v>0</v>
      </c>
      <c r="CO12" s="278">
        <v>0</v>
      </c>
      <c r="CP12" s="280">
        <v>0</v>
      </c>
      <c r="CQ12" s="281">
        <v>0</v>
      </c>
      <c r="CR12" s="281">
        <v>1</v>
      </c>
      <c r="CS12" s="281">
        <v>3</v>
      </c>
      <c r="CT12" s="281">
        <v>2</v>
      </c>
      <c r="CU12" s="281">
        <v>1</v>
      </c>
      <c r="CV12" s="278">
        <v>7</v>
      </c>
      <c r="CW12" s="283">
        <v>7</v>
      </c>
    </row>
    <row r="13" spans="1:101" ht="21" customHeight="1" x14ac:dyDescent="0.2">
      <c r="B13" s="262" t="s">
        <v>10</v>
      </c>
      <c r="C13" s="277">
        <v>0</v>
      </c>
      <c r="D13" s="278">
        <v>0</v>
      </c>
      <c r="E13" s="279">
        <v>0</v>
      </c>
      <c r="F13" s="280">
        <v>0</v>
      </c>
      <c r="G13" s="281">
        <v>2</v>
      </c>
      <c r="H13" s="281">
        <v>2</v>
      </c>
      <c r="I13" s="281">
        <v>1</v>
      </c>
      <c r="J13" s="281">
        <v>1</v>
      </c>
      <c r="K13" s="281">
        <v>0</v>
      </c>
      <c r="L13" s="282">
        <v>6</v>
      </c>
      <c r="M13" s="283">
        <v>6</v>
      </c>
      <c r="N13" s="277">
        <v>0</v>
      </c>
      <c r="O13" s="281">
        <v>0</v>
      </c>
      <c r="P13" s="278">
        <v>0</v>
      </c>
      <c r="Q13" s="280">
        <v>0</v>
      </c>
      <c r="R13" s="281">
        <v>0</v>
      </c>
      <c r="S13" s="281">
        <v>0</v>
      </c>
      <c r="T13" s="281">
        <v>1</v>
      </c>
      <c r="U13" s="281">
        <v>0</v>
      </c>
      <c r="V13" s="281">
        <v>1</v>
      </c>
      <c r="W13" s="278">
        <v>2</v>
      </c>
      <c r="X13" s="283">
        <v>2</v>
      </c>
      <c r="Y13" s="277">
        <v>0</v>
      </c>
      <c r="Z13" s="281">
        <v>0</v>
      </c>
      <c r="AA13" s="278">
        <v>0</v>
      </c>
      <c r="AB13" s="280">
        <v>0</v>
      </c>
      <c r="AC13" s="281">
        <v>40</v>
      </c>
      <c r="AD13" s="281">
        <v>19</v>
      </c>
      <c r="AE13" s="281">
        <v>11</v>
      </c>
      <c r="AF13" s="281">
        <v>2</v>
      </c>
      <c r="AG13" s="281">
        <v>2</v>
      </c>
      <c r="AH13" s="278">
        <v>74</v>
      </c>
      <c r="AI13" s="283">
        <v>74</v>
      </c>
      <c r="AJ13" s="277">
        <v>0</v>
      </c>
      <c r="AK13" s="281">
        <v>0</v>
      </c>
      <c r="AL13" s="278">
        <v>0</v>
      </c>
      <c r="AM13" s="280">
        <v>0</v>
      </c>
      <c r="AN13" s="281">
        <v>2</v>
      </c>
      <c r="AO13" s="281">
        <v>2</v>
      </c>
      <c r="AP13" s="281">
        <v>2</v>
      </c>
      <c r="AQ13" s="281">
        <v>0</v>
      </c>
      <c r="AR13" s="281">
        <v>1</v>
      </c>
      <c r="AS13" s="278">
        <v>7</v>
      </c>
      <c r="AT13" s="283">
        <v>7</v>
      </c>
      <c r="AU13" s="277">
        <v>2</v>
      </c>
      <c r="AV13" s="281">
        <v>2</v>
      </c>
      <c r="AW13" s="278">
        <v>4</v>
      </c>
      <c r="AX13" s="280">
        <v>0</v>
      </c>
      <c r="AY13" s="281">
        <v>3</v>
      </c>
      <c r="AZ13" s="281">
        <v>1</v>
      </c>
      <c r="BA13" s="281">
        <v>4</v>
      </c>
      <c r="BB13" s="281">
        <v>2</v>
      </c>
      <c r="BC13" s="281">
        <v>4</v>
      </c>
      <c r="BD13" s="278">
        <v>14</v>
      </c>
      <c r="BE13" s="283">
        <v>18</v>
      </c>
      <c r="BF13" s="277">
        <v>0</v>
      </c>
      <c r="BG13" s="281">
        <v>0</v>
      </c>
      <c r="BH13" s="278">
        <v>0</v>
      </c>
      <c r="BI13" s="280">
        <v>0</v>
      </c>
      <c r="BJ13" s="281">
        <v>2</v>
      </c>
      <c r="BK13" s="281">
        <v>5</v>
      </c>
      <c r="BL13" s="281">
        <v>7</v>
      </c>
      <c r="BM13" s="281">
        <v>6</v>
      </c>
      <c r="BN13" s="281">
        <v>6</v>
      </c>
      <c r="BO13" s="282">
        <v>26</v>
      </c>
      <c r="BP13" s="283">
        <v>26</v>
      </c>
      <c r="BQ13" s="277">
        <v>0</v>
      </c>
      <c r="BR13" s="281">
        <v>0</v>
      </c>
      <c r="BS13" s="278">
        <v>0</v>
      </c>
      <c r="BT13" s="280">
        <v>0</v>
      </c>
      <c r="BU13" s="281">
        <v>3</v>
      </c>
      <c r="BV13" s="281">
        <v>2</v>
      </c>
      <c r="BW13" s="281">
        <v>5</v>
      </c>
      <c r="BX13" s="281">
        <v>1</v>
      </c>
      <c r="BY13" s="281">
        <v>8</v>
      </c>
      <c r="BZ13" s="278">
        <v>19</v>
      </c>
      <c r="CA13" s="283">
        <v>19</v>
      </c>
      <c r="CB13" s="277">
        <v>0</v>
      </c>
      <c r="CC13" s="281">
        <v>0</v>
      </c>
      <c r="CD13" s="278">
        <v>0</v>
      </c>
      <c r="CE13" s="280">
        <v>0</v>
      </c>
      <c r="CF13" s="281">
        <v>0</v>
      </c>
      <c r="CG13" s="281">
        <v>0</v>
      </c>
      <c r="CH13" s="281">
        <v>0</v>
      </c>
      <c r="CI13" s="281">
        <v>4</v>
      </c>
      <c r="CJ13" s="281">
        <v>1</v>
      </c>
      <c r="CK13" s="278">
        <v>5</v>
      </c>
      <c r="CL13" s="283">
        <v>5</v>
      </c>
      <c r="CM13" s="277">
        <v>0</v>
      </c>
      <c r="CN13" s="281">
        <v>0</v>
      </c>
      <c r="CO13" s="278">
        <v>0</v>
      </c>
      <c r="CP13" s="280">
        <v>0</v>
      </c>
      <c r="CQ13" s="281">
        <v>5</v>
      </c>
      <c r="CR13" s="281">
        <v>0</v>
      </c>
      <c r="CS13" s="281">
        <v>0</v>
      </c>
      <c r="CT13" s="281">
        <v>0</v>
      </c>
      <c r="CU13" s="281">
        <v>4</v>
      </c>
      <c r="CV13" s="278">
        <v>9</v>
      </c>
      <c r="CW13" s="283">
        <v>9</v>
      </c>
    </row>
    <row r="14" spans="1:101" ht="21" customHeight="1" x14ac:dyDescent="0.2">
      <c r="B14" s="262" t="s">
        <v>11</v>
      </c>
      <c r="C14" s="277">
        <v>0</v>
      </c>
      <c r="D14" s="278">
        <v>0</v>
      </c>
      <c r="E14" s="279">
        <v>0</v>
      </c>
      <c r="F14" s="280">
        <v>0</v>
      </c>
      <c r="G14" s="281">
        <v>2</v>
      </c>
      <c r="H14" s="281">
        <v>1</v>
      </c>
      <c r="I14" s="281">
        <v>1</v>
      </c>
      <c r="J14" s="281">
        <v>0</v>
      </c>
      <c r="K14" s="281">
        <v>1</v>
      </c>
      <c r="L14" s="282">
        <v>5</v>
      </c>
      <c r="M14" s="283">
        <v>5</v>
      </c>
      <c r="N14" s="277">
        <v>0</v>
      </c>
      <c r="O14" s="281">
        <v>0</v>
      </c>
      <c r="P14" s="278">
        <v>0</v>
      </c>
      <c r="Q14" s="280">
        <v>0</v>
      </c>
      <c r="R14" s="281">
        <v>0</v>
      </c>
      <c r="S14" s="281">
        <v>1</v>
      </c>
      <c r="T14" s="281">
        <v>0</v>
      </c>
      <c r="U14" s="281">
        <v>0</v>
      </c>
      <c r="V14" s="281">
        <v>0</v>
      </c>
      <c r="W14" s="278">
        <v>1</v>
      </c>
      <c r="X14" s="283">
        <v>1</v>
      </c>
      <c r="Y14" s="277">
        <v>0</v>
      </c>
      <c r="Z14" s="281">
        <v>0</v>
      </c>
      <c r="AA14" s="278">
        <v>0</v>
      </c>
      <c r="AB14" s="280">
        <v>0</v>
      </c>
      <c r="AC14" s="281">
        <v>26</v>
      </c>
      <c r="AD14" s="281">
        <v>3</v>
      </c>
      <c r="AE14" s="281">
        <v>7</v>
      </c>
      <c r="AF14" s="281">
        <v>4</v>
      </c>
      <c r="AG14" s="281">
        <v>1</v>
      </c>
      <c r="AH14" s="278">
        <v>41</v>
      </c>
      <c r="AI14" s="283">
        <v>41</v>
      </c>
      <c r="AJ14" s="277">
        <v>0</v>
      </c>
      <c r="AK14" s="281">
        <v>0</v>
      </c>
      <c r="AL14" s="278">
        <v>0</v>
      </c>
      <c r="AM14" s="280">
        <v>0</v>
      </c>
      <c r="AN14" s="281">
        <v>0</v>
      </c>
      <c r="AO14" s="281">
        <v>0</v>
      </c>
      <c r="AP14" s="281">
        <v>0</v>
      </c>
      <c r="AQ14" s="281">
        <v>0</v>
      </c>
      <c r="AR14" s="281">
        <v>1</v>
      </c>
      <c r="AS14" s="278">
        <v>1</v>
      </c>
      <c r="AT14" s="283">
        <v>1</v>
      </c>
      <c r="AU14" s="277">
        <v>0</v>
      </c>
      <c r="AV14" s="281">
        <v>1</v>
      </c>
      <c r="AW14" s="278">
        <v>1</v>
      </c>
      <c r="AX14" s="280">
        <v>0</v>
      </c>
      <c r="AY14" s="281">
        <v>1</v>
      </c>
      <c r="AZ14" s="281">
        <v>1</v>
      </c>
      <c r="BA14" s="281">
        <v>2</v>
      </c>
      <c r="BB14" s="281">
        <v>0</v>
      </c>
      <c r="BC14" s="281">
        <v>0</v>
      </c>
      <c r="BD14" s="278">
        <v>4</v>
      </c>
      <c r="BE14" s="283">
        <v>5</v>
      </c>
      <c r="BF14" s="277">
        <v>0</v>
      </c>
      <c r="BG14" s="281">
        <v>0</v>
      </c>
      <c r="BH14" s="278">
        <v>0</v>
      </c>
      <c r="BI14" s="280">
        <v>0</v>
      </c>
      <c r="BJ14" s="281">
        <v>0</v>
      </c>
      <c r="BK14" s="281">
        <v>3</v>
      </c>
      <c r="BL14" s="281">
        <v>0</v>
      </c>
      <c r="BM14" s="281">
        <v>2</v>
      </c>
      <c r="BN14" s="281">
        <v>2</v>
      </c>
      <c r="BO14" s="282">
        <v>7</v>
      </c>
      <c r="BP14" s="283">
        <v>7</v>
      </c>
      <c r="BQ14" s="277">
        <v>0</v>
      </c>
      <c r="BR14" s="281">
        <v>0</v>
      </c>
      <c r="BS14" s="278">
        <v>0</v>
      </c>
      <c r="BT14" s="280">
        <v>0</v>
      </c>
      <c r="BU14" s="281">
        <v>0</v>
      </c>
      <c r="BV14" s="281">
        <v>0</v>
      </c>
      <c r="BW14" s="281">
        <v>0</v>
      </c>
      <c r="BX14" s="281">
        <v>0</v>
      </c>
      <c r="BY14" s="281">
        <v>0</v>
      </c>
      <c r="BZ14" s="278">
        <v>0</v>
      </c>
      <c r="CA14" s="283">
        <v>0</v>
      </c>
      <c r="CB14" s="277">
        <v>0</v>
      </c>
      <c r="CC14" s="281">
        <v>0</v>
      </c>
      <c r="CD14" s="278">
        <v>0</v>
      </c>
      <c r="CE14" s="280">
        <v>0</v>
      </c>
      <c r="CF14" s="281">
        <v>0</v>
      </c>
      <c r="CG14" s="281">
        <v>0</v>
      </c>
      <c r="CH14" s="281">
        <v>0</v>
      </c>
      <c r="CI14" s="281">
        <v>0</v>
      </c>
      <c r="CJ14" s="281">
        <v>0</v>
      </c>
      <c r="CK14" s="278">
        <v>0</v>
      </c>
      <c r="CL14" s="283">
        <v>0</v>
      </c>
      <c r="CM14" s="277">
        <v>0</v>
      </c>
      <c r="CN14" s="281">
        <v>0</v>
      </c>
      <c r="CO14" s="278">
        <v>0</v>
      </c>
      <c r="CP14" s="280">
        <v>0</v>
      </c>
      <c r="CQ14" s="281">
        <v>0</v>
      </c>
      <c r="CR14" s="281">
        <v>0</v>
      </c>
      <c r="CS14" s="281">
        <v>0</v>
      </c>
      <c r="CT14" s="281">
        <v>0</v>
      </c>
      <c r="CU14" s="281">
        <v>0</v>
      </c>
      <c r="CV14" s="278">
        <v>0</v>
      </c>
      <c r="CW14" s="283">
        <v>0</v>
      </c>
    </row>
    <row r="15" spans="1:101" ht="21" customHeight="1" x14ac:dyDescent="0.2">
      <c r="B15" s="262" t="s">
        <v>12</v>
      </c>
      <c r="C15" s="277">
        <v>0</v>
      </c>
      <c r="D15" s="278">
        <v>0</v>
      </c>
      <c r="E15" s="279">
        <v>0</v>
      </c>
      <c r="F15" s="280">
        <v>0</v>
      </c>
      <c r="G15" s="281">
        <v>1</v>
      </c>
      <c r="H15" s="281">
        <v>0</v>
      </c>
      <c r="I15" s="281">
        <v>0</v>
      </c>
      <c r="J15" s="281">
        <v>0</v>
      </c>
      <c r="K15" s="281">
        <v>0</v>
      </c>
      <c r="L15" s="282">
        <v>1</v>
      </c>
      <c r="M15" s="283">
        <v>1</v>
      </c>
      <c r="N15" s="277">
        <v>0</v>
      </c>
      <c r="O15" s="281">
        <v>0</v>
      </c>
      <c r="P15" s="278">
        <v>0</v>
      </c>
      <c r="Q15" s="280">
        <v>0</v>
      </c>
      <c r="R15" s="281">
        <v>0</v>
      </c>
      <c r="S15" s="281">
        <v>0</v>
      </c>
      <c r="T15" s="281">
        <v>0</v>
      </c>
      <c r="U15" s="281">
        <v>0</v>
      </c>
      <c r="V15" s="281">
        <v>0</v>
      </c>
      <c r="W15" s="278">
        <v>0</v>
      </c>
      <c r="X15" s="283">
        <v>0</v>
      </c>
      <c r="Y15" s="277">
        <v>0</v>
      </c>
      <c r="Z15" s="281">
        <v>0</v>
      </c>
      <c r="AA15" s="278">
        <v>0</v>
      </c>
      <c r="AB15" s="280">
        <v>0</v>
      </c>
      <c r="AC15" s="281">
        <v>22</v>
      </c>
      <c r="AD15" s="281">
        <v>10</v>
      </c>
      <c r="AE15" s="281">
        <v>9</v>
      </c>
      <c r="AF15" s="281">
        <v>8</v>
      </c>
      <c r="AG15" s="281">
        <v>1</v>
      </c>
      <c r="AH15" s="278">
        <v>50</v>
      </c>
      <c r="AI15" s="283">
        <v>50</v>
      </c>
      <c r="AJ15" s="277">
        <v>0</v>
      </c>
      <c r="AK15" s="281">
        <v>0</v>
      </c>
      <c r="AL15" s="278">
        <v>0</v>
      </c>
      <c r="AM15" s="280">
        <v>0</v>
      </c>
      <c r="AN15" s="281">
        <v>0</v>
      </c>
      <c r="AO15" s="281">
        <v>1</v>
      </c>
      <c r="AP15" s="281">
        <v>0</v>
      </c>
      <c r="AQ15" s="281">
        <v>0</v>
      </c>
      <c r="AR15" s="281">
        <v>0</v>
      </c>
      <c r="AS15" s="278">
        <v>1</v>
      </c>
      <c r="AT15" s="283">
        <v>1</v>
      </c>
      <c r="AU15" s="277">
        <v>0</v>
      </c>
      <c r="AV15" s="281">
        <v>0</v>
      </c>
      <c r="AW15" s="278">
        <v>0</v>
      </c>
      <c r="AX15" s="280">
        <v>0</v>
      </c>
      <c r="AY15" s="281">
        <v>1</v>
      </c>
      <c r="AZ15" s="281">
        <v>1</v>
      </c>
      <c r="BA15" s="281">
        <v>0</v>
      </c>
      <c r="BB15" s="281">
        <v>2</v>
      </c>
      <c r="BC15" s="281">
        <v>0</v>
      </c>
      <c r="BD15" s="278">
        <v>4</v>
      </c>
      <c r="BE15" s="283">
        <v>4</v>
      </c>
      <c r="BF15" s="277">
        <v>0</v>
      </c>
      <c r="BG15" s="281">
        <v>0</v>
      </c>
      <c r="BH15" s="278">
        <v>0</v>
      </c>
      <c r="BI15" s="280">
        <v>0</v>
      </c>
      <c r="BJ15" s="281">
        <v>4</v>
      </c>
      <c r="BK15" s="281">
        <v>2</v>
      </c>
      <c r="BL15" s="281">
        <v>1</v>
      </c>
      <c r="BM15" s="281">
        <v>2</v>
      </c>
      <c r="BN15" s="281">
        <v>1</v>
      </c>
      <c r="BO15" s="282">
        <v>10</v>
      </c>
      <c r="BP15" s="283">
        <v>10</v>
      </c>
      <c r="BQ15" s="277">
        <v>0</v>
      </c>
      <c r="BR15" s="281">
        <v>0</v>
      </c>
      <c r="BS15" s="278">
        <v>0</v>
      </c>
      <c r="BT15" s="280">
        <v>0</v>
      </c>
      <c r="BU15" s="281">
        <v>0</v>
      </c>
      <c r="BV15" s="281">
        <v>2</v>
      </c>
      <c r="BW15" s="281">
        <v>0</v>
      </c>
      <c r="BX15" s="281">
        <v>2</v>
      </c>
      <c r="BY15" s="281">
        <v>0</v>
      </c>
      <c r="BZ15" s="278">
        <v>4</v>
      </c>
      <c r="CA15" s="283">
        <v>4</v>
      </c>
      <c r="CB15" s="277">
        <v>0</v>
      </c>
      <c r="CC15" s="281">
        <v>0</v>
      </c>
      <c r="CD15" s="278">
        <v>0</v>
      </c>
      <c r="CE15" s="280">
        <v>0</v>
      </c>
      <c r="CF15" s="281">
        <v>0</v>
      </c>
      <c r="CG15" s="281">
        <v>0</v>
      </c>
      <c r="CH15" s="281">
        <v>0</v>
      </c>
      <c r="CI15" s="281">
        <v>0</v>
      </c>
      <c r="CJ15" s="281">
        <v>1</v>
      </c>
      <c r="CK15" s="278">
        <v>1</v>
      </c>
      <c r="CL15" s="283">
        <v>1</v>
      </c>
      <c r="CM15" s="277">
        <v>0</v>
      </c>
      <c r="CN15" s="281">
        <v>0</v>
      </c>
      <c r="CO15" s="278">
        <v>0</v>
      </c>
      <c r="CP15" s="280">
        <v>0</v>
      </c>
      <c r="CQ15" s="281">
        <v>0</v>
      </c>
      <c r="CR15" s="281">
        <v>1</v>
      </c>
      <c r="CS15" s="281">
        <v>0</v>
      </c>
      <c r="CT15" s="281">
        <v>2</v>
      </c>
      <c r="CU15" s="281">
        <v>2</v>
      </c>
      <c r="CV15" s="278">
        <v>5</v>
      </c>
      <c r="CW15" s="283">
        <v>5</v>
      </c>
    </row>
    <row r="16" spans="1:101" ht="21" customHeight="1" x14ac:dyDescent="0.2">
      <c r="B16" s="262" t="s">
        <v>13</v>
      </c>
      <c r="C16" s="277">
        <v>0</v>
      </c>
      <c r="D16" s="278">
        <v>0</v>
      </c>
      <c r="E16" s="279">
        <v>0</v>
      </c>
      <c r="F16" s="280">
        <v>0</v>
      </c>
      <c r="G16" s="281">
        <v>0</v>
      </c>
      <c r="H16" s="281">
        <v>0</v>
      </c>
      <c r="I16" s="281">
        <v>0</v>
      </c>
      <c r="J16" s="281">
        <v>0</v>
      </c>
      <c r="K16" s="281">
        <v>0</v>
      </c>
      <c r="L16" s="282">
        <v>0</v>
      </c>
      <c r="M16" s="283">
        <v>0</v>
      </c>
      <c r="N16" s="277">
        <v>0</v>
      </c>
      <c r="O16" s="281">
        <v>0</v>
      </c>
      <c r="P16" s="278">
        <v>0</v>
      </c>
      <c r="Q16" s="280">
        <v>0</v>
      </c>
      <c r="R16" s="281">
        <v>0</v>
      </c>
      <c r="S16" s="281">
        <v>0</v>
      </c>
      <c r="T16" s="281">
        <v>0</v>
      </c>
      <c r="U16" s="281">
        <v>0</v>
      </c>
      <c r="V16" s="281">
        <v>0</v>
      </c>
      <c r="W16" s="278">
        <v>0</v>
      </c>
      <c r="X16" s="283">
        <v>0</v>
      </c>
      <c r="Y16" s="277">
        <v>0</v>
      </c>
      <c r="Z16" s="281">
        <v>0</v>
      </c>
      <c r="AA16" s="278">
        <v>0</v>
      </c>
      <c r="AB16" s="280">
        <v>0</v>
      </c>
      <c r="AC16" s="281">
        <v>9</v>
      </c>
      <c r="AD16" s="281">
        <v>11</v>
      </c>
      <c r="AE16" s="281">
        <v>5</v>
      </c>
      <c r="AF16" s="281">
        <v>4</v>
      </c>
      <c r="AG16" s="281">
        <v>2</v>
      </c>
      <c r="AH16" s="278">
        <v>31</v>
      </c>
      <c r="AI16" s="283">
        <v>31</v>
      </c>
      <c r="AJ16" s="277">
        <v>0</v>
      </c>
      <c r="AK16" s="281">
        <v>0</v>
      </c>
      <c r="AL16" s="278">
        <v>0</v>
      </c>
      <c r="AM16" s="280">
        <v>0</v>
      </c>
      <c r="AN16" s="281">
        <v>0</v>
      </c>
      <c r="AO16" s="281">
        <v>0</v>
      </c>
      <c r="AP16" s="281">
        <v>0</v>
      </c>
      <c r="AQ16" s="281">
        <v>1</v>
      </c>
      <c r="AR16" s="281">
        <v>0</v>
      </c>
      <c r="AS16" s="278">
        <v>1</v>
      </c>
      <c r="AT16" s="283">
        <v>1</v>
      </c>
      <c r="AU16" s="277">
        <v>0</v>
      </c>
      <c r="AV16" s="281">
        <v>0</v>
      </c>
      <c r="AW16" s="278">
        <v>0</v>
      </c>
      <c r="AX16" s="280">
        <v>0</v>
      </c>
      <c r="AY16" s="281">
        <v>0</v>
      </c>
      <c r="AZ16" s="281">
        <v>0</v>
      </c>
      <c r="BA16" s="281">
        <v>2</v>
      </c>
      <c r="BB16" s="281">
        <v>0</v>
      </c>
      <c r="BC16" s="281">
        <v>0</v>
      </c>
      <c r="BD16" s="278">
        <v>2</v>
      </c>
      <c r="BE16" s="283">
        <v>2</v>
      </c>
      <c r="BF16" s="277">
        <v>0</v>
      </c>
      <c r="BG16" s="281">
        <v>0</v>
      </c>
      <c r="BH16" s="278">
        <v>0</v>
      </c>
      <c r="BI16" s="280">
        <v>0</v>
      </c>
      <c r="BJ16" s="281">
        <v>0</v>
      </c>
      <c r="BK16" s="281">
        <v>0</v>
      </c>
      <c r="BL16" s="281">
        <v>2</v>
      </c>
      <c r="BM16" s="281">
        <v>0</v>
      </c>
      <c r="BN16" s="281">
        <v>0</v>
      </c>
      <c r="BO16" s="282">
        <v>2</v>
      </c>
      <c r="BP16" s="283">
        <v>2</v>
      </c>
      <c r="BQ16" s="277">
        <v>0</v>
      </c>
      <c r="BR16" s="281">
        <v>0</v>
      </c>
      <c r="BS16" s="278">
        <v>0</v>
      </c>
      <c r="BT16" s="280">
        <v>0</v>
      </c>
      <c r="BU16" s="281">
        <v>0</v>
      </c>
      <c r="BV16" s="281">
        <v>0</v>
      </c>
      <c r="BW16" s="281">
        <v>2</v>
      </c>
      <c r="BX16" s="281">
        <v>1</v>
      </c>
      <c r="BY16" s="281">
        <v>0</v>
      </c>
      <c r="BZ16" s="278">
        <v>3</v>
      </c>
      <c r="CA16" s="283">
        <v>3</v>
      </c>
      <c r="CB16" s="277">
        <v>0</v>
      </c>
      <c r="CC16" s="281">
        <v>0</v>
      </c>
      <c r="CD16" s="278">
        <v>0</v>
      </c>
      <c r="CE16" s="280">
        <v>0</v>
      </c>
      <c r="CF16" s="281">
        <v>0</v>
      </c>
      <c r="CG16" s="281">
        <v>0</v>
      </c>
      <c r="CH16" s="281">
        <v>0</v>
      </c>
      <c r="CI16" s="281">
        <v>0</v>
      </c>
      <c r="CJ16" s="281">
        <v>0</v>
      </c>
      <c r="CK16" s="278">
        <v>0</v>
      </c>
      <c r="CL16" s="283">
        <v>0</v>
      </c>
      <c r="CM16" s="277">
        <v>0</v>
      </c>
      <c r="CN16" s="281">
        <v>0</v>
      </c>
      <c r="CO16" s="278">
        <v>0</v>
      </c>
      <c r="CP16" s="280">
        <v>0</v>
      </c>
      <c r="CQ16" s="281">
        <v>0</v>
      </c>
      <c r="CR16" s="281">
        <v>0</v>
      </c>
      <c r="CS16" s="281">
        <v>0</v>
      </c>
      <c r="CT16" s="281">
        <v>0</v>
      </c>
      <c r="CU16" s="281">
        <v>0</v>
      </c>
      <c r="CV16" s="278">
        <v>0</v>
      </c>
      <c r="CW16" s="283">
        <v>0</v>
      </c>
    </row>
    <row r="17" spans="2:101" ht="21" customHeight="1" x14ac:dyDescent="0.2">
      <c r="B17" s="262" t="s">
        <v>15</v>
      </c>
      <c r="C17" s="277">
        <v>0</v>
      </c>
      <c r="D17" s="278">
        <v>0</v>
      </c>
      <c r="E17" s="279">
        <v>0</v>
      </c>
      <c r="F17" s="280">
        <v>0</v>
      </c>
      <c r="G17" s="281">
        <v>0</v>
      </c>
      <c r="H17" s="281">
        <v>1</v>
      </c>
      <c r="I17" s="281">
        <v>0</v>
      </c>
      <c r="J17" s="281">
        <v>0</v>
      </c>
      <c r="K17" s="281">
        <v>0</v>
      </c>
      <c r="L17" s="282">
        <v>1</v>
      </c>
      <c r="M17" s="283">
        <v>1</v>
      </c>
      <c r="N17" s="277">
        <v>0</v>
      </c>
      <c r="O17" s="281">
        <v>0</v>
      </c>
      <c r="P17" s="278">
        <v>0</v>
      </c>
      <c r="Q17" s="280">
        <v>0</v>
      </c>
      <c r="R17" s="281">
        <v>0</v>
      </c>
      <c r="S17" s="281">
        <v>0</v>
      </c>
      <c r="T17" s="281">
        <v>0</v>
      </c>
      <c r="U17" s="281">
        <v>0</v>
      </c>
      <c r="V17" s="281">
        <v>0</v>
      </c>
      <c r="W17" s="278">
        <v>0</v>
      </c>
      <c r="X17" s="283">
        <v>0</v>
      </c>
      <c r="Y17" s="277">
        <v>0</v>
      </c>
      <c r="Z17" s="281">
        <v>0</v>
      </c>
      <c r="AA17" s="278">
        <v>0</v>
      </c>
      <c r="AB17" s="280">
        <v>0</v>
      </c>
      <c r="AC17" s="281">
        <v>7</v>
      </c>
      <c r="AD17" s="281">
        <v>10</v>
      </c>
      <c r="AE17" s="281">
        <v>2</v>
      </c>
      <c r="AF17" s="281">
        <v>2</v>
      </c>
      <c r="AG17" s="281">
        <v>1</v>
      </c>
      <c r="AH17" s="278">
        <v>22</v>
      </c>
      <c r="AI17" s="283">
        <v>22</v>
      </c>
      <c r="AJ17" s="277">
        <v>0</v>
      </c>
      <c r="AK17" s="281">
        <v>0</v>
      </c>
      <c r="AL17" s="278">
        <v>0</v>
      </c>
      <c r="AM17" s="280">
        <v>0</v>
      </c>
      <c r="AN17" s="281">
        <v>0</v>
      </c>
      <c r="AO17" s="281">
        <v>0</v>
      </c>
      <c r="AP17" s="281">
        <v>0</v>
      </c>
      <c r="AQ17" s="281">
        <v>0</v>
      </c>
      <c r="AR17" s="281">
        <v>0</v>
      </c>
      <c r="AS17" s="278">
        <v>0</v>
      </c>
      <c r="AT17" s="283">
        <v>0</v>
      </c>
      <c r="AU17" s="277">
        <v>0</v>
      </c>
      <c r="AV17" s="281">
        <v>0</v>
      </c>
      <c r="AW17" s="278">
        <v>0</v>
      </c>
      <c r="AX17" s="280">
        <v>0</v>
      </c>
      <c r="AY17" s="281">
        <v>0</v>
      </c>
      <c r="AZ17" s="281">
        <v>0</v>
      </c>
      <c r="BA17" s="281">
        <v>0</v>
      </c>
      <c r="BB17" s="281">
        <v>0</v>
      </c>
      <c r="BC17" s="281">
        <v>0</v>
      </c>
      <c r="BD17" s="278">
        <v>0</v>
      </c>
      <c r="BE17" s="283">
        <v>0</v>
      </c>
      <c r="BF17" s="277">
        <v>0</v>
      </c>
      <c r="BG17" s="281">
        <v>0</v>
      </c>
      <c r="BH17" s="278">
        <v>0</v>
      </c>
      <c r="BI17" s="280">
        <v>0</v>
      </c>
      <c r="BJ17" s="281">
        <v>0</v>
      </c>
      <c r="BK17" s="281">
        <v>1</v>
      </c>
      <c r="BL17" s="281">
        <v>0</v>
      </c>
      <c r="BM17" s="281">
        <v>3</v>
      </c>
      <c r="BN17" s="281">
        <v>1</v>
      </c>
      <c r="BO17" s="282">
        <v>5</v>
      </c>
      <c r="BP17" s="283">
        <v>5</v>
      </c>
      <c r="BQ17" s="277">
        <v>0</v>
      </c>
      <c r="BR17" s="281">
        <v>0</v>
      </c>
      <c r="BS17" s="278">
        <v>0</v>
      </c>
      <c r="BT17" s="280">
        <v>0</v>
      </c>
      <c r="BU17" s="281">
        <v>0</v>
      </c>
      <c r="BV17" s="281">
        <v>0</v>
      </c>
      <c r="BW17" s="281">
        <v>0</v>
      </c>
      <c r="BX17" s="281">
        <v>0</v>
      </c>
      <c r="BY17" s="281">
        <v>0</v>
      </c>
      <c r="BZ17" s="278">
        <v>0</v>
      </c>
      <c r="CA17" s="283">
        <v>0</v>
      </c>
      <c r="CB17" s="277">
        <v>0</v>
      </c>
      <c r="CC17" s="281">
        <v>0</v>
      </c>
      <c r="CD17" s="278">
        <v>0</v>
      </c>
      <c r="CE17" s="280">
        <v>0</v>
      </c>
      <c r="CF17" s="281">
        <v>0</v>
      </c>
      <c r="CG17" s="281">
        <v>0</v>
      </c>
      <c r="CH17" s="281">
        <v>1</v>
      </c>
      <c r="CI17" s="281">
        <v>0</v>
      </c>
      <c r="CJ17" s="281">
        <v>0</v>
      </c>
      <c r="CK17" s="278">
        <v>1</v>
      </c>
      <c r="CL17" s="283">
        <v>1</v>
      </c>
      <c r="CM17" s="277">
        <v>0</v>
      </c>
      <c r="CN17" s="281">
        <v>0</v>
      </c>
      <c r="CO17" s="278">
        <v>0</v>
      </c>
      <c r="CP17" s="280">
        <v>0</v>
      </c>
      <c r="CQ17" s="281">
        <v>0</v>
      </c>
      <c r="CR17" s="281">
        <v>0</v>
      </c>
      <c r="CS17" s="281">
        <v>0</v>
      </c>
      <c r="CT17" s="281">
        <v>0</v>
      </c>
      <c r="CU17" s="281">
        <v>0</v>
      </c>
      <c r="CV17" s="278">
        <v>0</v>
      </c>
      <c r="CW17" s="283">
        <v>0</v>
      </c>
    </row>
    <row r="18" spans="2:101" ht="21" customHeight="1" x14ac:dyDescent="0.2">
      <c r="B18" s="262" t="s">
        <v>16</v>
      </c>
      <c r="C18" s="277">
        <v>0</v>
      </c>
      <c r="D18" s="278">
        <v>0</v>
      </c>
      <c r="E18" s="279">
        <v>0</v>
      </c>
      <c r="F18" s="280">
        <v>0</v>
      </c>
      <c r="G18" s="281">
        <v>0</v>
      </c>
      <c r="H18" s="281">
        <v>0</v>
      </c>
      <c r="I18" s="281">
        <v>0</v>
      </c>
      <c r="J18" s="281">
        <v>0</v>
      </c>
      <c r="K18" s="281">
        <v>2</v>
      </c>
      <c r="L18" s="282">
        <v>2</v>
      </c>
      <c r="M18" s="283">
        <v>2</v>
      </c>
      <c r="N18" s="277">
        <v>0</v>
      </c>
      <c r="O18" s="281">
        <v>0</v>
      </c>
      <c r="P18" s="278">
        <v>0</v>
      </c>
      <c r="Q18" s="280">
        <v>0</v>
      </c>
      <c r="R18" s="281">
        <v>0</v>
      </c>
      <c r="S18" s="281">
        <v>0</v>
      </c>
      <c r="T18" s="281">
        <v>1</v>
      </c>
      <c r="U18" s="281">
        <v>0</v>
      </c>
      <c r="V18" s="281">
        <v>0</v>
      </c>
      <c r="W18" s="278">
        <v>1</v>
      </c>
      <c r="X18" s="283">
        <v>1</v>
      </c>
      <c r="Y18" s="277">
        <v>0</v>
      </c>
      <c r="Z18" s="281">
        <v>0</v>
      </c>
      <c r="AA18" s="278">
        <v>0</v>
      </c>
      <c r="AB18" s="280">
        <v>0</v>
      </c>
      <c r="AC18" s="281">
        <v>9</v>
      </c>
      <c r="AD18" s="281">
        <v>6</v>
      </c>
      <c r="AE18" s="281">
        <v>7</v>
      </c>
      <c r="AF18" s="281">
        <v>0</v>
      </c>
      <c r="AG18" s="281">
        <v>3</v>
      </c>
      <c r="AH18" s="278">
        <v>25</v>
      </c>
      <c r="AI18" s="283">
        <v>25</v>
      </c>
      <c r="AJ18" s="277">
        <v>0</v>
      </c>
      <c r="AK18" s="281">
        <v>0</v>
      </c>
      <c r="AL18" s="278">
        <v>0</v>
      </c>
      <c r="AM18" s="280">
        <v>0</v>
      </c>
      <c r="AN18" s="281">
        <v>0</v>
      </c>
      <c r="AO18" s="281">
        <v>1</v>
      </c>
      <c r="AP18" s="281">
        <v>1</v>
      </c>
      <c r="AQ18" s="281">
        <v>0</v>
      </c>
      <c r="AR18" s="281">
        <v>0</v>
      </c>
      <c r="AS18" s="278">
        <v>2</v>
      </c>
      <c r="AT18" s="283">
        <v>2</v>
      </c>
      <c r="AU18" s="277">
        <v>0</v>
      </c>
      <c r="AV18" s="281">
        <v>0</v>
      </c>
      <c r="AW18" s="278">
        <v>0</v>
      </c>
      <c r="AX18" s="280">
        <v>0</v>
      </c>
      <c r="AY18" s="281">
        <v>1</v>
      </c>
      <c r="AZ18" s="281">
        <v>0</v>
      </c>
      <c r="BA18" s="281">
        <v>0</v>
      </c>
      <c r="BB18" s="281">
        <v>0</v>
      </c>
      <c r="BC18" s="281">
        <v>1</v>
      </c>
      <c r="BD18" s="278">
        <v>2</v>
      </c>
      <c r="BE18" s="283">
        <v>2</v>
      </c>
      <c r="BF18" s="277">
        <v>0</v>
      </c>
      <c r="BG18" s="281">
        <v>0</v>
      </c>
      <c r="BH18" s="278">
        <v>0</v>
      </c>
      <c r="BI18" s="280">
        <v>0</v>
      </c>
      <c r="BJ18" s="281">
        <v>2</v>
      </c>
      <c r="BK18" s="281">
        <v>0</v>
      </c>
      <c r="BL18" s="281">
        <v>2</v>
      </c>
      <c r="BM18" s="281">
        <v>1</v>
      </c>
      <c r="BN18" s="281">
        <v>1</v>
      </c>
      <c r="BO18" s="282">
        <v>6</v>
      </c>
      <c r="BP18" s="283">
        <v>6</v>
      </c>
      <c r="BQ18" s="277">
        <v>0</v>
      </c>
      <c r="BR18" s="281">
        <v>0</v>
      </c>
      <c r="BS18" s="278">
        <v>0</v>
      </c>
      <c r="BT18" s="280">
        <v>0</v>
      </c>
      <c r="BU18" s="281">
        <v>0</v>
      </c>
      <c r="BV18" s="281">
        <v>0</v>
      </c>
      <c r="BW18" s="281">
        <v>0</v>
      </c>
      <c r="BX18" s="281">
        <v>0</v>
      </c>
      <c r="BY18" s="281">
        <v>0</v>
      </c>
      <c r="BZ18" s="278">
        <v>0</v>
      </c>
      <c r="CA18" s="283">
        <v>0</v>
      </c>
      <c r="CB18" s="277">
        <v>0</v>
      </c>
      <c r="CC18" s="281">
        <v>0</v>
      </c>
      <c r="CD18" s="278">
        <v>0</v>
      </c>
      <c r="CE18" s="280">
        <v>0</v>
      </c>
      <c r="CF18" s="281">
        <v>0</v>
      </c>
      <c r="CG18" s="281">
        <v>0</v>
      </c>
      <c r="CH18" s="281">
        <v>0</v>
      </c>
      <c r="CI18" s="281">
        <v>0</v>
      </c>
      <c r="CJ18" s="281">
        <v>0</v>
      </c>
      <c r="CK18" s="278">
        <v>0</v>
      </c>
      <c r="CL18" s="283">
        <v>0</v>
      </c>
      <c r="CM18" s="277">
        <v>0</v>
      </c>
      <c r="CN18" s="281">
        <v>0</v>
      </c>
      <c r="CO18" s="278">
        <v>0</v>
      </c>
      <c r="CP18" s="280">
        <v>0</v>
      </c>
      <c r="CQ18" s="281">
        <v>0</v>
      </c>
      <c r="CR18" s="281">
        <v>0</v>
      </c>
      <c r="CS18" s="281">
        <v>0</v>
      </c>
      <c r="CT18" s="281">
        <v>0</v>
      </c>
      <c r="CU18" s="281">
        <v>0</v>
      </c>
      <c r="CV18" s="278">
        <v>0</v>
      </c>
      <c r="CW18" s="283">
        <v>0</v>
      </c>
    </row>
    <row r="19" spans="2:101" ht="21" customHeight="1" x14ac:dyDescent="0.2">
      <c r="B19" s="262" t="s">
        <v>17</v>
      </c>
      <c r="C19" s="277">
        <v>0</v>
      </c>
      <c r="D19" s="278">
        <v>0</v>
      </c>
      <c r="E19" s="279">
        <v>0</v>
      </c>
      <c r="F19" s="280">
        <v>0</v>
      </c>
      <c r="G19" s="281">
        <v>0</v>
      </c>
      <c r="H19" s="281">
        <v>0</v>
      </c>
      <c r="I19" s="281">
        <v>0</v>
      </c>
      <c r="J19" s="281">
        <v>0</v>
      </c>
      <c r="K19" s="281">
        <v>0</v>
      </c>
      <c r="L19" s="282">
        <v>0</v>
      </c>
      <c r="M19" s="283">
        <v>0</v>
      </c>
      <c r="N19" s="277">
        <v>0</v>
      </c>
      <c r="O19" s="281">
        <v>0</v>
      </c>
      <c r="P19" s="278">
        <v>0</v>
      </c>
      <c r="Q19" s="280">
        <v>0</v>
      </c>
      <c r="R19" s="281">
        <v>0</v>
      </c>
      <c r="S19" s="281">
        <v>0</v>
      </c>
      <c r="T19" s="281">
        <v>0</v>
      </c>
      <c r="U19" s="281">
        <v>0</v>
      </c>
      <c r="V19" s="281">
        <v>0</v>
      </c>
      <c r="W19" s="278">
        <v>0</v>
      </c>
      <c r="X19" s="283">
        <v>0</v>
      </c>
      <c r="Y19" s="277">
        <v>0</v>
      </c>
      <c r="Z19" s="281">
        <v>0</v>
      </c>
      <c r="AA19" s="278">
        <v>0</v>
      </c>
      <c r="AB19" s="280">
        <v>0</v>
      </c>
      <c r="AC19" s="281">
        <v>12</v>
      </c>
      <c r="AD19" s="281">
        <v>16</v>
      </c>
      <c r="AE19" s="281">
        <v>7</v>
      </c>
      <c r="AF19" s="281">
        <v>6</v>
      </c>
      <c r="AG19" s="281">
        <v>1</v>
      </c>
      <c r="AH19" s="278">
        <v>42</v>
      </c>
      <c r="AI19" s="283">
        <v>42</v>
      </c>
      <c r="AJ19" s="277">
        <v>0</v>
      </c>
      <c r="AK19" s="281">
        <v>0</v>
      </c>
      <c r="AL19" s="278">
        <v>0</v>
      </c>
      <c r="AM19" s="280">
        <v>0</v>
      </c>
      <c r="AN19" s="281">
        <v>0</v>
      </c>
      <c r="AO19" s="281">
        <v>0</v>
      </c>
      <c r="AP19" s="281">
        <v>0</v>
      </c>
      <c r="AQ19" s="281">
        <v>0</v>
      </c>
      <c r="AR19" s="281">
        <v>0</v>
      </c>
      <c r="AS19" s="278">
        <v>0</v>
      </c>
      <c r="AT19" s="283">
        <v>0</v>
      </c>
      <c r="AU19" s="277">
        <v>0</v>
      </c>
      <c r="AV19" s="281">
        <v>0</v>
      </c>
      <c r="AW19" s="278">
        <v>0</v>
      </c>
      <c r="AX19" s="280">
        <v>0</v>
      </c>
      <c r="AY19" s="281">
        <v>1</v>
      </c>
      <c r="AZ19" s="281">
        <v>1</v>
      </c>
      <c r="BA19" s="281">
        <v>1</v>
      </c>
      <c r="BB19" s="281">
        <v>1</v>
      </c>
      <c r="BC19" s="281">
        <v>1</v>
      </c>
      <c r="BD19" s="278">
        <v>5</v>
      </c>
      <c r="BE19" s="283">
        <v>5</v>
      </c>
      <c r="BF19" s="277">
        <v>0</v>
      </c>
      <c r="BG19" s="281">
        <v>0</v>
      </c>
      <c r="BH19" s="278">
        <v>0</v>
      </c>
      <c r="BI19" s="280">
        <v>0</v>
      </c>
      <c r="BJ19" s="281">
        <v>2</v>
      </c>
      <c r="BK19" s="281">
        <v>5</v>
      </c>
      <c r="BL19" s="281">
        <v>3</v>
      </c>
      <c r="BM19" s="281">
        <v>3</v>
      </c>
      <c r="BN19" s="281">
        <v>2</v>
      </c>
      <c r="BO19" s="282">
        <v>15</v>
      </c>
      <c r="BP19" s="283">
        <v>15</v>
      </c>
      <c r="BQ19" s="277">
        <v>0</v>
      </c>
      <c r="BR19" s="281">
        <v>0</v>
      </c>
      <c r="BS19" s="278">
        <v>0</v>
      </c>
      <c r="BT19" s="280">
        <v>0</v>
      </c>
      <c r="BU19" s="281">
        <v>0</v>
      </c>
      <c r="BV19" s="281">
        <v>0</v>
      </c>
      <c r="BW19" s="281">
        <v>0</v>
      </c>
      <c r="BX19" s="281">
        <v>0</v>
      </c>
      <c r="BY19" s="281">
        <v>0</v>
      </c>
      <c r="BZ19" s="278">
        <v>0</v>
      </c>
      <c r="CA19" s="283">
        <v>0</v>
      </c>
      <c r="CB19" s="277">
        <v>0</v>
      </c>
      <c r="CC19" s="281">
        <v>0</v>
      </c>
      <c r="CD19" s="278">
        <v>0</v>
      </c>
      <c r="CE19" s="280">
        <v>0</v>
      </c>
      <c r="CF19" s="281">
        <v>0</v>
      </c>
      <c r="CG19" s="281">
        <v>0</v>
      </c>
      <c r="CH19" s="281">
        <v>2</v>
      </c>
      <c r="CI19" s="281">
        <v>1</v>
      </c>
      <c r="CJ19" s="281">
        <v>3</v>
      </c>
      <c r="CK19" s="278">
        <v>6</v>
      </c>
      <c r="CL19" s="283">
        <v>6</v>
      </c>
      <c r="CM19" s="277">
        <v>0</v>
      </c>
      <c r="CN19" s="281">
        <v>0</v>
      </c>
      <c r="CO19" s="278">
        <v>0</v>
      </c>
      <c r="CP19" s="280">
        <v>0</v>
      </c>
      <c r="CQ19" s="281">
        <v>0</v>
      </c>
      <c r="CR19" s="281">
        <v>0</v>
      </c>
      <c r="CS19" s="281">
        <v>0</v>
      </c>
      <c r="CT19" s="281">
        <v>0</v>
      </c>
      <c r="CU19" s="281">
        <v>0</v>
      </c>
      <c r="CV19" s="278">
        <v>0</v>
      </c>
      <c r="CW19" s="283">
        <v>0</v>
      </c>
    </row>
    <row r="20" spans="2:101" ht="21" customHeight="1" x14ac:dyDescent="0.2">
      <c r="B20" s="262" t="s">
        <v>18</v>
      </c>
      <c r="C20" s="277">
        <v>0</v>
      </c>
      <c r="D20" s="278">
        <v>0</v>
      </c>
      <c r="E20" s="279">
        <v>0</v>
      </c>
      <c r="F20" s="280">
        <v>0</v>
      </c>
      <c r="G20" s="281">
        <v>0</v>
      </c>
      <c r="H20" s="281">
        <v>0</v>
      </c>
      <c r="I20" s="281">
        <v>0</v>
      </c>
      <c r="J20" s="281">
        <v>0</v>
      </c>
      <c r="K20" s="281">
        <v>1</v>
      </c>
      <c r="L20" s="282">
        <v>1</v>
      </c>
      <c r="M20" s="283">
        <v>1</v>
      </c>
      <c r="N20" s="277">
        <v>0</v>
      </c>
      <c r="O20" s="281">
        <v>0</v>
      </c>
      <c r="P20" s="278">
        <v>0</v>
      </c>
      <c r="Q20" s="280">
        <v>0</v>
      </c>
      <c r="R20" s="281">
        <v>0</v>
      </c>
      <c r="S20" s="281">
        <v>0</v>
      </c>
      <c r="T20" s="281">
        <v>0</v>
      </c>
      <c r="U20" s="281">
        <v>0</v>
      </c>
      <c r="V20" s="281">
        <v>0</v>
      </c>
      <c r="W20" s="278">
        <v>0</v>
      </c>
      <c r="X20" s="283">
        <v>0</v>
      </c>
      <c r="Y20" s="277">
        <v>0</v>
      </c>
      <c r="Z20" s="281">
        <v>0</v>
      </c>
      <c r="AA20" s="278">
        <v>0</v>
      </c>
      <c r="AB20" s="280">
        <v>0</v>
      </c>
      <c r="AC20" s="281">
        <v>19</v>
      </c>
      <c r="AD20" s="281">
        <v>6</v>
      </c>
      <c r="AE20" s="281">
        <v>8</v>
      </c>
      <c r="AF20" s="281">
        <v>1</v>
      </c>
      <c r="AG20" s="281">
        <v>0</v>
      </c>
      <c r="AH20" s="278">
        <v>34</v>
      </c>
      <c r="AI20" s="283">
        <v>34</v>
      </c>
      <c r="AJ20" s="277">
        <v>0</v>
      </c>
      <c r="AK20" s="281">
        <v>0</v>
      </c>
      <c r="AL20" s="278">
        <v>0</v>
      </c>
      <c r="AM20" s="280">
        <v>0</v>
      </c>
      <c r="AN20" s="281">
        <v>1</v>
      </c>
      <c r="AO20" s="281">
        <v>0</v>
      </c>
      <c r="AP20" s="281">
        <v>2</v>
      </c>
      <c r="AQ20" s="281">
        <v>0</v>
      </c>
      <c r="AR20" s="281">
        <v>0</v>
      </c>
      <c r="AS20" s="278">
        <v>3</v>
      </c>
      <c r="AT20" s="283">
        <v>3</v>
      </c>
      <c r="AU20" s="277">
        <v>0</v>
      </c>
      <c r="AV20" s="281">
        <v>0</v>
      </c>
      <c r="AW20" s="278">
        <v>0</v>
      </c>
      <c r="AX20" s="280">
        <v>0</v>
      </c>
      <c r="AY20" s="281">
        <v>1</v>
      </c>
      <c r="AZ20" s="281">
        <v>0</v>
      </c>
      <c r="BA20" s="281">
        <v>1</v>
      </c>
      <c r="BB20" s="281">
        <v>1</v>
      </c>
      <c r="BC20" s="281">
        <v>0</v>
      </c>
      <c r="BD20" s="278">
        <v>3</v>
      </c>
      <c r="BE20" s="283">
        <v>3</v>
      </c>
      <c r="BF20" s="277">
        <v>0</v>
      </c>
      <c r="BG20" s="281">
        <v>0</v>
      </c>
      <c r="BH20" s="278">
        <v>0</v>
      </c>
      <c r="BI20" s="280">
        <v>0</v>
      </c>
      <c r="BJ20" s="281">
        <v>1</v>
      </c>
      <c r="BK20" s="281">
        <v>2</v>
      </c>
      <c r="BL20" s="281">
        <v>2</v>
      </c>
      <c r="BM20" s="281">
        <v>0</v>
      </c>
      <c r="BN20" s="281">
        <v>2</v>
      </c>
      <c r="BO20" s="282">
        <v>7</v>
      </c>
      <c r="BP20" s="283">
        <v>7</v>
      </c>
      <c r="BQ20" s="277">
        <v>0</v>
      </c>
      <c r="BR20" s="281">
        <v>0</v>
      </c>
      <c r="BS20" s="278">
        <v>0</v>
      </c>
      <c r="BT20" s="280">
        <v>0</v>
      </c>
      <c r="BU20" s="281">
        <v>0</v>
      </c>
      <c r="BV20" s="281">
        <v>0</v>
      </c>
      <c r="BW20" s="281">
        <v>0</v>
      </c>
      <c r="BX20" s="281">
        <v>0</v>
      </c>
      <c r="BY20" s="281">
        <v>0</v>
      </c>
      <c r="BZ20" s="278">
        <v>0</v>
      </c>
      <c r="CA20" s="283">
        <v>0</v>
      </c>
      <c r="CB20" s="277">
        <v>0</v>
      </c>
      <c r="CC20" s="281">
        <v>0</v>
      </c>
      <c r="CD20" s="278">
        <v>0</v>
      </c>
      <c r="CE20" s="280">
        <v>0</v>
      </c>
      <c r="CF20" s="281">
        <v>0</v>
      </c>
      <c r="CG20" s="281">
        <v>0</v>
      </c>
      <c r="CH20" s="281">
        <v>0</v>
      </c>
      <c r="CI20" s="281">
        <v>1</v>
      </c>
      <c r="CJ20" s="281">
        <v>0</v>
      </c>
      <c r="CK20" s="278">
        <v>1</v>
      </c>
      <c r="CL20" s="283">
        <v>1</v>
      </c>
      <c r="CM20" s="277">
        <v>0</v>
      </c>
      <c r="CN20" s="281">
        <v>0</v>
      </c>
      <c r="CO20" s="278">
        <v>0</v>
      </c>
      <c r="CP20" s="280">
        <v>0</v>
      </c>
      <c r="CQ20" s="281">
        <v>0</v>
      </c>
      <c r="CR20" s="281">
        <v>0</v>
      </c>
      <c r="CS20" s="281">
        <v>1</v>
      </c>
      <c r="CT20" s="281">
        <v>1</v>
      </c>
      <c r="CU20" s="281">
        <v>2</v>
      </c>
      <c r="CV20" s="278">
        <v>4</v>
      </c>
      <c r="CW20" s="283">
        <v>4</v>
      </c>
    </row>
    <row r="21" spans="2:101" ht="21" customHeight="1" x14ac:dyDescent="0.2">
      <c r="B21" s="262" t="s">
        <v>19</v>
      </c>
      <c r="C21" s="277">
        <v>0</v>
      </c>
      <c r="D21" s="278">
        <v>0</v>
      </c>
      <c r="E21" s="279">
        <v>0</v>
      </c>
      <c r="F21" s="280">
        <v>0</v>
      </c>
      <c r="G21" s="281">
        <v>0</v>
      </c>
      <c r="H21" s="281">
        <v>0</v>
      </c>
      <c r="I21" s="281">
        <v>1</v>
      </c>
      <c r="J21" s="281">
        <v>2</v>
      </c>
      <c r="K21" s="281">
        <v>0</v>
      </c>
      <c r="L21" s="282">
        <v>3</v>
      </c>
      <c r="M21" s="283">
        <v>3</v>
      </c>
      <c r="N21" s="277">
        <v>0</v>
      </c>
      <c r="O21" s="281">
        <v>0</v>
      </c>
      <c r="P21" s="278">
        <v>0</v>
      </c>
      <c r="Q21" s="280">
        <v>0</v>
      </c>
      <c r="R21" s="281">
        <v>0</v>
      </c>
      <c r="S21" s="281">
        <v>0</v>
      </c>
      <c r="T21" s="281">
        <v>0</v>
      </c>
      <c r="U21" s="281">
        <v>1</v>
      </c>
      <c r="V21" s="281">
        <v>0</v>
      </c>
      <c r="W21" s="278">
        <v>1</v>
      </c>
      <c r="X21" s="283">
        <v>1</v>
      </c>
      <c r="Y21" s="277">
        <v>0</v>
      </c>
      <c r="Z21" s="281">
        <v>0</v>
      </c>
      <c r="AA21" s="278">
        <v>0</v>
      </c>
      <c r="AB21" s="280">
        <v>0</v>
      </c>
      <c r="AC21" s="281">
        <v>10</v>
      </c>
      <c r="AD21" s="281">
        <v>7</v>
      </c>
      <c r="AE21" s="281">
        <v>2</v>
      </c>
      <c r="AF21" s="281">
        <v>1</v>
      </c>
      <c r="AG21" s="281">
        <v>0</v>
      </c>
      <c r="AH21" s="278">
        <v>20</v>
      </c>
      <c r="AI21" s="283">
        <v>20</v>
      </c>
      <c r="AJ21" s="277">
        <v>0</v>
      </c>
      <c r="AK21" s="281">
        <v>0</v>
      </c>
      <c r="AL21" s="278">
        <v>0</v>
      </c>
      <c r="AM21" s="280">
        <v>0</v>
      </c>
      <c r="AN21" s="281">
        <v>1</v>
      </c>
      <c r="AO21" s="281">
        <v>4</v>
      </c>
      <c r="AP21" s="281">
        <v>0</v>
      </c>
      <c r="AQ21" s="281">
        <v>0</v>
      </c>
      <c r="AR21" s="281">
        <v>0</v>
      </c>
      <c r="AS21" s="278">
        <v>5</v>
      </c>
      <c r="AT21" s="283">
        <v>5</v>
      </c>
      <c r="AU21" s="277">
        <v>0</v>
      </c>
      <c r="AV21" s="281">
        <v>0</v>
      </c>
      <c r="AW21" s="278">
        <v>0</v>
      </c>
      <c r="AX21" s="280">
        <v>0</v>
      </c>
      <c r="AY21" s="281">
        <v>1</v>
      </c>
      <c r="AZ21" s="281">
        <v>1</v>
      </c>
      <c r="BA21" s="281">
        <v>1</v>
      </c>
      <c r="BB21" s="281">
        <v>2</v>
      </c>
      <c r="BC21" s="281">
        <v>1</v>
      </c>
      <c r="BD21" s="278">
        <v>6</v>
      </c>
      <c r="BE21" s="283">
        <v>6</v>
      </c>
      <c r="BF21" s="277">
        <v>0</v>
      </c>
      <c r="BG21" s="281">
        <v>0</v>
      </c>
      <c r="BH21" s="278">
        <v>0</v>
      </c>
      <c r="BI21" s="280">
        <v>0</v>
      </c>
      <c r="BJ21" s="281">
        <v>0</v>
      </c>
      <c r="BK21" s="281">
        <v>2</v>
      </c>
      <c r="BL21" s="281">
        <v>0</v>
      </c>
      <c r="BM21" s="281">
        <v>0</v>
      </c>
      <c r="BN21" s="281">
        <v>0</v>
      </c>
      <c r="BO21" s="282">
        <v>2</v>
      </c>
      <c r="BP21" s="283">
        <v>2</v>
      </c>
      <c r="BQ21" s="277">
        <v>0</v>
      </c>
      <c r="BR21" s="281">
        <v>0</v>
      </c>
      <c r="BS21" s="278">
        <v>0</v>
      </c>
      <c r="BT21" s="280">
        <v>0</v>
      </c>
      <c r="BU21" s="281">
        <v>0</v>
      </c>
      <c r="BV21" s="281">
        <v>0</v>
      </c>
      <c r="BW21" s="281">
        <v>0</v>
      </c>
      <c r="BX21" s="281">
        <v>0</v>
      </c>
      <c r="BY21" s="281">
        <v>0</v>
      </c>
      <c r="BZ21" s="278">
        <v>0</v>
      </c>
      <c r="CA21" s="283">
        <v>0</v>
      </c>
      <c r="CB21" s="277">
        <v>0</v>
      </c>
      <c r="CC21" s="281">
        <v>0</v>
      </c>
      <c r="CD21" s="278">
        <v>0</v>
      </c>
      <c r="CE21" s="280">
        <v>0</v>
      </c>
      <c r="CF21" s="281">
        <v>0</v>
      </c>
      <c r="CG21" s="281">
        <v>0</v>
      </c>
      <c r="CH21" s="281">
        <v>0</v>
      </c>
      <c r="CI21" s="281">
        <v>0</v>
      </c>
      <c r="CJ21" s="281">
        <v>0</v>
      </c>
      <c r="CK21" s="278">
        <v>0</v>
      </c>
      <c r="CL21" s="283">
        <v>0</v>
      </c>
      <c r="CM21" s="277">
        <v>0</v>
      </c>
      <c r="CN21" s="281">
        <v>0</v>
      </c>
      <c r="CO21" s="278">
        <v>0</v>
      </c>
      <c r="CP21" s="280">
        <v>0</v>
      </c>
      <c r="CQ21" s="281">
        <v>0</v>
      </c>
      <c r="CR21" s="281">
        <v>0</v>
      </c>
      <c r="CS21" s="281">
        <v>0</v>
      </c>
      <c r="CT21" s="281">
        <v>1</v>
      </c>
      <c r="CU21" s="281">
        <v>0</v>
      </c>
      <c r="CV21" s="278">
        <v>1</v>
      </c>
      <c r="CW21" s="283">
        <v>1</v>
      </c>
    </row>
    <row r="22" spans="2:101" ht="21" customHeight="1" x14ac:dyDescent="0.2">
      <c r="B22" s="262" t="s">
        <v>20</v>
      </c>
      <c r="C22" s="277">
        <v>0</v>
      </c>
      <c r="D22" s="278">
        <v>0</v>
      </c>
      <c r="E22" s="279">
        <v>0</v>
      </c>
      <c r="F22" s="280">
        <v>0</v>
      </c>
      <c r="G22" s="281">
        <v>0</v>
      </c>
      <c r="H22" s="281">
        <v>0</v>
      </c>
      <c r="I22" s="281">
        <v>0</v>
      </c>
      <c r="J22" s="281">
        <v>0</v>
      </c>
      <c r="K22" s="281">
        <v>0</v>
      </c>
      <c r="L22" s="282">
        <v>0</v>
      </c>
      <c r="M22" s="283">
        <v>0</v>
      </c>
      <c r="N22" s="277">
        <v>0</v>
      </c>
      <c r="O22" s="281">
        <v>0</v>
      </c>
      <c r="P22" s="278">
        <v>0</v>
      </c>
      <c r="Q22" s="280">
        <v>0</v>
      </c>
      <c r="R22" s="281">
        <v>0</v>
      </c>
      <c r="S22" s="281">
        <v>0</v>
      </c>
      <c r="T22" s="281">
        <v>0</v>
      </c>
      <c r="U22" s="281">
        <v>0</v>
      </c>
      <c r="V22" s="281">
        <v>0</v>
      </c>
      <c r="W22" s="278">
        <v>0</v>
      </c>
      <c r="X22" s="283">
        <v>0</v>
      </c>
      <c r="Y22" s="277">
        <v>0</v>
      </c>
      <c r="Z22" s="281">
        <v>0</v>
      </c>
      <c r="AA22" s="278">
        <v>0</v>
      </c>
      <c r="AB22" s="280">
        <v>0</v>
      </c>
      <c r="AC22" s="281">
        <v>12</v>
      </c>
      <c r="AD22" s="281">
        <v>5</v>
      </c>
      <c r="AE22" s="281">
        <v>1</v>
      </c>
      <c r="AF22" s="281">
        <v>1</v>
      </c>
      <c r="AG22" s="281">
        <v>0</v>
      </c>
      <c r="AH22" s="278">
        <v>19</v>
      </c>
      <c r="AI22" s="283">
        <v>19</v>
      </c>
      <c r="AJ22" s="277">
        <v>0</v>
      </c>
      <c r="AK22" s="281">
        <v>0</v>
      </c>
      <c r="AL22" s="278">
        <v>0</v>
      </c>
      <c r="AM22" s="280">
        <v>0</v>
      </c>
      <c r="AN22" s="281">
        <v>1</v>
      </c>
      <c r="AO22" s="281">
        <v>0</v>
      </c>
      <c r="AP22" s="281">
        <v>0</v>
      </c>
      <c r="AQ22" s="281">
        <v>0</v>
      </c>
      <c r="AR22" s="281">
        <v>0</v>
      </c>
      <c r="AS22" s="278">
        <v>1</v>
      </c>
      <c r="AT22" s="283">
        <v>1</v>
      </c>
      <c r="AU22" s="277">
        <v>0</v>
      </c>
      <c r="AV22" s="281">
        <v>1</v>
      </c>
      <c r="AW22" s="278">
        <v>1</v>
      </c>
      <c r="AX22" s="280">
        <v>0</v>
      </c>
      <c r="AY22" s="281">
        <v>0</v>
      </c>
      <c r="AZ22" s="281">
        <v>0</v>
      </c>
      <c r="BA22" s="281">
        <v>1</v>
      </c>
      <c r="BB22" s="281">
        <v>0</v>
      </c>
      <c r="BC22" s="281">
        <v>0</v>
      </c>
      <c r="BD22" s="278">
        <v>1</v>
      </c>
      <c r="BE22" s="283">
        <v>2</v>
      </c>
      <c r="BF22" s="277">
        <v>0</v>
      </c>
      <c r="BG22" s="281">
        <v>0</v>
      </c>
      <c r="BH22" s="278">
        <v>0</v>
      </c>
      <c r="BI22" s="280">
        <v>0</v>
      </c>
      <c r="BJ22" s="281">
        <v>2</v>
      </c>
      <c r="BK22" s="281">
        <v>1</v>
      </c>
      <c r="BL22" s="281">
        <v>1</v>
      </c>
      <c r="BM22" s="281">
        <v>0</v>
      </c>
      <c r="BN22" s="281">
        <v>1</v>
      </c>
      <c r="BO22" s="282">
        <v>5</v>
      </c>
      <c r="BP22" s="283">
        <v>5</v>
      </c>
      <c r="BQ22" s="277">
        <v>0</v>
      </c>
      <c r="BR22" s="281">
        <v>0</v>
      </c>
      <c r="BS22" s="278">
        <v>0</v>
      </c>
      <c r="BT22" s="280">
        <v>0</v>
      </c>
      <c r="BU22" s="281">
        <v>0</v>
      </c>
      <c r="BV22" s="281">
        <v>0</v>
      </c>
      <c r="BW22" s="281">
        <v>0</v>
      </c>
      <c r="BX22" s="281">
        <v>0</v>
      </c>
      <c r="BY22" s="281">
        <v>0</v>
      </c>
      <c r="BZ22" s="278">
        <v>0</v>
      </c>
      <c r="CA22" s="283">
        <v>0</v>
      </c>
      <c r="CB22" s="277">
        <v>0</v>
      </c>
      <c r="CC22" s="281">
        <v>0</v>
      </c>
      <c r="CD22" s="278">
        <v>0</v>
      </c>
      <c r="CE22" s="280">
        <v>0</v>
      </c>
      <c r="CF22" s="281">
        <v>0</v>
      </c>
      <c r="CG22" s="281">
        <v>0</v>
      </c>
      <c r="CH22" s="281">
        <v>0</v>
      </c>
      <c r="CI22" s="281">
        <v>0</v>
      </c>
      <c r="CJ22" s="281">
        <v>0</v>
      </c>
      <c r="CK22" s="278">
        <v>0</v>
      </c>
      <c r="CL22" s="283">
        <v>0</v>
      </c>
      <c r="CM22" s="277">
        <v>0</v>
      </c>
      <c r="CN22" s="281">
        <v>0</v>
      </c>
      <c r="CO22" s="278">
        <v>0</v>
      </c>
      <c r="CP22" s="280">
        <v>0</v>
      </c>
      <c r="CQ22" s="281">
        <v>0</v>
      </c>
      <c r="CR22" s="281">
        <v>0</v>
      </c>
      <c r="CS22" s="281">
        <v>0</v>
      </c>
      <c r="CT22" s="281">
        <v>0</v>
      </c>
      <c r="CU22" s="281">
        <v>0</v>
      </c>
      <c r="CV22" s="278">
        <v>0</v>
      </c>
      <c r="CW22" s="283">
        <v>0</v>
      </c>
    </row>
    <row r="23" spans="2:101" ht="21" customHeight="1" x14ac:dyDescent="0.2">
      <c r="B23" s="262" t="s">
        <v>21</v>
      </c>
      <c r="C23" s="277">
        <v>0</v>
      </c>
      <c r="D23" s="278">
        <v>0</v>
      </c>
      <c r="E23" s="279">
        <v>0</v>
      </c>
      <c r="F23" s="280">
        <v>0</v>
      </c>
      <c r="G23" s="281">
        <v>0</v>
      </c>
      <c r="H23" s="281">
        <v>0</v>
      </c>
      <c r="I23" s="281">
        <v>0</v>
      </c>
      <c r="J23" s="281">
        <v>0</v>
      </c>
      <c r="K23" s="281">
        <v>0</v>
      </c>
      <c r="L23" s="282">
        <v>0</v>
      </c>
      <c r="M23" s="283">
        <v>0</v>
      </c>
      <c r="N23" s="277">
        <v>0</v>
      </c>
      <c r="O23" s="281">
        <v>0</v>
      </c>
      <c r="P23" s="278">
        <v>0</v>
      </c>
      <c r="Q23" s="280">
        <v>0</v>
      </c>
      <c r="R23" s="281">
        <v>0</v>
      </c>
      <c r="S23" s="281">
        <v>0</v>
      </c>
      <c r="T23" s="281">
        <v>0</v>
      </c>
      <c r="U23" s="281">
        <v>0</v>
      </c>
      <c r="V23" s="281">
        <v>0</v>
      </c>
      <c r="W23" s="278">
        <v>0</v>
      </c>
      <c r="X23" s="283">
        <v>0</v>
      </c>
      <c r="Y23" s="277">
        <v>0</v>
      </c>
      <c r="Z23" s="281">
        <v>0</v>
      </c>
      <c r="AA23" s="278">
        <v>0</v>
      </c>
      <c r="AB23" s="280">
        <v>0</v>
      </c>
      <c r="AC23" s="281">
        <v>12</v>
      </c>
      <c r="AD23" s="281">
        <v>5</v>
      </c>
      <c r="AE23" s="281">
        <v>2</v>
      </c>
      <c r="AF23" s="281">
        <v>2</v>
      </c>
      <c r="AG23" s="281">
        <v>0</v>
      </c>
      <c r="AH23" s="278">
        <v>21</v>
      </c>
      <c r="AI23" s="283">
        <v>21</v>
      </c>
      <c r="AJ23" s="277">
        <v>0</v>
      </c>
      <c r="AK23" s="281">
        <v>0</v>
      </c>
      <c r="AL23" s="278">
        <v>0</v>
      </c>
      <c r="AM23" s="280">
        <v>0</v>
      </c>
      <c r="AN23" s="281">
        <v>0</v>
      </c>
      <c r="AO23" s="281">
        <v>0</v>
      </c>
      <c r="AP23" s="281">
        <v>0</v>
      </c>
      <c r="AQ23" s="281">
        <v>0</v>
      </c>
      <c r="AR23" s="281">
        <v>0</v>
      </c>
      <c r="AS23" s="278">
        <v>0</v>
      </c>
      <c r="AT23" s="283">
        <v>0</v>
      </c>
      <c r="AU23" s="277">
        <v>0</v>
      </c>
      <c r="AV23" s="281">
        <v>0</v>
      </c>
      <c r="AW23" s="278">
        <v>0</v>
      </c>
      <c r="AX23" s="280">
        <v>0</v>
      </c>
      <c r="AY23" s="281">
        <v>1</v>
      </c>
      <c r="AZ23" s="281">
        <v>0</v>
      </c>
      <c r="BA23" s="281">
        <v>1</v>
      </c>
      <c r="BB23" s="281">
        <v>1</v>
      </c>
      <c r="BC23" s="281">
        <v>0</v>
      </c>
      <c r="BD23" s="278">
        <v>3</v>
      </c>
      <c r="BE23" s="283">
        <v>3</v>
      </c>
      <c r="BF23" s="277">
        <v>0</v>
      </c>
      <c r="BG23" s="281">
        <v>0</v>
      </c>
      <c r="BH23" s="278">
        <v>0</v>
      </c>
      <c r="BI23" s="280">
        <v>0</v>
      </c>
      <c r="BJ23" s="281">
        <v>1</v>
      </c>
      <c r="BK23" s="281">
        <v>2</v>
      </c>
      <c r="BL23" s="281">
        <v>0</v>
      </c>
      <c r="BM23" s="281">
        <v>2</v>
      </c>
      <c r="BN23" s="281">
        <v>0</v>
      </c>
      <c r="BO23" s="282">
        <v>5</v>
      </c>
      <c r="BP23" s="283">
        <v>5</v>
      </c>
      <c r="BQ23" s="277">
        <v>0</v>
      </c>
      <c r="BR23" s="281">
        <v>0</v>
      </c>
      <c r="BS23" s="278">
        <v>0</v>
      </c>
      <c r="BT23" s="280">
        <v>0</v>
      </c>
      <c r="BU23" s="281">
        <v>0</v>
      </c>
      <c r="BV23" s="281">
        <v>0</v>
      </c>
      <c r="BW23" s="281">
        <v>0</v>
      </c>
      <c r="BX23" s="281">
        <v>0</v>
      </c>
      <c r="BY23" s="281">
        <v>0</v>
      </c>
      <c r="BZ23" s="278">
        <v>0</v>
      </c>
      <c r="CA23" s="283">
        <v>0</v>
      </c>
      <c r="CB23" s="277">
        <v>0</v>
      </c>
      <c r="CC23" s="281">
        <v>0</v>
      </c>
      <c r="CD23" s="278">
        <v>0</v>
      </c>
      <c r="CE23" s="280">
        <v>0</v>
      </c>
      <c r="CF23" s="281">
        <v>0</v>
      </c>
      <c r="CG23" s="281">
        <v>0</v>
      </c>
      <c r="CH23" s="281">
        <v>0</v>
      </c>
      <c r="CI23" s="281">
        <v>0</v>
      </c>
      <c r="CJ23" s="281">
        <v>0</v>
      </c>
      <c r="CK23" s="278">
        <v>0</v>
      </c>
      <c r="CL23" s="283">
        <v>0</v>
      </c>
      <c r="CM23" s="277">
        <v>0</v>
      </c>
      <c r="CN23" s="281">
        <v>0</v>
      </c>
      <c r="CO23" s="278">
        <v>0</v>
      </c>
      <c r="CP23" s="280">
        <v>0</v>
      </c>
      <c r="CQ23" s="281">
        <v>0</v>
      </c>
      <c r="CR23" s="281">
        <v>0</v>
      </c>
      <c r="CS23" s="281">
        <v>0</v>
      </c>
      <c r="CT23" s="281">
        <v>0</v>
      </c>
      <c r="CU23" s="281">
        <v>0</v>
      </c>
      <c r="CV23" s="278">
        <v>0</v>
      </c>
      <c r="CW23" s="283">
        <v>0</v>
      </c>
    </row>
    <row r="24" spans="2:101" ht="21" customHeight="1" x14ac:dyDescent="0.2">
      <c r="B24" s="262" t="s">
        <v>22</v>
      </c>
      <c r="C24" s="277">
        <v>0</v>
      </c>
      <c r="D24" s="278">
        <v>0</v>
      </c>
      <c r="E24" s="279">
        <v>0</v>
      </c>
      <c r="F24" s="280">
        <v>0</v>
      </c>
      <c r="G24" s="281">
        <v>3</v>
      </c>
      <c r="H24" s="281">
        <v>1</v>
      </c>
      <c r="I24" s="281">
        <v>0</v>
      </c>
      <c r="J24" s="281">
        <v>0</v>
      </c>
      <c r="K24" s="281">
        <v>0</v>
      </c>
      <c r="L24" s="282">
        <v>4</v>
      </c>
      <c r="M24" s="283">
        <v>4</v>
      </c>
      <c r="N24" s="277">
        <v>0</v>
      </c>
      <c r="O24" s="281">
        <v>0</v>
      </c>
      <c r="P24" s="278">
        <v>0</v>
      </c>
      <c r="Q24" s="280">
        <v>0</v>
      </c>
      <c r="R24" s="281">
        <v>0</v>
      </c>
      <c r="S24" s="281">
        <v>0</v>
      </c>
      <c r="T24" s="281">
        <v>0</v>
      </c>
      <c r="U24" s="281">
        <v>0</v>
      </c>
      <c r="V24" s="281">
        <v>0</v>
      </c>
      <c r="W24" s="278">
        <v>0</v>
      </c>
      <c r="X24" s="283">
        <v>0</v>
      </c>
      <c r="Y24" s="277">
        <v>0</v>
      </c>
      <c r="Z24" s="281">
        <v>0</v>
      </c>
      <c r="AA24" s="278">
        <v>0</v>
      </c>
      <c r="AB24" s="280">
        <v>0</v>
      </c>
      <c r="AC24" s="281">
        <v>10</v>
      </c>
      <c r="AD24" s="281">
        <v>2</v>
      </c>
      <c r="AE24" s="281">
        <v>0</v>
      </c>
      <c r="AF24" s="281">
        <v>0</v>
      </c>
      <c r="AG24" s="281">
        <v>0</v>
      </c>
      <c r="AH24" s="278">
        <v>12</v>
      </c>
      <c r="AI24" s="283">
        <v>12</v>
      </c>
      <c r="AJ24" s="277">
        <v>0</v>
      </c>
      <c r="AK24" s="281">
        <v>0</v>
      </c>
      <c r="AL24" s="278">
        <v>0</v>
      </c>
      <c r="AM24" s="280">
        <v>0</v>
      </c>
      <c r="AN24" s="281">
        <v>0</v>
      </c>
      <c r="AO24" s="281">
        <v>0</v>
      </c>
      <c r="AP24" s="281">
        <v>1</v>
      </c>
      <c r="AQ24" s="281">
        <v>0</v>
      </c>
      <c r="AR24" s="281">
        <v>0</v>
      </c>
      <c r="AS24" s="278">
        <v>1</v>
      </c>
      <c r="AT24" s="283">
        <v>1</v>
      </c>
      <c r="AU24" s="277">
        <v>1</v>
      </c>
      <c r="AV24" s="281">
        <v>0</v>
      </c>
      <c r="AW24" s="278">
        <v>1</v>
      </c>
      <c r="AX24" s="280">
        <v>0</v>
      </c>
      <c r="AY24" s="281">
        <v>0</v>
      </c>
      <c r="AZ24" s="281">
        <v>1</v>
      </c>
      <c r="BA24" s="281">
        <v>0</v>
      </c>
      <c r="BB24" s="281">
        <v>0</v>
      </c>
      <c r="BC24" s="281">
        <v>0</v>
      </c>
      <c r="BD24" s="278">
        <v>1</v>
      </c>
      <c r="BE24" s="283">
        <v>2</v>
      </c>
      <c r="BF24" s="277">
        <v>0</v>
      </c>
      <c r="BG24" s="281">
        <v>0</v>
      </c>
      <c r="BH24" s="278">
        <v>0</v>
      </c>
      <c r="BI24" s="280">
        <v>0</v>
      </c>
      <c r="BJ24" s="281">
        <v>0</v>
      </c>
      <c r="BK24" s="281">
        <v>0</v>
      </c>
      <c r="BL24" s="281">
        <v>1</v>
      </c>
      <c r="BM24" s="281">
        <v>0</v>
      </c>
      <c r="BN24" s="281">
        <v>1</v>
      </c>
      <c r="BO24" s="282">
        <v>2</v>
      </c>
      <c r="BP24" s="283">
        <v>2</v>
      </c>
      <c r="BQ24" s="277">
        <v>0</v>
      </c>
      <c r="BR24" s="281">
        <v>0</v>
      </c>
      <c r="BS24" s="278">
        <v>0</v>
      </c>
      <c r="BT24" s="280">
        <v>0</v>
      </c>
      <c r="BU24" s="281">
        <v>0</v>
      </c>
      <c r="BV24" s="281">
        <v>0</v>
      </c>
      <c r="BW24" s="281">
        <v>0</v>
      </c>
      <c r="BX24" s="281">
        <v>0</v>
      </c>
      <c r="BY24" s="281">
        <v>0</v>
      </c>
      <c r="BZ24" s="278">
        <v>0</v>
      </c>
      <c r="CA24" s="283">
        <v>0</v>
      </c>
      <c r="CB24" s="277">
        <v>0</v>
      </c>
      <c r="CC24" s="281">
        <v>0</v>
      </c>
      <c r="CD24" s="278">
        <v>0</v>
      </c>
      <c r="CE24" s="280">
        <v>0</v>
      </c>
      <c r="CF24" s="281">
        <v>0</v>
      </c>
      <c r="CG24" s="281">
        <v>0</v>
      </c>
      <c r="CH24" s="281">
        <v>0</v>
      </c>
      <c r="CI24" s="281">
        <v>2</v>
      </c>
      <c r="CJ24" s="281">
        <v>0</v>
      </c>
      <c r="CK24" s="278">
        <v>2</v>
      </c>
      <c r="CL24" s="283">
        <v>2</v>
      </c>
      <c r="CM24" s="277">
        <v>0</v>
      </c>
      <c r="CN24" s="281">
        <v>0</v>
      </c>
      <c r="CO24" s="278">
        <v>0</v>
      </c>
      <c r="CP24" s="280">
        <v>0</v>
      </c>
      <c r="CQ24" s="281">
        <v>0</v>
      </c>
      <c r="CR24" s="281">
        <v>0</v>
      </c>
      <c r="CS24" s="281">
        <v>0</v>
      </c>
      <c r="CT24" s="281">
        <v>0</v>
      </c>
      <c r="CU24" s="281">
        <v>0</v>
      </c>
      <c r="CV24" s="278">
        <v>0</v>
      </c>
      <c r="CW24" s="283">
        <v>0</v>
      </c>
    </row>
    <row r="25" spans="2:101" ht="21" customHeight="1" x14ac:dyDescent="0.2">
      <c r="B25" s="262" t="s">
        <v>23</v>
      </c>
      <c r="C25" s="277">
        <v>0</v>
      </c>
      <c r="D25" s="278">
        <v>0</v>
      </c>
      <c r="E25" s="279">
        <v>0</v>
      </c>
      <c r="F25" s="280">
        <v>0</v>
      </c>
      <c r="G25" s="281">
        <v>0</v>
      </c>
      <c r="H25" s="281">
        <v>0</v>
      </c>
      <c r="I25" s="281">
        <v>0</v>
      </c>
      <c r="J25" s="281">
        <v>0</v>
      </c>
      <c r="K25" s="281">
        <v>0</v>
      </c>
      <c r="L25" s="282">
        <v>0</v>
      </c>
      <c r="M25" s="283">
        <v>0</v>
      </c>
      <c r="N25" s="277">
        <v>0</v>
      </c>
      <c r="O25" s="281">
        <v>0</v>
      </c>
      <c r="P25" s="278">
        <v>0</v>
      </c>
      <c r="Q25" s="280">
        <v>0</v>
      </c>
      <c r="R25" s="281">
        <v>0</v>
      </c>
      <c r="S25" s="281">
        <v>0</v>
      </c>
      <c r="T25" s="281">
        <v>0</v>
      </c>
      <c r="U25" s="281">
        <v>0</v>
      </c>
      <c r="V25" s="281">
        <v>0</v>
      </c>
      <c r="W25" s="278">
        <v>0</v>
      </c>
      <c r="X25" s="283">
        <v>0</v>
      </c>
      <c r="Y25" s="277">
        <v>0</v>
      </c>
      <c r="Z25" s="281">
        <v>0</v>
      </c>
      <c r="AA25" s="278">
        <v>0</v>
      </c>
      <c r="AB25" s="280">
        <v>0</v>
      </c>
      <c r="AC25" s="281">
        <v>2</v>
      </c>
      <c r="AD25" s="281">
        <v>2</v>
      </c>
      <c r="AE25" s="281">
        <v>0</v>
      </c>
      <c r="AF25" s="281">
        <v>0</v>
      </c>
      <c r="AG25" s="281">
        <v>1</v>
      </c>
      <c r="AH25" s="278">
        <v>5</v>
      </c>
      <c r="AI25" s="283">
        <v>5</v>
      </c>
      <c r="AJ25" s="277">
        <v>0</v>
      </c>
      <c r="AK25" s="281">
        <v>0</v>
      </c>
      <c r="AL25" s="278">
        <v>0</v>
      </c>
      <c r="AM25" s="280">
        <v>0</v>
      </c>
      <c r="AN25" s="281">
        <v>0</v>
      </c>
      <c r="AO25" s="281">
        <v>0</v>
      </c>
      <c r="AP25" s="281">
        <v>0</v>
      </c>
      <c r="AQ25" s="281">
        <v>0</v>
      </c>
      <c r="AR25" s="281">
        <v>0</v>
      </c>
      <c r="AS25" s="278">
        <v>0</v>
      </c>
      <c r="AT25" s="283">
        <v>0</v>
      </c>
      <c r="AU25" s="277">
        <v>0</v>
      </c>
      <c r="AV25" s="281">
        <v>0</v>
      </c>
      <c r="AW25" s="278">
        <v>0</v>
      </c>
      <c r="AX25" s="280">
        <v>0</v>
      </c>
      <c r="AY25" s="281">
        <v>0</v>
      </c>
      <c r="AZ25" s="281">
        <v>0</v>
      </c>
      <c r="BA25" s="281">
        <v>0</v>
      </c>
      <c r="BB25" s="281">
        <v>0</v>
      </c>
      <c r="BC25" s="281">
        <v>0</v>
      </c>
      <c r="BD25" s="278">
        <v>0</v>
      </c>
      <c r="BE25" s="283">
        <v>0</v>
      </c>
      <c r="BF25" s="277">
        <v>0</v>
      </c>
      <c r="BG25" s="281">
        <v>0</v>
      </c>
      <c r="BH25" s="278">
        <v>0</v>
      </c>
      <c r="BI25" s="280">
        <v>0</v>
      </c>
      <c r="BJ25" s="281">
        <v>0</v>
      </c>
      <c r="BK25" s="281">
        <v>0</v>
      </c>
      <c r="BL25" s="281">
        <v>1</v>
      </c>
      <c r="BM25" s="281">
        <v>0</v>
      </c>
      <c r="BN25" s="281">
        <v>0</v>
      </c>
      <c r="BO25" s="282">
        <v>1</v>
      </c>
      <c r="BP25" s="283">
        <v>1</v>
      </c>
      <c r="BQ25" s="277">
        <v>0</v>
      </c>
      <c r="BR25" s="281">
        <v>0</v>
      </c>
      <c r="BS25" s="278">
        <v>0</v>
      </c>
      <c r="BT25" s="280">
        <v>0</v>
      </c>
      <c r="BU25" s="281">
        <v>0</v>
      </c>
      <c r="BV25" s="281">
        <v>0</v>
      </c>
      <c r="BW25" s="281">
        <v>0</v>
      </c>
      <c r="BX25" s="281">
        <v>0</v>
      </c>
      <c r="BY25" s="281">
        <v>0</v>
      </c>
      <c r="BZ25" s="278">
        <v>0</v>
      </c>
      <c r="CA25" s="283">
        <v>0</v>
      </c>
      <c r="CB25" s="277">
        <v>0</v>
      </c>
      <c r="CC25" s="281">
        <v>0</v>
      </c>
      <c r="CD25" s="278">
        <v>0</v>
      </c>
      <c r="CE25" s="280">
        <v>0</v>
      </c>
      <c r="CF25" s="281">
        <v>0</v>
      </c>
      <c r="CG25" s="281">
        <v>0</v>
      </c>
      <c r="CH25" s="281">
        <v>0</v>
      </c>
      <c r="CI25" s="281">
        <v>0</v>
      </c>
      <c r="CJ25" s="281">
        <v>0</v>
      </c>
      <c r="CK25" s="278">
        <v>0</v>
      </c>
      <c r="CL25" s="283">
        <v>0</v>
      </c>
      <c r="CM25" s="277">
        <v>0</v>
      </c>
      <c r="CN25" s="281">
        <v>0</v>
      </c>
      <c r="CO25" s="278">
        <v>0</v>
      </c>
      <c r="CP25" s="280">
        <v>0</v>
      </c>
      <c r="CQ25" s="281">
        <v>0</v>
      </c>
      <c r="CR25" s="281">
        <v>0</v>
      </c>
      <c r="CS25" s="281">
        <v>0</v>
      </c>
      <c r="CT25" s="281">
        <v>0</v>
      </c>
      <c r="CU25" s="281">
        <v>0</v>
      </c>
      <c r="CV25" s="278">
        <v>0</v>
      </c>
      <c r="CW25" s="283">
        <v>0</v>
      </c>
    </row>
    <row r="26" spans="2:101" ht="21" customHeight="1" x14ac:dyDescent="0.2">
      <c r="B26" s="262" t="s">
        <v>24</v>
      </c>
      <c r="C26" s="277">
        <v>0</v>
      </c>
      <c r="D26" s="278">
        <v>0</v>
      </c>
      <c r="E26" s="279">
        <v>0</v>
      </c>
      <c r="F26" s="280">
        <v>0</v>
      </c>
      <c r="G26" s="281">
        <v>0</v>
      </c>
      <c r="H26" s="281">
        <v>0</v>
      </c>
      <c r="I26" s="281">
        <v>0</v>
      </c>
      <c r="J26" s="281">
        <v>1</v>
      </c>
      <c r="K26" s="281">
        <v>0</v>
      </c>
      <c r="L26" s="282">
        <v>1</v>
      </c>
      <c r="M26" s="283">
        <v>1</v>
      </c>
      <c r="N26" s="277">
        <v>0</v>
      </c>
      <c r="O26" s="281">
        <v>0</v>
      </c>
      <c r="P26" s="278">
        <v>0</v>
      </c>
      <c r="Q26" s="280">
        <v>0</v>
      </c>
      <c r="R26" s="281">
        <v>0</v>
      </c>
      <c r="S26" s="281">
        <v>0</v>
      </c>
      <c r="T26" s="281">
        <v>0</v>
      </c>
      <c r="U26" s="281">
        <v>0</v>
      </c>
      <c r="V26" s="281">
        <v>0</v>
      </c>
      <c r="W26" s="278">
        <v>0</v>
      </c>
      <c r="X26" s="283">
        <v>0</v>
      </c>
      <c r="Y26" s="277">
        <v>0</v>
      </c>
      <c r="Z26" s="281">
        <v>0</v>
      </c>
      <c r="AA26" s="278">
        <v>0</v>
      </c>
      <c r="AB26" s="280">
        <v>0</v>
      </c>
      <c r="AC26" s="281">
        <v>0</v>
      </c>
      <c r="AD26" s="281">
        <v>0</v>
      </c>
      <c r="AE26" s="281">
        <v>2</v>
      </c>
      <c r="AF26" s="281">
        <v>0</v>
      </c>
      <c r="AG26" s="281">
        <v>0</v>
      </c>
      <c r="AH26" s="278">
        <v>2</v>
      </c>
      <c r="AI26" s="283">
        <v>2</v>
      </c>
      <c r="AJ26" s="277">
        <v>0</v>
      </c>
      <c r="AK26" s="281">
        <v>0</v>
      </c>
      <c r="AL26" s="278">
        <v>0</v>
      </c>
      <c r="AM26" s="280">
        <v>0</v>
      </c>
      <c r="AN26" s="281">
        <v>0</v>
      </c>
      <c r="AO26" s="281">
        <v>2</v>
      </c>
      <c r="AP26" s="281">
        <v>0</v>
      </c>
      <c r="AQ26" s="281">
        <v>0</v>
      </c>
      <c r="AR26" s="281">
        <v>1</v>
      </c>
      <c r="AS26" s="278">
        <v>3</v>
      </c>
      <c r="AT26" s="283">
        <v>3</v>
      </c>
      <c r="AU26" s="277">
        <v>0</v>
      </c>
      <c r="AV26" s="281">
        <v>1</v>
      </c>
      <c r="AW26" s="278">
        <v>1</v>
      </c>
      <c r="AX26" s="280">
        <v>0</v>
      </c>
      <c r="AY26" s="281">
        <v>4</v>
      </c>
      <c r="AZ26" s="281">
        <v>0</v>
      </c>
      <c r="BA26" s="281">
        <v>1</v>
      </c>
      <c r="BB26" s="281">
        <v>0</v>
      </c>
      <c r="BC26" s="281">
        <v>1</v>
      </c>
      <c r="BD26" s="278">
        <v>6</v>
      </c>
      <c r="BE26" s="283">
        <v>7</v>
      </c>
      <c r="BF26" s="277">
        <v>0</v>
      </c>
      <c r="BG26" s="281">
        <v>0</v>
      </c>
      <c r="BH26" s="278">
        <v>0</v>
      </c>
      <c r="BI26" s="280">
        <v>0</v>
      </c>
      <c r="BJ26" s="281">
        <v>0</v>
      </c>
      <c r="BK26" s="281">
        <v>0</v>
      </c>
      <c r="BL26" s="281">
        <v>1</v>
      </c>
      <c r="BM26" s="281">
        <v>1</v>
      </c>
      <c r="BN26" s="281">
        <v>1</v>
      </c>
      <c r="BO26" s="282">
        <v>3</v>
      </c>
      <c r="BP26" s="283">
        <v>3</v>
      </c>
      <c r="BQ26" s="277">
        <v>0</v>
      </c>
      <c r="BR26" s="281">
        <v>0</v>
      </c>
      <c r="BS26" s="278">
        <v>0</v>
      </c>
      <c r="BT26" s="280">
        <v>0</v>
      </c>
      <c r="BU26" s="281">
        <v>0</v>
      </c>
      <c r="BV26" s="281">
        <v>0</v>
      </c>
      <c r="BW26" s="281">
        <v>0</v>
      </c>
      <c r="BX26" s="281">
        <v>0</v>
      </c>
      <c r="BY26" s="281">
        <v>0</v>
      </c>
      <c r="BZ26" s="278">
        <v>0</v>
      </c>
      <c r="CA26" s="283">
        <v>0</v>
      </c>
      <c r="CB26" s="277">
        <v>0</v>
      </c>
      <c r="CC26" s="281">
        <v>0</v>
      </c>
      <c r="CD26" s="278">
        <v>0</v>
      </c>
      <c r="CE26" s="280">
        <v>0</v>
      </c>
      <c r="CF26" s="281">
        <v>0</v>
      </c>
      <c r="CG26" s="281">
        <v>0</v>
      </c>
      <c r="CH26" s="281">
        <v>0</v>
      </c>
      <c r="CI26" s="281">
        <v>0</v>
      </c>
      <c r="CJ26" s="281">
        <v>0</v>
      </c>
      <c r="CK26" s="278">
        <v>0</v>
      </c>
      <c r="CL26" s="283">
        <v>0</v>
      </c>
      <c r="CM26" s="277">
        <v>0</v>
      </c>
      <c r="CN26" s="281">
        <v>0</v>
      </c>
      <c r="CO26" s="278">
        <v>0</v>
      </c>
      <c r="CP26" s="280">
        <v>0</v>
      </c>
      <c r="CQ26" s="281">
        <v>0</v>
      </c>
      <c r="CR26" s="281">
        <v>0</v>
      </c>
      <c r="CS26" s="281">
        <v>0</v>
      </c>
      <c r="CT26" s="281">
        <v>0</v>
      </c>
      <c r="CU26" s="281">
        <v>0</v>
      </c>
      <c r="CV26" s="278">
        <v>0</v>
      </c>
      <c r="CW26" s="283">
        <v>0</v>
      </c>
    </row>
    <row r="27" spans="2:101" ht="21" customHeight="1" x14ac:dyDescent="0.2">
      <c r="B27" s="262" t="s">
        <v>25</v>
      </c>
      <c r="C27" s="277">
        <v>0</v>
      </c>
      <c r="D27" s="278">
        <v>0</v>
      </c>
      <c r="E27" s="279">
        <v>0</v>
      </c>
      <c r="F27" s="280">
        <v>0</v>
      </c>
      <c r="G27" s="281">
        <v>0</v>
      </c>
      <c r="H27" s="281">
        <v>0</v>
      </c>
      <c r="I27" s="281">
        <v>0</v>
      </c>
      <c r="J27" s="281">
        <v>0</v>
      </c>
      <c r="K27" s="281">
        <v>0</v>
      </c>
      <c r="L27" s="282">
        <v>0</v>
      </c>
      <c r="M27" s="283">
        <v>0</v>
      </c>
      <c r="N27" s="277">
        <v>0</v>
      </c>
      <c r="O27" s="281">
        <v>0</v>
      </c>
      <c r="P27" s="278">
        <v>0</v>
      </c>
      <c r="Q27" s="280">
        <v>0</v>
      </c>
      <c r="R27" s="281">
        <v>0</v>
      </c>
      <c r="S27" s="281">
        <v>0</v>
      </c>
      <c r="T27" s="281">
        <v>0</v>
      </c>
      <c r="U27" s="281">
        <v>0</v>
      </c>
      <c r="V27" s="281">
        <v>0</v>
      </c>
      <c r="W27" s="278">
        <v>0</v>
      </c>
      <c r="X27" s="283">
        <v>0</v>
      </c>
      <c r="Y27" s="277">
        <v>0</v>
      </c>
      <c r="Z27" s="281">
        <v>0</v>
      </c>
      <c r="AA27" s="278">
        <v>0</v>
      </c>
      <c r="AB27" s="280">
        <v>0</v>
      </c>
      <c r="AC27" s="281">
        <v>3</v>
      </c>
      <c r="AD27" s="281">
        <v>1</v>
      </c>
      <c r="AE27" s="281">
        <v>0</v>
      </c>
      <c r="AF27" s="281">
        <v>0</v>
      </c>
      <c r="AG27" s="281">
        <v>0</v>
      </c>
      <c r="AH27" s="278">
        <v>4</v>
      </c>
      <c r="AI27" s="283">
        <v>4</v>
      </c>
      <c r="AJ27" s="277">
        <v>0</v>
      </c>
      <c r="AK27" s="281">
        <v>0</v>
      </c>
      <c r="AL27" s="278">
        <v>0</v>
      </c>
      <c r="AM27" s="280">
        <v>0</v>
      </c>
      <c r="AN27" s="281">
        <v>0</v>
      </c>
      <c r="AO27" s="281">
        <v>0</v>
      </c>
      <c r="AP27" s="281">
        <v>0</v>
      </c>
      <c r="AQ27" s="281">
        <v>0</v>
      </c>
      <c r="AR27" s="281">
        <v>0</v>
      </c>
      <c r="AS27" s="278">
        <v>0</v>
      </c>
      <c r="AT27" s="283">
        <v>0</v>
      </c>
      <c r="AU27" s="277">
        <v>0</v>
      </c>
      <c r="AV27" s="281">
        <v>0</v>
      </c>
      <c r="AW27" s="278">
        <v>0</v>
      </c>
      <c r="AX27" s="280">
        <v>0</v>
      </c>
      <c r="AY27" s="281">
        <v>0</v>
      </c>
      <c r="AZ27" s="281">
        <v>0</v>
      </c>
      <c r="BA27" s="281">
        <v>0</v>
      </c>
      <c r="BB27" s="281">
        <v>0</v>
      </c>
      <c r="BC27" s="281">
        <v>0</v>
      </c>
      <c r="BD27" s="278">
        <v>0</v>
      </c>
      <c r="BE27" s="283">
        <v>0</v>
      </c>
      <c r="BF27" s="277">
        <v>0</v>
      </c>
      <c r="BG27" s="281">
        <v>0</v>
      </c>
      <c r="BH27" s="278">
        <v>0</v>
      </c>
      <c r="BI27" s="280">
        <v>0</v>
      </c>
      <c r="BJ27" s="281">
        <v>2</v>
      </c>
      <c r="BK27" s="281">
        <v>0</v>
      </c>
      <c r="BL27" s="281">
        <v>1</v>
      </c>
      <c r="BM27" s="281">
        <v>0</v>
      </c>
      <c r="BN27" s="281">
        <v>0</v>
      </c>
      <c r="BO27" s="282">
        <v>3</v>
      </c>
      <c r="BP27" s="283">
        <v>3</v>
      </c>
      <c r="BQ27" s="277">
        <v>0</v>
      </c>
      <c r="BR27" s="281">
        <v>0</v>
      </c>
      <c r="BS27" s="278">
        <v>0</v>
      </c>
      <c r="BT27" s="280">
        <v>0</v>
      </c>
      <c r="BU27" s="281">
        <v>0</v>
      </c>
      <c r="BV27" s="281">
        <v>0</v>
      </c>
      <c r="BW27" s="281">
        <v>0</v>
      </c>
      <c r="BX27" s="281">
        <v>0</v>
      </c>
      <c r="BY27" s="281">
        <v>0</v>
      </c>
      <c r="BZ27" s="278">
        <v>0</v>
      </c>
      <c r="CA27" s="283">
        <v>0</v>
      </c>
      <c r="CB27" s="277">
        <v>0</v>
      </c>
      <c r="CC27" s="281">
        <v>0</v>
      </c>
      <c r="CD27" s="278">
        <v>0</v>
      </c>
      <c r="CE27" s="280">
        <v>0</v>
      </c>
      <c r="CF27" s="281">
        <v>0</v>
      </c>
      <c r="CG27" s="281">
        <v>0</v>
      </c>
      <c r="CH27" s="281">
        <v>0</v>
      </c>
      <c r="CI27" s="281">
        <v>0</v>
      </c>
      <c r="CJ27" s="281">
        <v>0</v>
      </c>
      <c r="CK27" s="278">
        <v>0</v>
      </c>
      <c r="CL27" s="283">
        <v>0</v>
      </c>
      <c r="CM27" s="277">
        <v>0</v>
      </c>
      <c r="CN27" s="281">
        <v>0</v>
      </c>
      <c r="CO27" s="278">
        <v>0</v>
      </c>
      <c r="CP27" s="280">
        <v>0</v>
      </c>
      <c r="CQ27" s="281">
        <v>0</v>
      </c>
      <c r="CR27" s="281">
        <v>0</v>
      </c>
      <c r="CS27" s="281">
        <v>0</v>
      </c>
      <c r="CT27" s="281">
        <v>0</v>
      </c>
      <c r="CU27" s="281">
        <v>0</v>
      </c>
      <c r="CV27" s="278">
        <v>0</v>
      </c>
      <c r="CW27" s="283">
        <v>0</v>
      </c>
    </row>
    <row r="28" spans="2:101" ht="21" customHeight="1" x14ac:dyDescent="0.2">
      <c r="B28" s="262" t="s">
        <v>26</v>
      </c>
      <c r="C28" s="277">
        <v>0</v>
      </c>
      <c r="D28" s="278">
        <v>0</v>
      </c>
      <c r="E28" s="279">
        <v>0</v>
      </c>
      <c r="F28" s="280">
        <v>0</v>
      </c>
      <c r="G28" s="281">
        <v>0</v>
      </c>
      <c r="H28" s="281">
        <v>0</v>
      </c>
      <c r="I28" s="281">
        <v>0</v>
      </c>
      <c r="J28" s="281">
        <v>0</v>
      </c>
      <c r="K28" s="281">
        <v>0</v>
      </c>
      <c r="L28" s="282">
        <v>0</v>
      </c>
      <c r="M28" s="283">
        <v>0</v>
      </c>
      <c r="N28" s="277">
        <v>0</v>
      </c>
      <c r="O28" s="281">
        <v>0</v>
      </c>
      <c r="P28" s="278">
        <v>0</v>
      </c>
      <c r="Q28" s="280">
        <v>0</v>
      </c>
      <c r="R28" s="281">
        <v>0</v>
      </c>
      <c r="S28" s="281">
        <v>0</v>
      </c>
      <c r="T28" s="281">
        <v>0</v>
      </c>
      <c r="U28" s="281">
        <v>0</v>
      </c>
      <c r="V28" s="281">
        <v>0</v>
      </c>
      <c r="W28" s="278">
        <v>0</v>
      </c>
      <c r="X28" s="283">
        <v>0</v>
      </c>
      <c r="Y28" s="277">
        <v>0</v>
      </c>
      <c r="Z28" s="281">
        <v>0</v>
      </c>
      <c r="AA28" s="278">
        <v>0</v>
      </c>
      <c r="AB28" s="280">
        <v>0</v>
      </c>
      <c r="AC28" s="281">
        <v>3</v>
      </c>
      <c r="AD28" s="281">
        <v>1</v>
      </c>
      <c r="AE28" s="281">
        <v>2</v>
      </c>
      <c r="AF28" s="281">
        <v>0</v>
      </c>
      <c r="AG28" s="281">
        <v>0</v>
      </c>
      <c r="AH28" s="278">
        <v>6</v>
      </c>
      <c r="AI28" s="283">
        <v>6</v>
      </c>
      <c r="AJ28" s="277">
        <v>0</v>
      </c>
      <c r="AK28" s="281">
        <v>0</v>
      </c>
      <c r="AL28" s="278">
        <v>0</v>
      </c>
      <c r="AM28" s="280">
        <v>0</v>
      </c>
      <c r="AN28" s="281">
        <v>0</v>
      </c>
      <c r="AO28" s="281">
        <v>0</v>
      </c>
      <c r="AP28" s="281">
        <v>0</v>
      </c>
      <c r="AQ28" s="281">
        <v>0</v>
      </c>
      <c r="AR28" s="281">
        <v>1</v>
      </c>
      <c r="AS28" s="278">
        <v>1</v>
      </c>
      <c r="AT28" s="283">
        <v>1</v>
      </c>
      <c r="AU28" s="277">
        <v>0</v>
      </c>
      <c r="AV28" s="281">
        <v>0</v>
      </c>
      <c r="AW28" s="278">
        <v>0</v>
      </c>
      <c r="AX28" s="280">
        <v>0</v>
      </c>
      <c r="AY28" s="281">
        <v>1</v>
      </c>
      <c r="AZ28" s="281">
        <v>0</v>
      </c>
      <c r="BA28" s="281">
        <v>0</v>
      </c>
      <c r="BB28" s="281">
        <v>0</v>
      </c>
      <c r="BC28" s="281">
        <v>0</v>
      </c>
      <c r="BD28" s="278">
        <v>1</v>
      </c>
      <c r="BE28" s="283">
        <v>1</v>
      </c>
      <c r="BF28" s="277">
        <v>0</v>
      </c>
      <c r="BG28" s="281">
        <v>0</v>
      </c>
      <c r="BH28" s="278">
        <v>0</v>
      </c>
      <c r="BI28" s="280">
        <v>0</v>
      </c>
      <c r="BJ28" s="281">
        <v>0</v>
      </c>
      <c r="BK28" s="281">
        <v>0</v>
      </c>
      <c r="BL28" s="281">
        <v>1</v>
      </c>
      <c r="BM28" s="281">
        <v>1</v>
      </c>
      <c r="BN28" s="281">
        <v>2</v>
      </c>
      <c r="BO28" s="282">
        <v>4</v>
      </c>
      <c r="BP28" s="283">
        <v>4</v>
      </c>
      <c r="BQ28" s="277">
        <v>0</v>
      </c>
      <c r="BR28" s="281">
        <v>0</v>
      </c>
      <c r="BS28" s="278">
        <v>0</v>
      </c>
      <c r="BT28" s="280">
        <v>0</v>
      </c>
      <c r="BU28" s="281">
        <v>0</v>
      </c>
      <c r="BV28" s="281">
        <v>0</v>
      </c>
      <c r="BW28" s="281">
        <v>0</v>
      </c>
      <c r="BX28" s="281">
        <v>0</v>
      </c>
      <c r="BY28" s="281">
        <v>0</v>
      </c>
      <c r="BZ28" s="278">
        <v>0</v>
      </c>
      <c r="CA28" s="283">
        <v>0</v>
      </c>
      <c r="CB28" s="277">
        <v>0</v>
      </c>
      <c r="CC28" s="281">
        <v>0</v>
      </c>
      <c r="CD28" s="278">
        <v>0</v>
      </c>
      <c r="CE28" s="280">
        <v>0</v>
      </c>
      <c r="CF28" s="281">
        <v>0</v>
      </c>
      <c r="CG28" s="281">
        <v>0</v>
      </c>
      <c r="CH28" s="281">
        <v>0</v>
      </c>
      <c r="CI28" s="281">
        <v>0</v>
      </c>
      <c r="CJ28" s="281">
        <v>0</v>
      </c>
      <c r="CK28" s="278">
        <v>0</v>
      </c>
      <c r="CL28" s="283">
        <v>0</v>
      </c>
      <c r="CM28" s="277">
        <v>0</v>
      </c>
      <c r="CN28" s="281">
        <v>0</v>
      </c>
      <c r="CO28" s="278">
        <v>0</v>
      </c>
      <c r="CP28" s="280">
        <v>0</v>
      </c>
      <c r="CQ28" s="281">
        <v>0</v>
      </c>
      <c r="CR28" s="281">
        <v>0</v>
      </c>
      <c r="CS28" s="281">
        <v>0</v>
      </c>
      <c r="CT28" s="281">
        <v>0</v>
      </c>
      <c r="CU28" s="281">
        <v>0</v>
      </c>
      <c r="CV28" s="278">
        <v>0</v>
      </c>
      <c r="CW28" s="283">
        <v>0</v>
      </c>
    </row>
    <row r="29" spans="2:101" ht="21" customHeight="1" x14ac:dyDescent="0.2">
      <c r="B29" s="262" t="s">
        <v>27</v>
      </c>
      <c r="C29" s="277">
        <v>0</v>
      </c>
      <c r="D29" s="278">
        <v>0</v>
      </c>
      <c r="E29" s="279">
        <v>0</v>
      </c>
      <c r="F29" s="280">
        <v>0</v>
      </c>
      <c r="G29" s="281">
        <v>0</v>
      </c>
      <c r="H29" s="281">
        <v>0</v>
      </c>
      <c r="I29" s="281">
        <v>0</v>
      </c>
      <c r="J29" s="281">
        <v>0</v>
      </c>
      <c r="K29" s="281">
        <v>0</v>
      </c>
      <c r="L29" s="282">
        <v>0</v>
      </c>
      <c r="M29" s="283">
        <v>0</v>
      </c>
      <c r="N29" s="277">
        <v>0</v>
      </c>
      <c r="O29" s="281">
        <v>0</v>
      </c>
      <c r="P29" s="278">
        <v>0</v>
      </c>
      <c r="Q29" s="280">
        <v>0</v>
      </c>
      <c r="R29" s="281">
        <v>0</v>
      </c>
      <c r="S29" s="281">
        <v>0</v>
      </c>
      <c r="T29" s="281">
        <v>0</v>
      </c>
      <c r="U29" s="281">
        <v>0</v>
      </c>
      <c r="V29" s="281">
        <v>0</v>
      </c>
      <c r="W29" s="278">
        <v>0</v>
      </c>
      <c r="X29" s="283">
        <v>0</v>
      </c>
      <c r="Y29" s="277">
        <v>0</v>
      </c>
      <c r="Z29" s="281">
        <v>0</v>
      </c>
      <c r="AA29" s="278">
        <v>0</v>
      </c>
      <c r="AB29" s="280">
        <v>0</v>
      </c>
      <c r="AC29" s="281">
        <v>2</v>
      </c>
      <c r="AD29" s="281">
        <v>1</v>
      </c>
      <c r="AE29" s="281">
        <v>0</v>
      </c>
      <c r="AF29" s="281">
        <v>0</v>
      </c>
      <c r="AG29" s="281">
        <v>0</v>
      </c>
      <c r="AH29" s="278">
        <v>3</v>
      </c>
      <c r="AI29" s="283">
        <v>3</v>
      </c>
      <c r="AJ29" s="277">
        <v>0</v>
      </c>
      <c r="AK29" s="281">
        <v>0</v>
      </c>
      <c r="AL29" s="278">
        <v>0</v>
      </c>
      <c r="AM29" s="280">
        <v>0</v>
      </c>
      <c r="AN29" s="281">
        <v>0</v>
      </c>
      <c r="AO29" s="281">
        <v>1</v>
      </c>
      <c r="AP29" s="281">
        <v>1</v>
      </c>
      <c r="AQ29" s="281">
        <v>0</v>
      </c>
      <c r="AR29" s="281">
        <v>0</v>
      </c>
      <c r="AS29" s="278">
        <v>2</v>
      </c>
      <c r="AT29" s="283">
        <v>2</v>
      </c>
      <c r="AU29" s="277">
        <v>0</v>
      </c>
      <c r="AV29" s="281">
        <v>0</v>
      </c>
      <c r="AW29" s="278">
        <v>0</v>
      </c>
      <c r="AX29" s="280">
        <v>0</v>
      </c>
      <c r="AY29" s="281">
        <v>0</v>
      </c>
      <c r="AZ29" s="281">
        <v>0</v>
      </c>
      <c r="BA29" s="281">
        <v>0</v>
      </c>
      <c r="BB29" s="281">
        <v>0</v>
      </c>
      <c r="BC29" s="281">
        <v>0</v>
      </c>
      <c r="BD29" s="278">
        <v>0</v>
      </c>
      <c r="BE29" s="283">
        <v>0</v>
      </c>
      <c r="BF29" s="277">
        <v>0</v>
      </c>
      <c r="BG29" s="281">
        <v>0</v>
      </c>
      <c r="BH29" s="278">
        <v>0</v>
      </c>
      <c r="BI29" s="280">
        <v>0</v>
      </c>
      <c r="BJ29" s="281">
        <v>0</v>
      </c>
      <c r="BK29" s="281">
        <v>0</v>
      </c>
      <c r="BL29" s="281">
        <v>0</v>
      </c>
      <c r="BM29" s="281">
        <v>0</v>
      </c>
      <c r="BN29" s="281">
        <v>0</v>
      </c>
      <c r="BO29" s="282">
        <v>0</v>
      </c>
      <c r="BP29" s="283">
        <v>0</v>
      </c>
      <c r="BQ29" s="277">
        <v>0</v>
      </c>
      <c r="BR29" s="281">
        <v>0</v>
      </c>
      <c r="BS29" s="278">
        <v>0</v>
      </c>
      <c r="BT29" s="280">
        <v>0</v>
      </c>
      <c r="BU29" s="281">
        <v>0</v>
      </c>
      <c r="BV29" s="281">
        <v>0</v>
      </c>
      <c r="BW29" s="281">
        <v>0</v>
      </c>
      <c r="BX29" s="281">
        <v>0</v>
      </c>
      <c r="BY29" s="281">
        <v>0</v>
      </c>
      <c r="BZ29" s="278">
        <v>0</v>
      </c>
      <c r="CA29" s="283">
        <v>0</v>
      </c>
      <c r="CB29" s="277">
        <v>0</v>
      </c>
      <c r="CC29" s="281">
        <v>0</v>
      </c>
      <c r="CD29" s="278">
        <v>0</v>
      </c>
      <c r="CE29" s="280">
        <v>0</v>
      </c>
      <c r="CF29" s="281">
        <v>0</v>
      </c>
      <c r="CG29" s="281">
        <v>0</v>
      </c>
      <c r="CH29" s="281">
        <v>0</v>
      </c>
      <c r="CI29" s="281">
        <v>0</v>
      </c>
      <c r="CJ29" s="281">
        <v>0</v>
      </c>
      <c r="CK29" s="278">
        <v>0</v>
      </c>
      <c r="CL29" s="283">
        <v>0</v>
      </c>
      <c r="CM29" s="277">
        <v>0</v>
      </c>
      <c r="CN29" s="281">
        <v>0</v>
      </c>
      <c r="CO29" s="278">
        <v>0</v>
      </c>
      <c r="CP29" s="280">
        <v>0</v>
      </c>
      <c r="CQ29" s="281">
        <v>0</v>
      </c>
      <c r="CR29" s="281">
        <v>0</v>
      </c>
      <c r="CS29" s="281">
        <v>0</v>
      </c>
      <c r="CT29" s="281">
        <v>0</v>
      </c>
      <c r="CU29" s="281">
        <v>0</v>
      </c>
      <c r="CV29" s="278">
        <v>0</v>
      </c>
      <c r="CW29" s="283">
        <v>0</v>
      </c>
    </row>
    <row r="30" spans="2:101" ht="21" customHeight="1" x14ac:dyDescent="0.2">
      <c r="B30" s="262" t="s">
        <v>28</v>
      </c>
      <c r="C30" s="277">
        <v>0</v>
      </c>
      <c r="D30" s="278">
        <v>0</v>
      </c>
      <c r="E30" s="279">
        <v>0</v>
      </c>
      <c r="F30" s="280">
        <v>0</v>
      </c>
      <c r="G30" s="281">
        <v>0</v>
      </c>
      <c r="H30" s="281">
        <v>0</v>
      </c>
      <c r="I30" s="281">
        <v>0</v>
      </c>
      <c r="J30" s="281">
        <v>0</v>
      </c>
      <c r="K30" s="281">
        <v>0</v>
      </c>
      <c r="L30" s="282">
        <v>0</v>
      </c>
      <c r="M30" s="283">
        <v>0</v>
      </c>
      <c r="N30" s="277">
        <v>0</v>
      </c>
      <c r="O30" s="281">
        <v>0</v>
      </c>
      <c r="P30" s="278">
        <v>0</v>
      </c>
      <c r="Q30" s="280">
        <v>0</v>
      </c>
      <c r="R30" s="281">
        <v>0</v>
      </c>
      <c r="S30" s="281">
        <v>0</v>
      </c>
      <c r="T30" s="281">
        <v>0</v>
      </c>
      <c r="U30" s="281">
        <v>0</v>
      </c>
      <c r="V30" s="281">
        <v>0</v>
      </c>
      <c r="W30" s="278">
        <v>0</v>
      </c>
      <c r="X30" s="283">
        <v>0</v>
      </c>
      <c r="Y30" s="277">
        <v>0</v>
      </c>
      <c r="Z30" s="281">
        <v>0</v>
      </c>
      <c r="AA30" s="278">
        <v>0</v>
      </c>
      <c r="AB30" s="280">
        <v>0</v>
      </c>
      <c r="AC30" s="281">
        <v>4</v>
      </c>
      <c r="AD30" s="281">
        <v>1</v>
      </c>
      <c r="AE30" s="281">
        <v>0</v>
      </c>
      <c r="AF30" s="281">
        <v>0</v>
      </c>
      <c r="AG30" s="281">
        <v>0</v>
      </c>
      <c r="AH30" s="278">
        <v>5</v>
      </c>
      <c r="AI30" s="283">
        <v>5</v>
      </c>
      <c r="AJ30" s="277">
        <v>0</v>
      </c>
      <c r="AK30" s="281">
        <v>0</v>
      </c>
      <c r="AL30" s="278">
        <v>0</v>
      </c>
      <c r="AM30" s="280">
        <v>0</v>
      </c>
      <c r="AN30" s="281">
        <v>0</v>
      </c>
      <c r="AO30" s="281">
        <v>0</v>
      </c>
      <c r="AP30" s="281">
        <v>0</v>
      </c>
      <c r="AQ30" s="281">
        <v>0</v>
      </c>
      <c r="AR30" s="281">
        <v>0</v>
      </c>
      <c r="AS30" s="278">
        <v>0</v>
      </c>
      <c r="AT30" s="283">
        <v>0</v>
      </c>
      <c r="AU30" s="277">
        <v>0</v>
      </c>
      <c r="AV30" s="281">
        <v>0</v>
      </c>
      <c r="AW30" s="278">
        <v>0</v>
      </c>
      <c r="AX30" s="280">
        <v>0</v>
      </c>
      <c r="AY30" s="281">
        <v>0</v>
      </c>
      <c r="AZ30" s="281">
        <v>0</v>
      </c>
      <c r="BA30" s="281">
        <v>0</v>
      </c>
      <c r="BB30" s="281">
        <v>0</v>
      </c>
      <c r="BC30" s="281">
        <v>0</v>
      </c>
      <c r="BD30" s="278">
        <v>0</v>
      </c>
      <c r="BE30" s="283">
        <v>0</v>
      </c>
      <c r="BF30" s="277">
        <v>0</v>
      </c>
      <c r="BG30" s="281">
        <v>0</v>
      </c>
      <c r="BH30" s="278">
        <v>0</v>
      </c>
      <c r="BI30" s="280">
        <v>0</v>
      </c>
      <c r="BJ30" s="281">
        <v>0</v>
      </c>
      <c r="BK30" s="281">
        <v>0</v>
      </c>
      <c r="BL30" s="281">
        <v>0</v>
      </c>
      <c r="BM30" s="281">
        <v>0</v>
      </c>
      <c r="BN30" s="281">
        <v>0</v>
      </c>
      <c r="BO30" s="282">
        <v>0</v>
      </c>
      <c r="BP30" s="283">
        <v>0</v>
      </c>
      <c r="BQ30" s="277">
        <v>0</v>
      </c>
      <c r="BR30" s="281">
        <v>0</v>
      </c>
      <c r="BS30" s="278">
        <v>0</v>
      </c>
      <c r="BT30" s="280">
        <v>0</v>
      </c>
      <c r="BU30" s="281">
        <v>0</v>
      </c>
      <c r="BV30" s="281">
        <v>0</v>
      </c>
      <c r="BW30" s="281">
        <v>0</v>
      </c>
      <c r="BX30" s="281">
        <v>0</v>
      </c>
      <c r="BY30" s="281">
        <v>0</v>
      </c>
      <c r="BZ30" s="278">
        <v>0</v>
      </c>
      <c r="CA30" s="283">
        <v>0</v>
      </c>
      <c r="CB30" s="277">
        <v>0</v>
      </c>
      <c r="CC30" s="281">
        <v>0</v>
      </c>
      <c r="CD30" s="278">
        <v>0</v>
      </c>
      <c r="CE30" s="280">
        <v>0</v>
      </c>
      <c r="CF30" s="281">
        <v>0</v>
      </c>
      <c r="CG30" s="281">
        <v>0</v>
      </c>
      <c r="CH30" s="281">
        <v>0</v>
      </c>
      <c r="CI30" s="281">
        <v>0</v>
      </c>
      <c r="CJ30" s="281">
        <v>0</v>
      </c>
      <c r="CK30" s="278">
        <v>0</v>
      </c>
      <c r="CL30" s="283">
        <v>0</v>
      </c>
      <c r="CM30" s="277">
        <v>0</v>
      </c>
      <c r="CN30" s="281">
        <v>0</v>
      </c>
      <c r="CO30" s="278">
        <v>0</v>
      </c>
      <c r="CP30" s="280">
        <v>0</v>
      </c>
      <c r="CQ30" s="281">
        <v>0</v>
      </c>
      <c r="CR30" s="281">
        <v>0</v>
      </c>
      <c r="CS30" s="281">
        <v>0</v>
      </c>
      <c r="CT30" s="281">
        <v>0</v>
      </c>
      <c r="CU30" s="281">
        <v>0</v>
      </c>
      <c r="CV30" s="278">
        <v>0</v>
      </c>
      <c r="CW30" s="283">
        <v>0</v>
      </c>
    </row>
    <row r="31" spans="2:101" ht="21" customHeight="1" x14ac:dyDescent="0.2">
      <c r="B31" s="262" t="s">
        <v>29</v>
      </c>
      <c r="C31" s="277">
        <v>0</v>
      </c>
      <c r="D31" s="278">
        <v>0</v>
      </c>
      <c r="E31" s="279">
        <v>0</v>
      </c>
      <c r="F31" s="280">
        <v>0</v>
      </c>
      <c r="G31" s="281">
        <v>0</v>
      </c>
      <c r="H31" s="281">
        <v>0</v>
      </c>
      <c r="I31" s="281">
        <v>0</v>
      </c>
      <c r="J31" s="281">
        <v>0</v>
      </c>
      <c r="K31" s="281">
        <v>0</v>
      </c>
      <c r="L31" s="282">
        <v>0</v>
      </c>
      <c r="M31" s="283">
        <v>0</v>
      </c>
      <c r="N31" s="277">
        <v>0</v>
      </c>
      <c r="O31" s="281">
        <v>0</v>
      </c>
      <c r="P31" s="278">
        <v>0</v>
      </c>
      <c r="Q31" s="280">
        <v>0</v>
      </c>
      <c r="R31" s="281">
        <v>0</v>
      </c>
      <c r="S31" s="281">
        <v>0</v>
      </c>
      <c r="T31" s="281">
        <v>0</v>
      </c>
      <c r="U31" s="281">
        <v>0</v>
      </c>
      <c r="V31" s="281">
        <v>0</v>
      </c>
      <c r="W31" s="278">
        <v>0</v>
      </c>
      <c r="X31" s="283">
        <v>0</v>
      </c>
      <c r="Y31" s="277">
        <v>0</v>
      </c>
      <c r="Z31" s="281">
        <v>0</v>
      </c>
      <c r="AA31" s="278">
        <v>0</v>
      </c>
      <c r="AB31" s="280">
        <v>0</v>
      </c>
      <c r="AC31" s="281">
        <v>0</v>
      </c>
      <c r="AD31" s="281">
        <v>1</v>
      </c>
      <c r="AE31" s="281">
        <v>0</v>
      </c>
      <c r="AF31" s="281">
        <v>0</v>
      </c>
      <c r="AG31" s="281">
        <v>0</v>
      </c>
      <c r="AH31" s="278">
        <v>1</v>
      </c>
      <c r="AI31" s="283">
        <v>1</v>
      </c>
      <c r="AJ31" s="277">
        <v>0</v>
      </c>
      <c r="AK31" s="281">
        <v>0</v>
      </c>
      <c r="AL31" s="278">
        <v>0</v>
      </c>
      <c r="AM31" s="280">
        <v>0</v>
      </c>
      <c r="AN31" s="281">
        <v>0</v>
      </c>
      <c r="AO31" s="281">
        <v>0</v>
      </c>
      <c r="AP31" s="281">
        <v>1</v>
      </c>
      <c r="AQ31" s="281">
        <v>0</v>
      </c>
      <c r="AR31" s="281">
        <v>0</v>
      </c>
      <c r="AS31" s="278">
        <v>1</v>
      </c>
      <c r="AT31" s="283">
        <v>1</v>
      </c>
      <c r="AU31" s="277">
        <v>0</v>
      </c>
      <c r="AV31" s="281">
        <v>0</v>
      </c>
      <c r="AW31" s="278">
        <v>0</v>
      </c>
      <c r="AX31" s="280">
        <v>0</v>
      </c>
      <c r="AY31" s="281">
        <v>2</v>
      </c>
      <c r="AZ31" s="281">
        <v>0</v>
      </c>
      <c r="BA31" s="281">
        <v>0</v>
      </c>
      <c r="BB31" s="281">
        <v>0</v>
      </c>
      <c r="BC31" s="281">
        <v>0</v>
      </c>
      <c r="BD31" s="278">
        <v>2</v>
      </c>
      <c r="BE31" s="283">
        <v>2</v>
      </c>
      <c r="BF31" s="277">
        <v>0</v>
      </c>
      <c r="BG31" s="281">
        <v>0</v>
      </c>
      <c r="BH31" s="278">
        <v>0</v>
      </c>
      <c r="BI31" s="280">
        <v>0</v>
      </c>
      <c r="BJ31" s="281">
        <v>0</v>
      </c>
      <c r="BK31" s="281">
        <v>0</v>
      </c>
      <c r="BL31" s="281">
        <v>0</v>
      </c>
      <c r="BM31" s="281">
        <v>0</v>
      </c>
      <c r="BN31" s="281">
        <v>0</v>
      </c>
      <c r="BO31" s="282">
        <v>0</v>
      </c>
      <c r="BP31" s="283">
        <v>0</v>
      </c>
      <c r="BQ31" s="277">
        <v>0</v>
      </c>
      <c r="BR31" s="281">
        <v>0</v>
      </c>
      <c r="BS31" s="278">
        <v>0</v>
      </c>
      <c r="BT31" s="280">
        <v>0</v>
      </c>
      <c r="BU31" s="281">
        <v>0</v>
      </c>
      <c r="BV31" s="281">
        <v>0</v>
      </c>
      <c r="BW31" s="281">
        <v>0</v>
      </c>
      <c r="BX31" s="281">
        <v>0</v>
      </c>
      <c r="BY31" s="281">
        <v>0</v>
      </c>
      <c r="BZ31" s="278">
        <v>0</v>
      </c>
      <c r="CA31" s="283">
        <v>0</v>
      </c>
      <c r="CB31" s="277">
        <v>0</v>
      </c>
      <c r="CC31" s="281">
        <v>0</v>
      </c>
      <c r="CD31" s="278">
        <v>0</v>
      </c>
      <c r="CE31" s="280">
        <v>0</v>
      </c>
      <c r="CF31" s="281">
        <v>0</v>
      </c>
      <c r="CG31" s="281">
        <v>0</v>
      </c>
      <c r="CH31" s="281">
        <v>0</v>
      </c>
      <c r="CI31" s="281">
        <v>1</v>
      </c>
      <c r="CJ31" s="281">
        <v>0</v>
      </c>
      <c r="CK31" s="278">
        <v>1</v>
      </c>
      <c r="CL31" s="283">
        <v>1</v>
      </c>
      <c r="CM31" s="277">
        <v>0</v>
      </c>
      <c r="CN31" s="281">
        <v>0</v>
      </c>
      <c r="CO31" s="278">
        <v>0</v>
      </c>
      <c r="CP31" s="280">
        <v>0</v>
      </c>
      <c r="CQ31" s="281">
        <v>0</v>
      </c>
      <c r="CR31" s="281">
        <v>0</v>
      </c>
      <c r="CS31" s="281">
        <v>0</v>
      </c>
      <c r="CT31" s="281">
        <v>0</v>
      </c>
      <c r="CU31" s="281">
        <v>0</v>
      </c>
      <c r="CV31" s="278">
        <v>0</v>
      </c>
      <c r="CW31" s="283">
        <v>0</v>
      </c>
    </row>
    <row r="32" spans="2:101" ht="21" customHeight="1" x14ac:dyDescent="0.2">
      <c r="B32" s="262" t="s">
        <v>30</v>
      </c>
      <c r="C32" s="277">
        <v>0</v>
      </c>
      <c r="D32" s="278">
        <v>0</v>
      </c>
      <c r="E32" s="279">
        <v>0</v>
      </c>
      <c r="F32" s="280">
        <v>0</v>
      </c>
      <c r="G32" s="281">
        <v>0</v>
      </c>
      <c r="H32" s="281">
        <v>0</v>
      </c>
      <c r="I32" s="281">
        <v>0</v>
      </c>
      <c r="J32" s="281">
        <v>0</v>
      </c>
      <c r="K32" s="281">
        <v>0</v>
      </c>
      <c r="L32" s="282">
        <v>0</v>
      </c>
      <c r="M32" s="283">
        <v>0</v>
      </c>
      <c r="N32" s="277">
        <v>0</v>
      </c>
      <c r="O32" s="281">
        <v>0</v>
      </c>
      <c r="P32" s="278">
        <v>0</v>
      </c>
      <c r="Q32" s="280">
        <v>0</v>
      </c>
      <c r="R32" s="281">
        <v>0</v>
      </c>
      <c r="S32" s="281">
        <v>0</v>
      </c>
      <c r="T32" s="281">
        <v>0</v>
      </c>
      <c r="U32" s="281">
        <v>0</v>
      </c>
      <c r="V32" s="281">
        <v>0</v>
      </c>
      <c r="W32" s="278">
        <v>0</v>
      </c>
      <c r="X32" s="283">
        <v>0</v>
      </c>
      <c r="Y32" s="277">
        <v>0</v>
      </c>
      <c r="Z32" s="281">
        <v>0</v>
      </c>
      <c r="AA32" s="278">
        <v>0</v>
      </c>
      <c r="AB32" s="280">
        <v>0</v>
      </c>
      <c r="AC32" s="281">
        <v>1</v>
      </c>
      <c r="AD32" s="281">
        <v>0</v>
      </c>
      <c r="AE32" s="281">
        <v>0</v>
      </c>
      <c r="AF32" s="281">
        <v>0</v>
      </c>
      <c r="AG32" s="281">
        <v>0</v>
      </c>
      <c r="AH32" s="278">
        <v>1</v>
      </c>
      <c r="AI32" s="283">
        <v>1</v>
      </c>
      <c r="AJ32" s="277">
        <v>0</v>
      </c>
      <c r="AK32" s="281">
        <v>0</v>
      </c>
      <c r="AL32" s="278">
        <v>0</v>
      </c>
      <c r="AM32" s="280">
        <v>0</v>
      </c>
      <c r="AN32" s="281">
        <v>0</v>
      </c>
      <c r="AO32" s="281">
        <v>1</v>
      </c>
      <c r="AP32" s="281">
        <v>0</v>
      </c>
      <c r="AQ32" s="281">
        <v>0</v>
      </c>
      <c r="AR32" s="281">
        <v>0</v>
      </c>
      <c r="AS32" s="278">
        <v>1</v>
      </c>
      <c r="AT32" s="283">
        <v>1</v>
      </c>
      <c r="AU32" s="277">
        <v>0</v>
      </c>
      <c r="AV32" s="281">
        <v>0</v>
      </c>
      <c r="AW32" s="278">
        <v>0</v>
      </c>
      <c r="AX32" s="280">
        <v>0</v>
      </c>
      <c r="AY32" s="281">
        <v>0</v>
      </c>
      <c r="AZ32" s="281">
        <v>0</v>
      </c>
      <c r="BA32" s="281">
        <v>0</v>
      </c>
      <c r="BB32" s="281">
        <v>0</v>
      </c>
      <c r="BC32" s="281">
        <v>0</v>
      </c>
      <c r="BD32" s="278">
        <v>0</v>
      </c>
      <c r="BE32" s="283">
        <v>0</v>
      </c>
      <c r="BF32" s="277">
        <v>0</v>
      </c>
      <c r="BG32" s="281">
        <v>0</v>
      </c>
      <c r="BH32" s="278">
        <v>0</v>
      </c>
      <c r="BI32" s="280">
        <v>0</v>
      </c>
      <c r="BJ32" s="281">
        <v>1</v>
      </c>
      <c r="BK32" s="281">
        <v>0</v>
      </c>
      <c r="BL32" s="281">
        <v>0</v>
      </c>
      <c r="BM32" s="281">
        <v>0</v>
      </c>
      <c r="BN32" s="281">
        <v>0</v>
      </c>
      <c r="BO32" s="282">
        <v>1</v>
      </c>
      <c r="BP32" s="283">
        <v>1</v>
      </c>
      <c r="BQ32" s="277">
        <v>0</v>
      </c>
      <c r="BR32" s="281">
        <v>0</v>
      </c>
      <c r="BS32" s="278">
        <v>0</v>
      </c>
      <c r="BT32" s="280">
        <v>0</v>
      </c>
      <c r="BU32" s="281">
        <v>0</v>
      </c>
      <c r="BV32" s="281">
        <v>0</v>
      </c>
      <c r="BW32" s="281">
        <v>0</v>
      </c>
      <c r="BX32" s="281">
        <v>0</v>
      </c>
      <c r="BY32" s="281">
        <v>0</v>
      </c>
      <c r="BZ32" s="278">
        <v>0</v>
      </c>
      <c r="CA32" s="283">
        <v>0</v>
      </c>
      <c r="CB32" s="277">
        <v>0</v>
      </c>
      <c r="CC32" s="281">
        <v>0</v>
      </c>
      <c r="CD32" s="278">
        <v>0</v>
      </c>
      <c r="CE32" s="280">
        <v>0</v>
      </c>
      <c r="CF32" s="281">
        <v>0</v>
      </c>
      <c r="CG32" s="281">
        <v>0</v>
      </c>
      <c r="CH32" s="281">
        <v>0</v>
      </c>
      <c r="CI32" s="281">
        <v>0</v>
      </c>
      <c r="CJ32" s="281">
        <v>0</v>
      </c>
      <c r="CK32" s="278">
        <v>0</v>
      </c>
      <c r="CL32" s="283">
        <v>0</v>
      </c>
      <c r="CM32" s="277">
        <v>0</v>
      </c>
      <c r="CN32" s="281">
        <v>0</v>
      </c>
      <c r="CO32" s="278">
        <v>0</v>
      </c>
      <c r="CP32" s="280">
        <v>0</v>
      </c>
      <c r="CQ32" s="281">
        <v>0</v>
      </c>
      <c r="CR32" s="281">
        <v>0</v>
      </c>
      <c r="CS32" s="281">
        <v>0</v>
      </c>
      <c r="CT32" s="281">
        <v>0</v>
      </c>
      <c r="CU32" s="281">
        <v>0</v>
      </c>
      <c r="CV32" s="278">
        <v>0</v>
      </c>
      <c r="CW32" s="283">
        <v>0</v>
      </c>
    </row>
    <row r="33" spans="2:101" ht="21" customHeight="1" x14ac:dyDescent="0.2">
      <c r="B33" s="262" t="s">
        <v>31</v>
      </c>
      <c r="C33" s="277">
        <v>0</v>
      </c>
      <c r="D33" s="278">
        <v>0</v>
      </c>
      <c r="E33" s="279">
        <v>0</v>
      </c>
      <c r="F33" s="280">
        <v>0</v>
      </c>
      <c r="G33" s="281">
        <v>0</v>
      </c>
      <c r="H33" s="281">
        <v>1</v>
      </c>
      <c r="I33" s="281">
        <v>0</v>
      </c>
      <c r="J33" s="281">
        <v>0</v>
      </c>
      <c r="K33" s="281">
        <v>0</v>
      </c>
      <c r="L33" s="282">
        <v>1</v>
      </c>
      <c r="M33" s="283">
        <v>1</v>
      </c>
      <c r="N33" s="277">
        <v>0</v>
      </c>
      <c r="O33" s="281">
        <v>0</v>
      </c>
      <c r="P33" s="278">
        <v>0</v>
      </c>
      <c r="Q33" s="280">
        <v>0</v>
      </c>
      <c r="R33" s="281">
        <v>0</v>
      </c>
      <c r="S33" s="281">
        <v>0</v>
      </c>
      <c r="T33" s="281">
        <v>0</v>
      </c>
      <c r="U33" s="281">
        <v>0</v>
      </c>
      <c r="V33" s="281">
        <v>0</v>
      </c>
      <c r="W33" s="278">
        <v>0</v>
      </c>
      <c r="X33" s="283">
        <v>0</v>
      </c>
      <c r="Y33" s="277">
        <v>0</v>
      </c>
      <c r="Z33" s="281">
        <v>0</v>
      </c>
      <c r="AA33" s="278">
        <v>0</v>
      </c>
      <c r="AB33" s="280">
        <v>0</v>
      </c>
      <c r="AC33" s="281">
        <v>2</v>
      </c>
      <c r="AD33" s="281">
        <v>3</v>
      </c>
      <c r="AE33" s="281">
        <v>2</v>
      </c>
      <c r="AF33" s="281">
        <v>0</v>
      </c>
      <c r="AG33" s="281">
        <v>0</v>
      </c>
      <c r="AH33" s="278">
        <v>7</v>
      </c>
      <c r="AI33" s="283">
        <v>7</v>
      </c>
      <c r="AJ33" s="277">
        <v>0</v>
      </c>
      <c r="AK33" s="281">
        <v>0</v>
      </c>
      <c r="AL33" s="278">
        <v>0</v>
      </c>
      <c r="AM33" s="280">
        <v>0</v>
      </c>
      <c r="AN33" s="281">
        <v>0</v>
      </c>
      <c r="AO33" s="281">
        <v>0</v>
      </c>
      <c r="AP33" s="281">
        <v>0</v>
      </c>
      <c r="AQ33" s="281">
        <v>0</v>
      </c>
      <c r="AR33" s="281">
        <v>0</v>
      </c>
      <c r="AS33" s="278">
        <v>0</v>
      </c>
      <c r="AT33" s="283">
        <v>0</v>
      </c>
      <c r="AU33" s="277">
        <v>0</v>
      </c>
      <c r="AV33" s="281">
        <v>0</v>
      </c>
      <c r="AW33" s="278">
        <v>0</v>
      </c>
      <c r="AX33" s="280">
        <v>0</v>
      </c>
      <c r="AY33" s="281">
        <v>0</v>
      </c>
      <c r="AZ33" s="281">
        <v>1</v>
      </c>
      <c r="BA33" s="281">
        <v>0</v>
      </c>
      <c r="BB33" s="281">
        <v>0</v>
      </c>
      <c r="BC33" s="281">
        <v>0</v>
      </c>
      <c r="BD33" s="278">
        <v>1</v>
      </c>
      <c r="BE33" s="283">
        <v>1</v>
      </c>
      <c r="BF33" s="277">
        <v>0</v>
      </c>
      <c r="BG33" s="281">
        <v>0</v>
      </c>
      <c r="BH33" s="278">
        <v>0</v>
      </c>
      <c r="BI33" s="280">
        <v>0</v>
      </c>
      <c r="BJ33" s="281">
        <v>0</v>
      </c>
      <c r="BK33" s="281">
        <v>0</v>
      </c>
      <c r="BL33" s="281">
        <v>0</v>
      </c>
      <c r="BM33" s="281">
        <v>0</v>
      </c>
      <c r="BN33" s="281">
        <v>1</v>
      </c>
      <c r="BO33" s="282">
        <v>1</v>
      </c>
      <c r="BP33" s="283">
        <v>1</v>
      </c>
      <c r="BQ33" s="277">
        <v>0</v>
      </c>
      <c r="BR33" s="281">
        <v>0</v>
      </c>
      <c r="BS33" s="278">
        <v>0</v>
      </c>
      <c r="BT33" s="280">
        <v>0</v>
      </c>
      <c r="BU33" s="281">
        <v>0</v>
      </c>
      <c r="BV33" s="281">
        <v>0</v>
      </c>
      <c r="BW33" s="281">
        <v>0</v>
      </c>
      <c r="BX33" s="281">
        <v>0</v>
      </c>
      <c r="BY33" s="281">
        <v>0</v>
      </c>
      <c r="BZ33" s="278">
        <v>0</v>
      </c>
      <c r="CA33" s="283">
        <v>0</v>
      </c>
      <c r="CB33" s="277">
        <v>0</v>
      </c>
      <c r="CC33" s="281">
        <v>0</v>
      </c>
      <c r="CD33" s="278">
        <v>0</v>
      </c>
      <c r="CE33" s="280">
        <v>0</v>
      </c>
      <c r="CF33" s="281">
        <v>0</v>
      </c>
      <c r="CG33" s="281">
        <v>0</v>
      </c>
      <c r="CH33" s="281">
        <v>0</v>
      </c>
      <c r="CI33" s="281">
        <v>0</v>
      </c>
      <c r="CJ33" s="281">
        <v>0</v>
      </c>
      <c r="CK33" s="278">
        <v>0</v>
      </c>
      <c r="CL33" s="283">
        <v>0</v>
      </c>
      <c r="CM33" s="277">
        <v>0</v>
      </c>
      <c r="CN33" s="281">
        <v>0</v>
      </c>
      <c r="CO33" s="278">
        <v>0</v>
      </c>
      <c r="CP33" s="280">
        <v>0</v>
      </c>
      <c r="CQ33" s="281">
        <v>0</v>
      </c>
      <c r="CR33" s="281">
        <v>0</v>
      </c>
      <c r="CS33" s="281">
        <v>0</v>
      </c>
      <c r="CT33" s="281">
        <v>0</v>
      </c>
      <c r="CU33" s="281">
        <v>0</v>
      </c>
      <c r="CV33" s="278">
        <v>0</v>
      </c>
      <c r="CW33" s="283">
        <v>0</v>
      </c>
    </row>
    <row r="34" spans="2:101" ht="21" customHeight="1" x14ac:dyDescent="0.2">
      <c r="B34" s="262" t="s">
        <v>32</v>
      </c>
      <c r="C34" s="277">
        <v>0</v>
      </c>
      <c r="D34" s="278">
        <v>0</v>
      </c>
      <c r="E34" s="279">
        <v>0</v>
      </c>
      <c r="F34" s="280">
        <v>0</v>
      </c>
      <c r="G34" s="281">
        <v>0</v>
      </c>
      <c r="H34" s="281">
        <v>1</v>
      </c>
      <c r="I34" s="281">
        <v>0</v>
      </c>
      <c r="J34" s="281">
        <v>0</v>
      </c>
      <c r="K34" s="281">
        <v>0</v>
      </c>
      <c r="L34" s="282">
        <v>1</v>
      </c>
      <c r="M34" s="283">
        <v>1</v>
      </c>
      <c r="N34" s="277">
        <v>0</v>
      </c>
      <c r="O34" s="281">
        <v>0</v>
      </c>
      <c r="P34" s="278">
        <v>0</v>
      </c>
      <c r="Q34" s="280">
        <v>0</v>
      </c>
      <c r="R34" s="281">
        <v>0</v>
      </c>
      <c r="S34" s="281">
        <v>0</v>
      </c>
      <c r="T34" s="281">
        <v>0</v>
      </c>
      <c r="U34" s="281">
        <v>0</v>
      </c>
      <c r="V34" s="281">
        <v>0</v>
      </c>
      <c r="W34" s="278">
        <v>0</v>
      </c>
      <c r="X34" s="283">
        <v>0</v>
      </c>
      <c r="Y34" s="277">
        <v>0</v>
      </c>
      <c r="Z34" s="281">
        <v>0</v>
      </c>
      <c r="AA34" s="278">
        <v>0</v>
      </c>
      <c r="AB34" s="280">
        <v>0</v>
      </c>
      <c r="AC34" s="281">
        <v>1</v>
      </c>
      <c r="AD34" s="281">
        <v>1</v>
      </c>
      <c r="AE34" s="281">
        <v>1</v>
      </c>
      <c r="AF34" s="281">
        <v>1</v>
      </c>
      <c r="AG34" s="281">
        <v>0</v>
      </c>
      <c r="AH34" s="278">
        <v>4</v>
      </c>
      <c r="AI34" s="283">
        <v>4</v>
      </c>
      <c r="AJ34" s="277">
        <v>0</v>
      </c>
      <c r="AK34" s="281">
        <v>0</v>
      </c>
      <c r="AL34" s="278">
        <v>0</v>
      </c>
      <c r="AM34" s="280">
        <v>0</v>
      </c>
      <c r="AN34" s="281">
        <v>1</v>
      </c>
      <c r="AO34" s="281">
        <v>0</v>
      </c>
      <c r="AP34" s="281">
        <v>0</v>
      </c>
      <c r="AQ34" s="281">
        <v>0</v>
      </c>
      <c r="AR34" s="281">
        <v>0</v>
      </c>
      <c r="AS34" s="278">
        <v>1</v>
      </c>
      <c r="AT34" s="283">
        <v>1</v>
      </c>
      <c r="AU34" s="277">
        <v>0</v>
      </c>
      <c r="AV34" s="281">
        <v>0</v>
      </c>
      <c r="AW34" s="278">
        <v>0</v>
      </c>
      <c r="AX34" s="280">
        <v>0</v>
      </c>
      <c r="AY34" s="281">
        <v>0</v>
      </c>
      <c r="AZ34" s="281">
        <v>0</v>
      </c>
      <c r="BA34" s="281">
        <v>0</v>
      </c>
      <c r="BB34" s="281">
        <v>0</v>
      </c>
      <c r="BC34" s="281">
        <v>0</v>
      </c>
      <c r="BD34" s="278">
        <v>0</v>
      </c>
      <c r="BE34" s="283">
        <v>0</v>
      </c>
      <c r="BF34" s="277">
        <v>0</v>
      </c>
      <c r="BG34" s="281">
        <v>0</v>
      </c>
      <c r="BH34" s="278">
        <v>0</v>
      </c>
      <c r="BI34" s="280">
        <v>0</v>
      </c>
      <c r="BJ34" s="281">
        <v>1</v>
      </c>
      <c r="BK34" s="281">
        <v>1</v>
      </c>
      <c r="BL34" s="281">
        <v>1</v>
      </c>
      <c r="BM34" s="281">
        <v>0</v>
      </c>
      <c r="BN34" s="281">
        <v>1</v>
      </c>
      <c r="BO34" s="282">
        <v>4</v>
      </c>
      <c r="BP34" s="283">
        <v>4</v>
      </c>
      <c r="BQ34" s="277">
        <v>0</v>
      </c>
      <c r="BR34" s="281">
        <v>0</v>
      </c>
      <c r="BS34" s="278">
        <v>0</v>
      </c>
      <c r="BT34" s="280">
        <v>0</v>
      </c>
      <c r="BU34" s="281">
        <v>0</v>
      </c>
      <c r="BV34" s="281">
        <v>0</v>
      </c>
      <c r="BW34" s="281">
        <v>0</v>
      </c>
      <c r="BX34" s="281">
        <v>0</v>
      </c>
      <c r="BY34" s="281">
        <v>0</v>
      </c>
      <c r="BZ34" s="278">
        <v>0</v>
      </c>
      <c r="CA34" s="283">
        <v>0</v>
      </c>
      <c r="CB34" s="277">
        <v>0</v>
      </c>
      <c r="CC34" s="281">
        <v>0</v>
      </c>
      <c r="CD34" s="278">
        <v>0</v>
      </c>
      <c r="CE34" s="280">
        <v>0</v>
      </c>
      <c r="CF34" s="281">
        <v>0</v>
      </c>
      <c r="CG34" s="281">
        <v>1</v>
      </c>
      <c r="CH34" s="281">
        <v>0</v>
      </c>
      <c r="CI34" s="281">
        <v>0</v>
      </c>
      <c r="CJ34" s="281">
        <v>0</v>
      </c>
      <c r="CK34" s="278">
        <v>1</v>
      </c>
      <c r="CL34" s="283">
        <v>1</v>
      </c>
      <c r="CM34" s="277">
        <v>0</v>
      </c>
      <c r="CN34" s="281">
        <v>0</v>
      </c>
      <c r="CO34" s="278">
        <v>0</v>
      </c>
      <c r="CP34" s="280">
        <v>0</v>
      </c>
      <c r="CQ34" s="281">
        <v>0</v>
      </c>
      <c r="CR34" s="281">
        <v>0</v>
      </c>
      <c r="CS34" s="281">
        <v>0</v>
      </c>
      <c r="CT34" s="281">
        <v>0</v>
      </c>
      <c r="CU34" s="281">
        <v>0</v>
      </c>
      <c r="CV34" s="278">
        <v>0</v>
      </c>
      <c r="CW34" s="283">
        <v>0</v>
      </c>
    </row>
    <row r="35" spans="2:101" ht="21" customHeight="1" x14ac:dyDescent="0.2">
      <c r="B35" s="262" t="s">
        <v>33</v>
      </c>
      <c r="C35" s="277">
        <v>0</v>
      </c>
      <c r="D35" s="278">
        <v>0</v>
      </c>
      <c r="E35" s="279">
        <v>0</v>
      </c>
      <c r="F35" s="280">
        <v>0</v>
      </c>
      <c r="G35" s="281">
        <v>0</v>
      </c>
      <c r="H35" s="281">
        <v>0</v>
      </c>
      <c r="I35" s="281">
        <v>0</v>
      </c>
      <c r="J35" s="281">
        <v>0</v>
      </c>
      <c r="K35" s="281">
        <v>0</v>
      </c>
      <c r="L35" s="282">
        <v>0</v>
      </c>
      <c r="M35" s="283">
        <v>0</v>
      </c>
      <c r="N35" s="277">
        <v>0</v>
      </c>
      <c r="O35" s="281">
        <v>0</v>
      </c>
      <c r="P35" s="278">
        <v>0</v>
      </c>
      <c r="Q35" s="280">
        <v>0</v>
      </c>
      <c r="R35" s="281">
        <v>0</v>
      </c>
      <c r="S35" s="281">
        <v>0</v>
      </c>
      <c r="T35" s="281">
        <v>0</v>
      </c>
      <c r="U35" s="281">
        <v>0</v>
      </c>
      <c r="V35" s="281">
        <v>0</v>
      </c>
      <c r="W35" s="278">
        <v>0</v>
      </c>
      <c r="X35" s="283">
        <v>0</v>
      </c>
      <c r="Y35" s="277">
        <v>0</v>
      </c>
      <c r="Z35" s="281">
        <v>0</v>
      </c>
      <c r="AA35" s="278">
        <v>0</v>
      </c>
      <c r="AB35" s="280">
        <v>0</v>
      </c>
      <c r="AC35" s="281">
        <v>2</v>
      </c>
      <c r="AD35" s="281">
        <v>0</v>
      </c>
      <c r="AE35" s="281">
        <v>2</v>
      </c>
      <c r="AF35" s="281">
        <v>0</v>
      </c>
      <c r="AG35" s="281">
        <v>0</v>
      </c>
      <c r="AH35" s="278">
        <v>4</v>
      </c>
      <c r="AI35" s="283">
        <v>4</v>
      </c>
      <c r="AJ35" s="277">
        <v>0</v>
      </c>
      <c r="AK35" s="281">
        <v>0</v>
      </c>
      <c r="AL35" s="278">
        <v>0</v>
      </c>
      <c r="AM35" s="280">
        <v>0</v>
      </c>
      <c r="AN35" s="281">
        <v>0</v>
      </c>
      <c r="AO35" s="281">
        <v>0</v>
      </c>
      <c r="AP35" s="281">
        <v>0</v>
      </c>
      <c r="AQ35" s="281">
        <v>0</v>
      </c>
      <c r="AR35" s="281">
        <v>0</v>
      </c>
      <c r="AS35" s="278">
        <v>0</v>
      </c>
      <c r="AT35" s="283">
        <v>0</v>
      </c>
      <c r="AU35" s="277">
        <v>0</v>
      </c>
      <c r="AV35" s="281">
        <v>0</v>
      </c>
      <c r="AW35" s="278">
        <v>0</v>
      </c>
      <c r="AX35" s="280">
        <v>0</v>
      </c>
      <c r="AY35" s="281">
        <v>0</v>
      </c>
      <c r="AZ35" s="281">
        <v>0</v>
      </c>
      <c r="BA35" s="281">
        <v>0</v>
      </c>
      <c r="BB35" s="281">
        <v>0</v>
      </c>
      <c r="BC35" s="281">
        <v>0</v>
      </c>
      <c r="BD35" s="278">
        <v>0</v>
      </c>
      <c r="BE35" s="283">
        <v>0</v>
      </c>
      <c r="BF35" s="277">
        <v>0</v>
      </c>
      <c r="BG35" s="281">
        <v>0</v>
      </c>
      <c r="BH35" s="278">
        <v>0</v>
      </c>
      <c r="BI35" s="280">
        <v>0</v>
      </c>
      <c r="BJ35" s="281">
        <v>0</v>
      </c>
      <c r="BK35" s="281">
        <v>0</v>
      </c>
      <c r="BL35" s="281">
        <v>0</v>
      </c>
      <c r="BM35" s="281">
        <v>0</v>
      </c>
      <c r="BN35" s="281">
        <v>0</v>
      </c>
      <c r="BO35" s="282">
        <v>0</v>
      </c>
      <c r="BP35" s="283">
        <v>0</v>
      </c>
      <c r="BQ35" s="277">
        <v>0</v>
      </c>
      <c r="BR35" s="281">
        <v>0</v>
      </c>
      <c r="BS35" s="278">
        <v>0</v>
      </c>
      <c r="BT35" s="280">
        <v>0</v>
      </c>
      <c r="BU35" s="281">
        <v>0</v>
      </c>
      <c r="BV35" s="281">
        <v>0</v>
      </c>
      <c r="BW35" s="281">
        <v>0</v>
      </c>
      <c r="BX35" s="281">
        <v>0</v>
      </c>
      <c r="BY35" s="281">
        <v>0</v>
      </c>
      <c r="BZ35" s="278">
        <v>0</v>
      </c>
      <c r="CA35" s="283">
        <v>0</v>
      </c>
      <c r="CB35" s="277">
        <v>0</v>
      </c>
      <c r="CC35" s="281">
        <v>0</v>
      </c>
      <c r="CD35" s="278">
        <v>0</v>
      </c>
      <c r="CE35" s="280">
        <v>0</v>
      </c>
      <c r="CF35" s="281">
        <v>0</v>
      </c>
      <c r="CG35" s="281">
        <v>0</v>
      </c>
      <c r="CH35" s="281">
        <v>0</v>
      </c>
      <c r="CI35" s="281">
        <v>0</v>
      </c>
      <c r="CJ35" s="281">
        <v>0</v>
      </c>
      <c r="CK35" s="278">
        <v>0</v>
      </c>
      <c r="CL35" s="283">
        <v>0</v>
      </c>
      <c r="CM35" s="277">
        <v>0</v>
      </c>
      <c r="CN35" s="281">
        <v>0</v>
      </c>
      <c r="CO35" s="278">
        <v>0</v>
      </c>
      <c r="CP35" s="280">
        <v>0</v>
      </c>
      <c r="CQ35" s="281">
        <v>0</v>
      </c>
      <c r="CR35" s="281">
        <v>0</v>
      </c>
      <c r="CS35" s="281">
        <v>0</v>
      </c>
      <c r="CT35" s="281">
        <v>0</v>
      </c>
      <c r="CU35" s="281">
        <v>1</v>
      </c>
      <c r="CV35" s="278">
        <v>1</v>
      </c>
      <c r="CW35" s="283">
        <v>1</v>
      </c>
    </row>
    <row r="36" spans="2:101" ht="21" customHeight="1" x14ac:dyDescent="0.2">
      <c r="B36" s="262" t="s">
        <v>34</v>
      </c>
      <c r="C36" s="277">
        <v>0</v>
      </c>
      <c r="D36" s="278">
        <v>0</v>
      </c>
      <c r="E36" s="279">
        <v>0</v>
      </c>
      <c r="F36" s="280">
        <v>0</v>
      </c>
      <c r="G36" s="281">
        <v>0</v>
      </c>
      <c r="H36" s="281">
        <v>0</v>
      </c>
      <c r="I36" s="281">
        <v>0</v>
      </c>
      <c r="J36" s="281">
        <v>0</v>
      </c>
      <c r="K36" s="281">
        <v>0</v>
      </c>
      <c r="L36" s="282">
        <v>0</v>
      </c>
      <c r="M36" s="283">
        <v>0</v>
      </c>
      <c r="N36" s="277">
        <v>0</v>
      </c>
      <c r="O36" s="281">
        <v>0</v>
      </c>
      <c r="P36" s="278">
        <v>0</v>
      </c>
      <c r="Q36" s="280">
        <v>0</v>
      </c>
      <c r="R36" s="281">
        <v>0</v>
      </c>
      <c r="S36" s="281">
        <v>0</v>
      </c>
      <c r="T36" s="281">
        <v>0</v>
      </c>
      <c r="U36" s="281">
        <v>0</v>
      </c>
      <c r="V36" s="281">
        <v>0</v>
      </c>
      <c r="W36" s="278">
        <v>0</v>
      </c>
      <c r="X36" s="283">
        <v>0</v>
      </c>
      <c r="Y36" s="277">
        <v>0</v>
      </c>
      <c r="Z36" s="281">
        <v>0</v>
      </c>
      <c r="AA36" s="278">
        <v>0</v>
      </c>
      <c r="AB36" s="280">
        <v>0</v>
      </c>
      <c r="AC36" s="281">
        <v>0</v>
      </c>
      <c r="AD36" s="281">
        <v>0</v>
      </c>
      <c r="AE36" s="281">
        <v>0</v>
      </c>
      <c r="AF36" s="281">
        <v>0</v>
      </c>
      <c r="AG36" s="281">
        <v>0</v>
      </c>
      <c r="AH36" s="278">
        <v>0</v>
      </c>
      <c r="AI36" s="283">
        <v>0</v>
      </c>
      <c r="AJ36" s="277">
        <v>0</v>
      </c>
      <c r="AK36" s="281">
        <v>0</v>
      </c>
      <c r="AL36" s="278">
        <v>0</v>
      </c>
      <c r="AM36" s="280">
        <v>0</v>
      </c>
      <c r="AN36" s="281">
        <v>0</v>
      </c>
      <c r="AO36" s="281">
        <v>0</v>
      </c>
      <c r="AP36" s="281">
        <v>0</v>
      </c>
      <c r="AQ36" s="281">
        <v>0</v>
      </c>
      <c r="AR36" s="281">
        <v>0</v>
      </c>
      <c r="AS36" s="278">
        <v>0</v>
      </c>
      <c r="AT36" s="283">
        <v>0</v>
      </c>
      <c r="AU36" s="277">
        <v>0</v>
      </c>
      <c r="AV36" s="281">
        <v>0</v>
      </c>
      <c r="AW36" s="278">
        <v>0</v>
      </c>
      <c r="AX36" s="280">
        <v>0</v>
      </c>
      <c r="AY36" s="281">
        <v>1</v>
      </c>
      <c r="AZ36" s="281">
        <v>0</v>
      </c>
      <c r="BA36" s="281">
        <v>0</v>
      </c>
      <c r="BB36" s="281">
        <v>0</v>
      </c>
      <c r="BC36" s="281">
        <v>0</v>
      </c>
      <c r="BD36" s="278">
        <v>1</v>
      </c>
      <c r="BE36" s="283">
        <v>1</v>
      </c>
      <c r="BF36" s="277">
        <v>0</v>
      </c>
      <c r="BG36" s="281">
        <v>0</v>
      </c>
      <c r="BH36" s="278">
        <v>0</v>
      </c>
      <c r="BI36" s="280">
        <v>0</v>
      </c>
      <c r="BJ36" s="281">
        <v>0</v>
      </c>
      <c r="BK36" s="281">
        <v>0</v>
      </c>
      <c r="BL36" s="281">
        <v>0</v>
      </c>
      <c r="BM36" s="281">
        <v>0</v>
      </c>
      <c r="BN36" s="281">
        <v>0</v>
      </c>
      <c r="BO36" s="282">
        <v>0</v>
      </c>
      <c r="BP36" s="283">
        <v>0</v>
      </c>
      <c r="BQ36" s="277">
        <v>0</v>
      </c>
      <c r="BR36" s="281">
        <v>0</v>
      </c>
      <c r="BS36" s="278">
        <v>0</v>
      </c>
      <c r="BT36" s="280">
        <v>0</v>
      </c>
      <c r="BU36" s="281">
        <v>0</v>
      </c>
      <c r="BV36" s="281">
        <v>0</v>
      </c>
      <c r="BW36" s="281">
        <v>0</v>
      </c>
      <c r="BX36" s="281">
        <v>0</v>
      </c>
      <c r="BY36" s="281">
        <v>0</v>
      </c>
      <c r="BZ36" s="278">
        <v>0</v>
      </c>
      <c r="CA36" s="283">
        <v>0</v>
      </c>
      <c r="CB36" s="277">
        <v>0</v>
      </c>
      <c r="CC36" s="281">
        <v>0</v>
      </c>
      <c r="CD36" s="278">
        <v>0</v>
      </c>
      <c r="CE36" s="280">
        <v>0</v>
      </c>
      <c r="CF36" s="281">
        <v>0</v>
      </c>
      <c r="CG36" s="281">
        <v>0</v>
      </c>
      <c r="CH36" s="281">
        <v>0</v>
      </c>
      <c r="CI36" s="281">
        <v>0</v>
      </c>
      <c r="CJ36" s="281">
        <v>0</v>
      </c>
      <c r="CK36" s="278">
        <v>0</v>
      </c>
      <c r="CL36" s="283">
        <v>0</v>
      </c>
      <c r="CM36" s="277">
        <v>0</v>
      </c>
      <c r="CN36" s="281">
        <v>0</v>
      </c>
      <c r="CO36" s="278">
        <v>0</v>
      </c>
      <c r="CP36" s="280">
        <v>0</v>
      </c>
      <c r="CQ36" s="281">
        <v>0</v>
      </c>
      <c r="CR36" s="281">
        <v>1</v>
      </c>
      <c r="CS36" s="281">
        <v>0</v>
      </c>
      <c r="CT36" s="281">
        <v>0</v>
      </c>
      <c r="CU36" s="281">
        <v>0</v>
      </c>
      <c r="CV36" s="278">
        <v>1</v>
      </c>
      <c r="CW36" s="283">
        <v>1</v>
      </c>
    </row>
    <row r="37" spans="2:101" ht="21" customHeight="1" x14ac:dyDescent="0.2">
      <c r="B37" s="262" t="s">
        <v>35</v>
      </c>
      <c r="C37" s="277">
        <v>0</v>
      </c>
      <c r="D37" s="278">
        <v>0</v>
      </c>
      <c r="E37" s="279">
        <v>0</v>
      </c>
      <c r="F37" s="280">
        <v>0</v>
      </c>
      <c r="G37" s="281">
        <v>0</v>
      </c>
      <c r="H37" s="281">
        <v>0</v>
      </c>
      <c r="I37" s="281">
        <v>0</v>
      </c>
      <c r="J37" s="281">
        <v>0</v>
      </c>
      <c r="K37" s="281">
        <v>0</v>
      </c>
      <c r="L37" s="282">
        <v>0</v>
      </c>
      <c r="M37" s="283">
        <v>0</v>
      </c>
      <c r="N37" s="277">
        <v>0</v>
      </c>
      <c r="O37" s="281">
        <v>0</v>
      </c>
      <c r="P37" s="278">
        <v>0</v>
      </c>
      <c r="Q37" s="280">
        <v>0</v>
      </c>
      <c r="R37" s="281">
        <v>0</v>
      </c>
      <c r="S37" s="281">
        <v>0</v>
      </c>
      <c r="T37" s="281">
        <v>0</v>
      </c>
      <c r="U37" s="281">
        <v>0</v>
      </c>
      <c r="V37" s="281">
        <v>0</v>
      </c>
      <c r="W37" s="278">
        <v>0</v>
      </c>
      <c r="X37" s="283">
        <v>0</v>
      </c>
      <c r="Y37" s="277">
        <v>0</v>
      </c>
      <c r="Z37" s="281">
        <v>0</v>
      </c>
      <c r="AA37" s="278">
        <v>0</v>
      </c>
      <c r="AB37" s="280">
        <v>0</v>
      </c>
      <c r="AC37" s="281">
        <v>1</v>
      </c>
      <c r="AD37" s="281">
        <v>1</v>
      </c>
      <c r="AE37" s="281">
        <v>0</v>
      </c>
      <c r="AF37" s="281">
        <v>0</v>
      </c>
      <c r="AG37" s="281">
        <v>0</v>
      </c>
      <c r="AH37" s="278">
        <v>2</v>
      </c>
      <c r="AI37" s="283">
        <v>2</v>
      </c>
      <c r="AJ37" s="277">
        <v>0</v>
      </c>
      <c r="AK37" s="281">
        <v>0</v>
      </c>
      <c r="AL37" s="278">
        <v>0</v>
      </c>
      <c r="AM37" s="280">
        <v>0</v>
      </c>
      <c r="AN37" s="281">
        <v>0</v>
      </c>
      <c r="AO37" s="281">
        <v>0</v>
      </c>
      <c r="AP37" s="281">
        <v>0</v>
      </c>
      <c r="AQ37" s="281">
        <v>0</v>
      </c>
      <c r="AR37" s="281">
        <v>0</v>
      </c>
      <c r="AS37" s="278">
        <v>0</v>
      </c>
      <c r="AT37" s="283">
        <v>0</v>
      </c>
      <c r="AU37" s="277">
        <v>0</v>
      </c>
      <c r="AV37" s="281">
        <v>0</v>
      </c>
      <c r="AW37" s="278">
        <v>0</v>
      </c>
      <c r="AX37" s="280">
        <v>0</v>
      </c>
      <c r="AY37" s="281">
        <v>1</v>
      </c>
      <c r="AZ37" s="281">
        <v>0</v>
      </c>
      <c r="BA37" s="281">
        <v>0</v>
      </c>
      <c r="BB37" s="281">
        <v>1</v>
      </c>
      <c r="BC37" s="281">
        <v>0</v>
      </c>
      <c r="BD37" s="278">
        <v>2</v>
      </c>
      <c r="BE37" s="283">
        <v>2</v>
      </c>
      <c r="BF37" s="277">
        <v>0</v>
      </c>
      <c r="BG37" s="281">
        <v>0</v>
      </c>
      <c r="BH37" s="278">
        <v>0</v>
      </c>
      <c r="BI37" s="280">
        <v>0</v>
      </c>
      <c r="BJ37" s="281">
        <v>0</v>
      </c>
      <c r="BK37" s="281">
        <v>0</v>
      </c>
      <c r="BL37" s="281">
        <v>0</v>
      </c>
      <c r="BM37" s="281">
        <v>1</v>
      </c>
      <c r="BN37" s="281">
        <v>0</v>
      </c>
      <c r="BO37" s="282">
        <v>1</v>
      </c>
      <c r="BP37" s="283">
        <v>1</v>
      </c>
      <c r="BQ37" s="277">
        <v>0</v>
      </c>
      <c r="BR37" s="281">
        <v>0</v>
      </c>
      <c r="BS37" s="278">
        <v>0</v>
      </c>
      <c r="BT37" s="280">
        <v>0</v>
      </c>
      <c r="BU37" s="281">
        <v>0</v>
      </c>
      <c r="BV37" s="281">
        <v>0</v>
      </c>
      <c r="BW37" s="281">
        <v>0</v>
      </c>
      <c r="BX37" s="281">
        <v>0</v>
      </c>
      <c r="BY37" s="281">
        <v>0</v>
      </c>
      <c r="BZ37" s="278">
        <v>0</v>
      </c>
      <c r="CA37" s="283">
        <v>0</v>
      </c>
      <c r="CB37" s="277">
        <v>0</v>
      </c>
      <c r="CC37" s="281">
        <v>0</v>
      </c>
      <c r="CD37" s="278">
        <v>0</v>
      </c>
      <c r="CE37" s="280">
        <v>0</v>
      </c>
      <c r="CF37" s="281">
        <v>0</v>
      </c>
      <c r="CG37" s="281">
        <v>0</v>
      </c>
      <c r="CH37" s="281">
        <v>0</v>
      </c>
      <c r="CI37" s="281">
        <v>0</v>
      </c>
      <c r="CJ37" s="281">
        <v>0</v>
      </c>
      <c r="CK37" s="278">
        <v>0</v>
      </c>
      <c r="CL37" s="283">
        <v>0</v>
      </c>
      <c r="CM37" s="277">
        <v>0</v>
      </c>
      <c r="CN37" s="281">
        <v>0</v>
      </c>
      <c r="CO37" s="278">
        <v>0</v>
      </c>
      <c r="CP37" s="280">
        <v>0</v>
      </c>
      <c r="CQ37" s="281">
        <v>0</v>
      </c>
      <c r="CR37" s="281">
        <v>0</v>
      </c>
      <c r="CS37" s="281">
        <v>0</v>
      </c>
      <c r="CT37" s="281">
        <v>0</v>
      </c>
      <c r="CU37" s="281">
        <v>0</v>
      </c>
      <c r="CV37" s="278">
        <v>0</v>
      </c>
      <c r="CW37" s="283">
        <v>0</v>
      </c>
    </row>
    <row r="38" spans="2:101" ht="21" customHeight="1" x14ac:dyDescent="0.2">
      <c r="B38" s="262" t="s">
        <v>36</v>
      </c>
      <c r="C38" s="277">
        <v>0</v>
      </c>
      <c r="D38" s="278">
        <v>0</v>
      </c>
      <c r="E38" s="279">
        <v>0</v>
      </c>
      <c r="F38" s="280">
        <v>0</v>
      </c>
      <c r="G38" s="281">
        <v>0</v>
      </c>
      <c r="H38" s="281">
        <v>0</v>
      </c>
      <c r="I38" s="281">
        <v>0</v>
      </c>
      <c r="J38" s="281">
        <v>0</v>
      </c>
      <c r="K38" s="281">
        <v>0</v>
      </c>
      <c r="L38" s="282">
        <v>0</v>
      </c>
      <c r="M38" s="283">
        <v>0</v>
      </c>
      <c r="N38" s="277">
        <v>0</v>
      </c>
      <c r="O38" s="281">
        <v>0</v>
      </c>
      <c r="P38" s="278">
        <v>0</v>
      </c>
      <c r="Q38" s="280">
        <v>0</v>
      </c>
      <c r="R38" s="281">
        <v>0</v>
      </c>
      <c r="S38" s="281">
        <v>0</v>
      </c>
      <c r="T38" s="281">
        <v>0</v>
      </c>
      <c r="U38" s="281">
        <v>0</v>
      </c>
      <c r="V38" s="281">
        <v>0</v>
      </c>
      <c r="W38" s="278">
        <v>0</v>
      </c>
      <c r="X38" s="283">
        <v>0</v>
      </c>
      <c r="Y38" s="277">
        <v>0</v>
      </c>
      <c r="Z38" s="281">
        <v>0</v>
      </c>
      <c r="AA38" s="278">
        <v>0</v>
      </c>
      <c r="AB38" s="280">
        <v>0</v>
      </c>
      <c r="AC38" s="281">
        <v>0</v>
      </c>
      <c r="AD38" s="281">
        <v>0</v>
      </c>
      <c r="AE38" s="281">
        <v>0</v>
      </c>
      <c r="AF38" s="281">
        <v>1</v>
      </c>
      <c r="AG38" s="281">
        <v>1</v>
      </c>
      <c r="AH38" s="278">
        <v>2</v>
      </c>
      <c r="AI38" s="283">
        <v>2</v>
      </c>
      <c r="AJ38" s="277">
        <v>0</v>
      </c>
      <c r="AK38" s="281">
        <v>0</v>
      </c>
      <c r="AL38" s="278">
        <v>0</v>
      </c>
      <c r="AM38" s="280">
        <v>0</v>
      </c>
      <c r="AN38" s="281">
        <v>0</v>
      </c>
      <c r="AO38" s="281">
        <v>0</v>
      </c>
      <c r="AP38" s="281">
        <v>0</v>
      </c>
      <c r="AQ38" s="281">
        <v>0</v>
      </c>
      <c r="AR38" s="281">
        <v>0</v>
      </c>
      <c r="AS38" s="278">
        <v>0</v>
      </c>
      <c r="AT38" s="283">
        <v>0</v>
      </c>
      <c r="AU38" s="277">
        <v>0</v>
      </c>
      <c r="AV38" s="281">
        <v>0</v>
      </c>
      <c r="AW38" s="278">
        <v>0</v>
      </c>
      <c r="AX38" s="280">
        <v>0</v>
      </c>
      <c r="AY38" s="281">
        <v>1</v>
      </c>
      <c r="AZ38" s="281">
        <v>0</v>
      </c>
      <c r="BA38" s="281">
        <v>0</v>
      </c>
      <c r="BB38" s="281">
        <v>0</v>
      </c>
      <c r="BC38" s="281">
        <v>0</v>
      </c>
      <c r="BD38" s="278">
        <v>1</v>
      </c>
      <c r="BE38" s="283">
        <v>1</v>
      </c>
      <c r="BF38" s="277">
        <v>0</v>
      </c>
      <c r="BG38" s="281">
        <v>0</v>
      </c>
      <c r="BH38" s="278">
        <v>0</v>
      </c>
      <c r="BI38" s="280">
        <v>0</v>
      </c>
      <c r="BJ38" s="281">
        <v>0</v>
      </c>
      <c r="BK38" s="281">
        <v>0</v>
      </c>
      <c r="BL38" s="281">
        <v>1</v>
      </c>
      <c r="BM38" s="281">
        <v>1</v>
      </c>
      <c r="BN38" s="281">
        <v>0</v>
      </c>
      <c r="BO38" s="282">
        <v>2</v>
      </c>
      <c r="BP38" s="283">
        <v>2</v>
      </c>
      <c r="BQ38" s="277">
        <v>0</v>
      </c>
      <c r="BR38" s="281">
        <v>0</v>
      </c>
      <c r="BS38" s="278">
        <v>0</v>
      </c>
      <c r="BT38" s="280">
        <v>0</v>
      </c>
      <c r="BU38" s="281">
        <v>0</v>
      </c>
      <c r="BV38" s="281">
        <v>0</v>
      </c>
      <c r="BW38" s="281">
        <v>0</v>
      </c>
      <c r="BX38" s="281">
        <v>0</v>
      </c>
      <c r="BY38" s="281">
        <v>0</v>
      </c>
      <c r="BZ38" s="278">
        <v>0</v>
      </c>
      <c r="CA38" s="283">
        <v>0</v>
      </c>
      <c r="CB38" s="277">
        <v>0</v>
      </c>
      <c r="CC38" s="281">
        <v>0</v>
      </c>
      <c r="CD38" s="278">
        <v>0</v>
      </c>
      <c r="CE38" s="280">
        <v>0</v>
      </c>
      <c r="CF38" s="281">
        <v>0</v>
      </c>
      <c r="CG38" s="281">
        <v>0</v>
      </c>
      <c r="CH38" s="281">
        <v>0</v>
      </c>
      <c r="CI38" s="281">
        <v>0</v>
      </c>
      <c r="CJ38" s="281">
        <v>0</v>
      </c>
      <c r="CK38" s="278">
        <v>0</v>
      </c>
      <c r="CL38" s="283">
        <v>0</v>
      </c>
      <c r="CM38" s="277">
        <v>0</v>
      </c>
      <c r="CN38" s="281">
        <v>0</v>
      </c>
      <c r="CO38" s="278">
        <v>0</v>
      </c>
      <c r="CP38" s="280">
        <v>0</v>
      </c>
      <c r="CQ38" s="281">
        <v>0</v>
      </c>
      <c r="CR38" s="281">
        <v>0</v>
      </c>
      <c r="CS38" s="281">
        <v>0</v>
      </c>
      <c r="CT38" s="281">
        <v>0</v>
      </c>
      <c r="CU38" s="281">
        <v>0</v>
      </c>
      <c r="CV38" s="278">
        <v>0</v>
      </c>
      <c r="CW38" s="283">
        <v>0</v>
      </c>
    </row>
    <row r="39" spans="2:101" ht="21" customHeight="1" thickBot="1" x14ac:dyDescent="0.25">
      <c r="B39" s="263" t="s">
        <v>37</v>
      </c>
      <c r="C39" s="284">
        <v>0</v>
      </c>
      <c r="D39" s="285">
        <v>0</v>
      </c>
      <c r="E39" s="286">
        <v>0</v>
      </c>
      <c r="F39" s="287">
        <v>0</v>
      </c>
      <c r="G39" s="288">
        <v>0</v>
      </c>
      <c r="H39" s="288">
        <v>0</v>
      </c>
      <c r="I39" s="288">
        <v>0</v>
      </c>
      <c r="J39" s="288">
        <v>0</v>
      </c>
      <c r="K39" s="288">
        <v>0</v>
      </c>
      <c r="L39" s="289">
        <v>0</v>
      </c>
      <c r="M39" s="290">
        <v>0</v>
      </c>
      <c r="N39" s="284">
        <v>0</v>
      </c>
      <c r="O39" s="288">
        <v>0</v>
      </c>
      <c r="P39" s="285">
        <v>0</v>
      </c>
      <c r="Q39" s="287">
        <v>0</v>
      </c>
      <c r="R39" s="288">
        <v>0</v>
      </c>
      <c r="S39" s="288">
        <v>0</v>
      </c>
      <c r="T39" s="288">
        <v>0</v>
      </c>
      <c r="U39" s="288">
        <v>0</v>
      </c>
      <c r="V39" s="288">
        <v>0</v>
      </c>
      <c r="W39" s="285">
        <v>0</v>
      </c>
      <c r="X39" s="290">
        <v>0</v>
      </c>
      <c r="Y39" s="284">
        <v>0</v>
      </c>
      <c r="Z39" s="288">
        <v>0</v>
      </c>
      <c r="AA39" s="285">
        <v>0</v>
      </c>
      <c r="AB39" s="287">
        <v>0</v>
      </c>
      <c r="AC39" s="288">
        <v>0</v>
      </c>
      <c r="AD39" s="288">
        <v>0</v>
      </c>
      <c r="AE39" s="288">
        <v>0</v>
      </c>
      <c r="AF39" s="288">
        <v>0</v>
      </c>
      <c r="AG39" s="288">
        <v>1</v>
      </c>
      <c r="AH39" s="285">
        <v>1</v>
      </c>
      <c r="AI39" s="290">
        <v>1</v>
      </c>
      <c r="AJ39" s="284">
        <v>0</v>
      </c>
      <c r="AK39" s="288">
        <v>0</v>
      </c>
      <c r="AL39" s="285">
        <v>0</v>
      </c>
      <c r="AM39" s="287">
        <v>0</v>
      </c>
      <c r="AN39" s="288">
        <v>0</v>
      </c>
      <c r="AO39" s="288">
        <v>0</v>
      </c>
      <c r="AP39" s="288">
        <v>0</v>
      </c>
      <c r="AQ39" s="288">
        <v>0</v>
      </c>
      <c r="AR39" s="288">
        <v>0</v>
      </c>
      <c r="AS39" s="285">
        <v>0</v>
      </c>
      <c r="AT39" s="290">
        <v>0</v>
      </c>
      <c r="AU39" s="284">
        <v>0</v>
      </c>
      <c r="AV39" s="288">
        <v>0</v>
      </c>
      <c r="AW39" s="285">
        <v>0</v>
      </c>
      <c r="AX39" s="287">
        <v>0</v>
      </c>
      <c r="AY39" s="288">
        <v>0</v>
      </c>
      <c r="AZ39" s="288">
        <v>0</v>
      </c>
      <c r="BA39" s="288">
        <v>0</v>
      </c>
      <c r="BB39" s="288">
        <v>0</v>
      </c>
      <c r="BC39" s="288">
        <v>0</v>
      </c>
      <c r="BD39" s="285">
        <v>0</v>
      </c>
      <c r="BE39" s="290">
        <v>0</v>
      </c>
      <c r="BF39" s="284">
        <v>0</v>
      </c>
      <c r="BG39" s="288">
        <v>0</v>
      </c>
      <c r="BH39" s="285">
        <v>0</v>
      </c>
      <c r="BI39" s="287">
        <v>0</v>
      </c>
      <c r="BJ39" s="288">
        <v>0</v>
      </c>
      <c r="BK39" s="288">
        <v>0</v>
      </c>
      <c r="BL39" s="288">
        <v>0</v>
      </c>
      <c r="BM39" s="288">
        <v>0</v>
      </c>
      <c r="BN39" s="288">
        <v>0</v>
      </c>
      <c r="BO39" s="289">
        <v>0</v>
      </c>
      <c r="BP39" s="290">
        <v>0</v>
      </c>
      <c r="BQ39" s="284">
        <v>0</v>
      </c>
      <c r="BR39" s="288">
        <v>0</v>
      </c>
      <c r="BS39" s="285">
        <v>0</v>
      </c>
      <c r="BT39" s="287">
        <v>0</v>
      </c>
      <c r="BU39" s="288">
        <v>0</v>
      </c>
      <c r="BV39" s="288">
        <v>0</v>
      </c>
      <c r="BW39" s="288">
        <v>0</v>
      </c>
      <c r="BX39" s="288">
        <v>0</v>
      </c>
      <c r="BY39" s="288">
        <v>0</v>
      </c>
      <c r="BZ39" s="285">
        <v>0</v>
      </c>
      <c r="CA39" s="290">
        <v>0</v>
      </c>
      <c r="CB39" s="284">
        <v>0</v>
      </c>
      <c r="CC39" s="288">
        <v>0</v>
      </c>
      <c r="CD39" s="285">
        <v>0</v>
      </c>
      <c r="CE39" s="287">
        <v>0</v>
      </c>
      <c r="CF39" s="288">
        <v>0</v>
      </c>
      <c r="CG39" s="288">
        <v>0</v>
      </c>
      <c r="CH39" s="288">
        <v>0</v>
      </c>
      <c r="CI39" s="288">
        <v>0</v>
      </c>
      <c r="CJ39" s="288">
        <v>0</v>
      </c>
      <c r="CK39" s="285">
        <v>0</v>
      </c>
      <c r="CL39" s="290">
        <v>0</v>
      </c>
      <c r="CM39" s="284">
        <v>0</v>
      </c>
      <c r="CN39" s="288">
        <v>0</v>
      </c>
      <c r="CO39" s="285">
        <v>0</v>
      </c>
      <c r="CP39" s="287">
        <v>0</v>
      </c>
      <c r="CQ39" s="288">
        <v>0</v>
      </c>
      <c r="CR39" s="288">
        <v>0</v>
      </c>
      <c r="CS39" s="288">
        <v>0</v>
      </c>
      <c r="CT39" s="288">
        <v>0</v>
      </c>
      <c r="CU39" s="288">
        <v>0</v>
      </c>
      <c r="CV39" s="285">
        <v>0</v>
      </c>
      <c r="CW39" s="290">
        <v>0</v>
      </c>
    </row>
  </sheetData>
  <mergeCells count="39">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 ref="B3:B5"/>
    <mergeCell ref="C3:M3"/>
    <mergeCell ref="N3:X3"/>
    <mergeCell ref="Y3:AI3"/>
    <mergeCell ref="C4:E4"/>
    <mergeCell ref="F4:L4"/>
    <mergeCell ref="M4:M5"/>
    <mergeCell ref="N4:P4"/>
    <mergeCell ref="Q4:W4"/>
    <mergeCell ref="X4:X5"/>
    <mergeCell ref="Y4:AA4"/>
    <mergeCell ref="AB4:AH4"/>
    <mergeCell ref="AI4:AI5"/>
    <mergeCell ref="CM4:CO4"/>
    <mergeCell ref="AX4:BD4"/>
    <mergeCell ref="BF4:BH4"/>
    <mergeCell ref="BI4:BO4"/>
    <mergeCell ref="CA4:CA5"/>
    <mergeCell ref="CL4:CL5"/>
    <mergeCell ref="BQ4:BS4"/>
    <mergeCell ref="BT4:BZ4"/>
    <mergeCell ref="CB4:CD4"/>
    <mergeCell ref="CE4:CK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 style="256" customWidth="1"/>
    <col min="6" max="6" width="7.77734375" style="256" customWidth="1"/>
    <col min="7" max="7" width="10.77734375" style="256" customWidth="1"/>
    <col min="8" max="16" width="9" style="256"/>
    <col min="17" max="17" width="8" style="256" customWidth="1"/>
    <col min="18" max="16384" width="9" style="256"/>
  </cols>
  <sheetData>
    <row r="1" spans="2:24" ht="24" customHeight="1" x14ac:dyDescent="0.2">
      <c r="B1" s="291" t="s">
        <v>125</v>
      </c>
      <c r="H1" s="528">
        <f>第１表!F2</f>
        <v>4</v>
      </c>
      <c r="I1" s="528"/>
      <c r="J1" s="248">
        <f>第１表!G2</f>
        <v>9</v>
      </c>
      <c r="K1" s="529">
        <f>IF(J1&lt;3,J1+12-2,J1-2)</f>
        <v>7</v>
      </c>
      <c r="L1" s="529"/>
    </row>
    <row r="2" spans="2:24" ht="24" customHeight="1" thickBot="1" x14ac:dyDescent="0.25">
      <c r="B2" s="291" t="s">
        <v>133</v>
      </c>
    </row>
    <row r="3" spans="2:24" ht="21.75" customHeight="1" x14ac:dyDescent="0.2">
      <c r="B3" s="532"/>
      <c r="C3" s="533" t="s">
        <v>143</v>
      </c>
      <c r="D3" s="533"/>
      <c r="E3" s="533"/>
      <c r="F3" s="533"/>
      <c r="G3" s="533"/>
      <c r="H3" s="533"/>
      <c r="I3" s="533"/>
      <c r="J3" s="533"/>
      <c r="K3" s="533"/>
      <c r="L3" s="533"/>
      <c r="M3" s="565"/>
      <c r="N3" s="533" t="s">
        <v>113</v>
      </c>
      <c r="O3" s="533"/>
      <c r="P3" s="533"/>
      <c r="Q3" s="533"/>
      <c r="R3" s="533"/>
      <c r="S3" s="533"/>
      <c r="T3" s="533"/>
      <c r="U3" s="533"/>
      <c r="V3" s="533"/>
      <c r="W3" s="533"/>
      <c r="X3" s="565"/>
    </row>
    <row r="4" spans="2:24" ht="20.25" customHeight="1" x14ac:dyDescent="0.2">
      <c r="B4" s="571"/>
      <c r="C4" s="566" t="s">
        <v>61</v>
      </c>
      <c r="D4" s="566"/>
      <c r="E4" s="567"/>
      <c r="F4" s="568" t="s">
        <v>62</v>
      </c>
      <c r="G4" s="566"/>
      <c r="H4" s="566"/>
      <c r="I4" s="566"/>
      <c r="J4" s="566"/>
      <c r="K4" s="566"/>
      <c r="L4" s="569"/>
      <c r="M4" s="570" t="s">
        <v>52</v>
      </c>
      <c r="N4" s="566" t="s">
        <v>61</v>
      </c>
      <c r="O4" s="566"/>
      <c r="P4" s="567"/>
      <c r="Q4" s="568" t="s">
        <v>62</v>
      </c>
      <c r="R4" s="566"/>
      <c r="S4" s="566"/>
      <c r="T4" s="566"/>
      <c r="U4" s="566"/>
      <c r="V4" s="566"/>
      <c r="W4" s="569"/>
      <c r="X4" s="570" t="s">
        <v>52</v>
      </c>
    </row>
    <row r="5" spans="2:24" ht="28.5" customHeight="1" thickBot="1" x14ac:dyDescent="0.25">
      <c r="B5" s="572"/>
      <c r="C5" s="260" t="s">
        <v>43</v>
      </c>
      <c r="D5" s="260" t="s">
        <v>44</v>
      </c>
      <c r="E5" s="266" t="s">
        <v>45</v>
      </c>
      <c r="F5" s="268" t="s">
        <v>83</v>
      </c>
      <c r="G5" s="260" t="s">
        <v>47</v>
      </c>
      <c r="H5" s="260" t="s">
        <v>48</v>
      </c>
      <c r="I5" s="260" t="s">
        <v>49</v>
      </c>
      <c r="J5" s="260" t="s">
        <v>50</v>
      </c>
      <c r="K5" s="260" t="s">
        <v>51</v>
      </c>
      <c r="L5" s="266" t="s">
        <v>45</v>
      </c>
      <c r="M5" s="531"/>
      <c r="N5" s="260" t="s">
        <v>43</v>
      </c>
      <c r="O5" s="260" t="s">
        <v>44</v>
      </c>
      <c r="P5" s="266" t="s">
        <v>45</v>
      </c>
      <c r="Q5" s="268" t="s">
        <v>83</v>
      </c>
      <c r="R5" s="260" t="s">
        <v>47</v>
      </c>
      <c r="S5" s="260" t="s">
        <v>48</v>
      </c>
      <c r="T5" s="260" t="s">
        <v>49</v>
      </c>
      <c r="U5" s="260" t="s">
        <v>50</v>
      </c>
      <c r="V5" s="260" t="s">
        <v>51</v>
      </c>
      <c r="W5" s="266" t="s">
        <v>45</v>
      </c>
      <c r="X5" s="531"/>
    </row>
    <row r="6" spans="2:24" ht="21" customHeight="1" x14ac:dyDescent="0.2">
      <c r="B6" s="259" t="s">
        <v>4</v>
      </c>
      <c r="C6" s="274">
        <v>0</v>
      </c>
      <c r="D6" s="274">
        <v>0</v>
      </c>
      <c r="E6" s="271">
        <v>0</v>
      </c>
      <c r="F6" s="273">
        <v>0</v>
      </c>
      <c r="G6" s="274">
        <v>97879</v>
      </c>
      <c r="H6" s="274">
        <v>95310</v>
      </c>
      <c r="I6" s="274">
        <v>59391</v>
      </c>
      <c r="J6" s="274">
        <v>31644</v>
      </c>
      <c r="K6" s="274">
        <v>14293</v>
      </c>
      <c r="L6" s="271">
        <v>298517</v>
      </c>
      <c r="M6" s="276">
        <v>298517</v>
      </c>
      <c r="N6" s="274">
        <v>37</v>
      </c>
      <c r="O6" s="274">
        <v>40</v>
      </c>
      <c r="P6" s="271">
        <v>77</v>
      </c>
      <c r="Q6" s="273">
        <v>0</v>
      </c>
      <c r="R6" s="274">
        <v>6855</v>
      </c>
      <c r="S6" s="274">
        <v>9028</v>
      </c>
      <c r="T6" s="274">
        <v>12098</v>
      </c>
      <c r="U6" s="274">
        <v>6300</v>
      </c>
      <c r="V6" s="274">
        <v>5454</v>
      </c>
      <c r="W6" s="271">
        <v>39735</v>
      </c>
      <c r="X6" s="276">
        <v>39812</v>
      </c>
    </row>
    <row r="7" spans="2:24" ht="21" customHeight="1" x14ac:dyDescent="0.2">
      <c r="B7" s="257" t="s">
        <v>5</v>
      </c>
      <c r="C7" s="281">
        <v>0</v>
      </c>
      <c r="D7" s="281">
        <v>0</v>
      </c>
      <c r="E7" s="278">
        <v>0</v>
      </c>
      <c r="F7" s="280">
        <v>0</v>
      </c>
      <c r="G7" s="281">
        <v>33142</v>
      </c>
      <c r="H7" s="281">
        <v>43092</v>
      </c>
      <c r="I7" s="281">
        <v>26384</v>
      </c>
      <c r="J7" s="281">
        <v>14361</v>
      </c>
      <c r="K7" s="281">
        <v>6581</v>
      </c>
      <c r="L7" s="278">
        <v>123560</v>
      </c>
      <c r="M7" s="283">
        <v>123560</v>
      </c>
      <c r="N7" s="281">
        <v>10</v>
      </c>
      <c r="O7" s="281">
        <v>12</v>
      </c>
      <c r="P7" s="278">
        <v>22</v>
      </c>
      <c r="Q7" s="280">
        <v>0</v>
      </c>
      <c r="R7" s="281">
        <v>3208</v>
      </c>
      <c r="S7" s="281">
        <v>4699</v>
      </c>
      <c r="T7" s="281">
        <v>6400</v>
      </c>
      <c r="U7" s="281">
        <v>3507</v>
      </c>
      <c r="V7" s="281">
        <v>3230</v>
      </c>
      <c r="W7" s="278">
        <v>21044</v>
      </c>
      <c r="X7" s="283">
        <v>21066</v>
      </c>
    </row>
    <row r="8" spans="2:24" ht="21" customHeight="1" x14ac:dyDescent="0.2">
      <c r="B8" s="257" t="s">
        <v>6</v>
      </c>
      <c r="C8" s="281">
        <v>0</v>
      </c>
      <c r="D8" s="281">
        <v>0</v>
      </c>
      <c r="E8" s="278">
        <v>0</v>
      </c>
      <c r="F8" s="280">
        <v>0</v>
      </c>
      <c r="G8" s="281">
        <v>14505</v>
      </c>
      <c r="H8" s="281">
        <v>10577</v>
      </c>
      <c r="I8" s="281">
        <v>6919</v>
      </c>
      <c r="J8" s="281">
        <v>4045</v>
      </c>
      <c r="K8" s="281">
        <v>1891</v>
      </c>
      <c r="L8" s="278">
        <v>37937</v>
      </c>
      <c r="M8" s="283">
        <v>37937</v>
      </c>
      <c r="N8" s="281">
        <v>11</v>
      </c>
      <c r="O8" s="281">
        <v>3</v>
      </c>
      <c r="P8" s="278">
        <v>14</v>
      </c>
      <c r="Q8" s="280">
        <v>0</v>
      </c>
      <c r="R8" s="281">
        <v>1682</v>
      </c>
      <c r="S8" s="281">
        <v>1956</v>
      </c>
      <c r="T8" s="281">
        <v>2446</v>
      </c>
      <c r="U8" s="281">
        <v>1563</v>
      </c>
      <c r="V8" s="281">
        <v>915</v>
      </c>
      <c r="W8" s="278">
        <v>8562</v>
      </c>
      <c r="X8" s="283">
        <v>8576</v>
      </c>
    </row>
    <row r="9" spans="2:24" ht="21" customHeight="1" x14ac:dyDescent="0.2">
      <c r="B9" s="257" t="s">
        <v>14</v>
      </c>
      <c r="C9" s="281">
        <v>0</v>
      </c>
      <c r="D9" s="281">
        <v>0</v>
      </c>
      <c r="E9" s="278">
        <v>0</v>
      </c>
      <c r="F9" s="280">
        <v>0</v>
      </c>
      <c r="G9" s="281">
        <v>7814</v>
      </c>
      <c r="H9" s="281">
        <v>8701</v>
      </c>
      <c r="I9" s="281">
        <v>5535</v>
      </c>
      <c r="J9" s="281">
        <v>3061</v>
      </c>
      <c r="K9" s="281">
        <v>1331</v>
      </c>
      <c r="L9" s="278">
        <v>26442</v>
      </c>
      <c r="M9" s="283">
        <v>26442</v>
      </c>
      <c r="N9" s="281">
        <v>4</v>
      </c>
      <c r="O9" s="281">
        <v>0</v>
      </c>
      <c r="P9" s="278">
        <v>4</v>
      </c>
      <c r="Q9" s="280">
        <v>0</v>
      </c>
      <c r="R9" s="281">
        <v>140</v>
      </c>
      <c r="S9" s="281">
        <v>216</v>
      </c>
      <c r="T9" s="281">
        <v>411</v>
      </c>
      <c r="U9" s="281">
        <v>179</v>
      </c>
      <c r="V9" s="281">
        <v>320</v>
      </c>
      <c r="W9" s="278">
        <v>1266</v>
      </c>
      <c r="X9" s="283">
        <v>1270</v>
      </c>
    </row>
    <row r="10" spans="2:24" ht="21" customHeight="1" x14ac:dyDescent="0.2">
      <c r="B10" s="257" t="s">
        <v>7</v>
      </c>
      <c r="C10" s="281">
        <v>0</v>
      </c>
      <c r="D10" s="281">
        <v>0</v>
      </c>
      <c r="E10" s="278">
        <v>0</v>
      </c>
      <c r="F10" s="280">
        <v>0</v>
      </c>
      <c r="G10" s="281">
        <v>7437</v>
      </c>
      <c r="H10" s="281">
        <v>4884</v>
      </c>
      <c r="I10" s="281">
        <v>2931</v>
      </c>
      <c r="J10" s="281">
        <v>1109</v>
      </c>
      <c r="K10" s="281">
        <v>515</v>
      </c>
      <c r="L10" s="278">
        <v>16876</v>
      </c>
      <c r="M10" s="283">
        <v>16876</v>
      </c>
      <c r="N10" s="281">
        <v>0</v>
      </c>
      <c r="O10" s="281">
        <v>0</v>
      </c>
      <c r="P10" s="278">
        <v>0</v>
      </c>
      <c r="Q10" s="280">
        <v>0</v>
      </c>
      <c r="R10" s="281">
        <v>750</v>
      </c>
      <c r="S10" s="281">
        <v>864</v>
      </c>
      <c r="T10" s="281">
        <v>1202</v>
      </c>
      <c r="U10" s="281">
        <v>337</v>
      </c>
      <c r="V10" s="281">
        <v>194</v>
      </c>
      <c r="W10" s="278">
        <v>3347</v>
      </c>
      <c r="X10" s="283">
        <v>3347</v>
      </c>
    </row>
    <row r="11" spans="2:24" ht="21" customHeight="1" x14ac:dyDescent="0.2">
      <c r="B11" s="257" t="s">
        <v>8</v>
      </c>
      <c r="C11" s="281">
        <v>0</v>
      </c>
      <c r="D11" s="281">
        <v>0</v>
      </c>
      <c r="E11" s="278">
        <v>0</v>
      </c>
      <c r="F11" s="280">
        <v>0</v>
      </c>
      <c r="G11" s="281">
        <v>4494</v>
      </c>
      <c r="H11" s="281">
        <v>4392</v>
      </c>
      <c r="I11" s="281">
        <v>2620</v>
      </c>
      <c r="J11" s="281">
        <v>1170</v>
      </c>
      <c r="K11" s="281">
        <v>448</v>
      </c>
      <c r="L11" s="278">
        <v>13124</v>
      </c>
      <c r="M11" s="283">
        <v>13124</v>
      </c>
      <c r="N11" s="281">
        <v>0</v>
      </c>
      <c r="O11" s="281">
        <v>0</v>
      </c>
      <c r="P11" s="278">
        <v>0</v>
      </c>
      <c r="Q11" s="280">
        <v>0</v>
      </c>
      <c r="R11" s="281">
        <v>45</v>
      </c>
      <c r="S11" s="281">
        <v>108</v>
      </c>
      <c r="T11" s="281">
        <v>107</v>
      </c>
      <c r="U11" s="281">
        <v>47</v>
      </c>
      <c r="V11" s="281">
        <v>62</v>
      </c>
      <c r="W11" s="278">
        <v>369</v>
      </c>
      <c r="X11" s="283">
        <v>369</v>
      </c>
    </row>
    <row r="12" spans="2:24" ht="21" customHeight="1" x14ac:dyDescent="0.2">
      <c r="B12" s="257" t="s">
        <v>9</v>
      </c>
      <c r="C12" s="281">
        <v>0</v>
      </c>
      <c r="D12" s="281">
        <v>0</v>
      </c>
      <c r="E12" s="278">
        <v>0</v>
      </c>
      <c r="F12" s="280">
        <v>0</v>
      </c>
      <c r="G12" s="281">
        <v>2876</v>
      </c>
      <c r="H12" s="281">
        <v>2328</v>
      </c>
      <c r="I12" s="281">
        <v>1724</v>
      </c>
      <c r="J12" s="281">
        <v>752</v>
      </c>
      <c r="K12" s="281">
        <v>299</v>
      </c>
      <c r="L12" s="278">
        <v>7979</v>
      </c>
      <c r="M12" s="283">
        <v>7979</v>
      </c>
      <c r="N12" s="281">
        <v>0</v>
      </c>
      <c r="O12" s="281">
        <v>0</v>
      </c>
      <c r="P12" s="278">
        <v>0</v>
      </c>
      <c r="Q12" s="280">
        <v>0</v>
      </c>
      <c r="R12" s="281">
        <v>69</v>
      </c>
      <c r="S12" s="281">
        <v>41</v>
      </c>
      <c r="T12" s="281">
        <v>88</v>
      </c>
      <c r="U12" s="281">
        <v>42</v>
      </c>
      <c r="V12" s="281">
        <v>38</v>
      </c>
      <c r="W12" s="278">
        <v>278</v>
      </c>
      <c r="X12" s="283">
        <v>278</v>
      </c>
    </row>
    <row r="13" spans="2:24" ht="21" customHeight="1" x14ac:dyDescent="0.2">
      <c r="B13" s="257" t="s">
        <v>10</v>
      </c>
      <c r="C13" s="281">
        <v>0</v>
      </c>
      <c r="D13" s="281">
        <v>0</v>
      </c>
      <c r="E13" s="278">
        <v>0</v>
      </c>
      <c r="F13" s="280">
        <v>0</v>
      </c>
      <c r="G13" s="281">
        <v>4306</v>
      </c>
      <c r="H13" s="281">
        <v>2176</v>
      </c>
      <c r="I13" s="281">
        <v>1109</v>
      </c>
      <c r="J13" s="281">
        <v>652</v>
      </c>
      <c r="K13" s="281">
        <v>329</v>
      </c>
      <c r="L13" s="278">
        <v>8572</v>
      </c>
      <c r="M13" s="283">
        <v>8572</v>
      </c>
      <c r="N13" s="281">
        <v>0</v>
      </c>
      <c r="O13" s="281">
        <v>4</v>
      </c>
      <c r="P13" s="278">
        <v>4</v>
      </c>
      <c r="Q13" s="280">
        <v>0</v>
      </c>
      <c r="R13" s="281">
        <v>115</v>
      </c>
      <c r="S13" s="281">
        <v>177</v>
      </c>
      <c r="T13" s="281">
        <v>196</v>
      </c>
      <c r="U13" s="281">
        <v>89</v>
      </c>
      <c r="V13" s="281">
        <v>121</v>
      </c>
      <c r="W13" s="278">
        <v>698</v>
      </c>
      <c r="X13" s="283">
        <v>702</v>
      </c>
    </row>
    <row r="14" spans="2:24" ht="21" customHeight="1" x14ac:dyDescent="0.2">
      <c r="B14" s="257" t="s">
        <v>11</v>
      </c>
      <c r="C14" s="281">
        <v>0</v>
      </c>
      <c r="D14" s="281">
        <v>0</v>
      </c>
      <c r="E14" s="278">
        <v>0</v>
      </c>
      <c r="F14" s="280">
        <v>0</v>
      </c>
      <c r="G14" s="281">
        <v>4232</v>
      </c>
      <c r="H14" s="281">
        <v>2388</v>
      </c>
      <c r="I14" s="281">
        <v>1630</v>
      </c>
      <c r="J14" s="281">
        <v>901</v>
      </c>
      <c r="K14" s="281">
        <v>311</v>
      </c>
      <c r="L14" s="278">
        <v>9462</v>
      </c>
      <c r="M14" s="283">
        <v>9462</v>
      </c>
      <c r="N14" s="281">
        <v>0</v>
      </c>
      <c r="O14" s="281">
        <v>9</v>
      </c>
      <c r="P14" s="278">
        <v>9</v>
      </c>
      <c r="Q14" s="280">
        <v>0</v>
      </c>
      <c r="R14" s="281">
        <v>119</v>
      </c>
      <c r="S14" s="281">
        <v>116</v>
      </c>
      <c r="T14" s="281">
        <v>95</v>
      </c>
      <c r="U14" s="281">
        <v>11</v>
      </c>
      <c r="V14" s="281">
        <v>12</v>
      </c>
      <c r="W14" s="278">
        <v>353</v>
      </c>
      <c r="X14" s="283">
        <v>362</v>
      </c>
    </row>
    <row r="15" spans="2:24" ht="21" customHeight="1" x14ac:dyDescent="0.2">
      <c r="B15" s="257" t="s">
        <v>12</v>
      </c>
      <c r="C15" s="281">
        <v>0</v>
      </c>
      <c r="D15" s="281">
        <v>0</v>
      </c>
      <c r="E15" s="278">
        <v>0</v>
      </c>
      <c r="F15" s="280">
        <v>0</v>
      </c>
      <c r="G15" s="281">
        <v>3066</v>
      </c>
      <c r="H15" s="281">
        <v>1974</v>
      </c>
      <c r="I15" s="281">
        <v>1598</v>
      </c>
      <c r="J15" s="281">
        <v>832</v>
      </c>
      <c r="K15" s="281">
        <v>321</v>
      </c>
      <c r="L15" s="278">
        <v>7791</v>
      </c>
      <c r="M15" s="283">
        <v>7791</v>
      </c>
      <c r="N15" s="281">
        <v>0</v>
      </c>
      <c r="O15" s="281">
        <v>0</v>
      </c>
      <c r="P15" s="278">
        <v>0</v>
      </c>
      <c r="Q15" s="280">
        <v>0</v>
      </c>
      <c r="R15" s="281">
        <v>35</v>
      </c>
      <c r="S15" s="281">
        <v>21</v>
      </c>
      <c r="T15" s="281">
        <v>6</v>
      </c>
      <c r="U15" s="281">
        <v>0</v>
      </c>
      <c r="V15" s="281">
        <v>13</v>
      </c>
      <c r="W15" s="278">
        <v>75</v>
      </c>
      <c r="X15" s="283">
        <v>75</v>
      </c>
    </row>
    <row r="16" spans="2:24" ht="21" customHeight="1" x14ac:dyDescent="0.2">
      <c r="B16" s="257" t="s">
        <v>13</v>
      </c>
      <c r="C16" s="281">
        <v>0</v>
      </c>
      <c r="D16" s="281">
        <v>0</v>
      </c>
      <c r="E16" s="278">
        <v>0</v>
      </c>
      <c r="F16" s="280">
        <v>0</v>
      </c>
      <c r="G16" s="281">
        <v>931</v>
      </c>
      <c r="H16" s="281">
        <v>1003</v>
      </c>
      <c r="I16" s="281">
        <v>597</v>
      </c>
      <c r="J16" s="281">
        <v>358</v>
      </c>
      <c r="K16" s="281">
        <v>88</v>
      </c>
      <c r="L16" s="278">
        <v>2977</v>
      </c>
      <c r="M16" s="283">
        <v>2977</v>
      </c>
      <c r="N16" s="281">
        <v>0</v>
      </c>
      <c r="O16" s="281">
        <v>0</v>
      </c>
      <c r="P16" s="278">
        <v>0</v>
      </c>
      <c r="Q16" s="280">
        <v>0</v>
      </c>
      <c r="R16" s="281">
        <v>13</v>
      </c>
      <c r="S16" s="281">
        <v>28</v>
      </c>
      <c r="T16" s="281">
        <v>82</v>
      </c>
      <c r="U16" s="281">
        <v>47</v>
      </c>
      <c r="V16" s="281">
        <v>79</v>
      </c>
      <c r="W16" s="278">
        <v>249</v>
      </c>
      <c r="X16" s="283">
        <v>249</v>
      </c>
    </row>
    <row r="17" spans="2:24" ht="21" customHeight="1" x14ac:dyDescent="0.2">
      <c r="B17" s="257" t="s">
        <v>15</v>
      </c>
      <c r="C17" s="281">
        <v>0</v>
      </c>
      <c r="D17" s="281">
        <v>0</v>
      </c>
      <c r="E17" s="278">
        <v>0</v>
      </c>
      <c r="F17" s="280">
        <v>0</v>
      </c>
      <c r="G17" s="281">
        <v>902</v>
      </c>
      <c r="H17" s="281">
        <v>1102</v>
      </c>
      <c r="I17" s="281">
        <v>788</v>
      </c>
      <c r="J17" s="281">
        <v>358</v>
      </c>
      <c r="K17" s="281">
        <v>80</v>
      </c>
      <c r="L17" s="278">
        <v>3230</v>
      </c>
      <c r="M17" s="283">
        <v>3230</v>
      </c>
      <c r="N17" s="281">
        <v>0</v>
      </c>
      <c r="O17" s="281">
        <v>0</v>
      </c>
      <c r="P17" s="278">
        <v>0</v>
      </c>
      <c r="Q17" s="280">
        <v>0</v>
      </c>
      <c r="R17" s="281">
        <v>38</v>
      </c>
      <c r="S17" s="281">
        <v>38</v>
      </c>
      <c r="T17" s="281">
        <v>51</v>
      </c>
      <c r="U17" s="281">
        <v>25</v>
      </c>
      <c r="V17" s="281">
        <v>14</v>
      </c>
      <c r="W17" s="278">
        <v>166</v>
      </c>
      <c r="X17" s="283">
        <v>166</v>
      </c>
    </row>
    <row r="18" spans="2:24" ht="21" customHeight="1" x14ac:dyDescent="0.2">
      <c r="B18" s="257" t="s">
        <v>16</v>
      </c>
      <c r="C18" s="281">
        <v>0</v>
      </c>
      <c r="D18" s="281">
        <v>0</v>
      </c>
      <c r="E18" s="278">
        <v>0</v>
      </c>
      <c r="F18" s="280">
        <v>0</v>
      </c>
      <c r="G18" s="281">
        <v>1233</v>
      </c>
      <c r="H18" s="281">
        <v>1448</v>
      </c>
      <c r="I18" s="281">
        <v>1080</v>
      </c>
      <c r="J18" s="281">
        <v>432</v>
      </c>
      <c r="K18" s="281">
        <v>237</v>
      </c>
      <c r="L18" s="278">
        <v>4430</v>
      </c>
      <c r="M18" s="283">
        <v>4430</v>
      </c>
      <c r="N18" s="281">
        <v>0</v>
      </c>
      <c r="O18" s="281">
        <v>0</v>
      </c>
      <c r="P18" s="278">
        <v>0</v>
      </c>
      <c r="Q18" s="280">
        <v>0</v>
      </c>
      <c r="R18" s="281">
        <v>69</v>
      </c>
      <c r="S18" s="281">
        <v>89</v>
      </c>
      <c r="T18" s="281">
        <v>92</v>
      </c>
      <c r="U18" s="281">
        <v>43</v>
      </c>
      <c r="V18" s="281">
        <v>55</v>
      </c>
      <c r="W18" s="278">
        <v>348</v>
      </c>
      <c r="X18" s="283">
        <v>348</v>
      </c>
    </row>
    <row r="19" spans="2:24" ht="21" customHeight="1" x14ac:dyDescent="0.2">
      <c r="B19" s="257" t="s">
        <v>17</v>
      </c>
      <c r="C19" s="281">
        <v>0</v>
      </c>
      <c r="D19" s="281">
        <v>0</v>
      </c>
      <c r="E19" s="278">
        <v>0</v>
      </c>
      <c r="F19" s="280">
        <v>0</v>
      </c>
      <c r="G19" s="281">
        <v>1941</v>
      </c>
      <c r="H19" s="281">
        <v>2505</v>
      </c>
      <c r="I19" s="281">
        <v>1457</v>
      </c>
      <c r="J19" s="281">
        <v>1279</v>
      </c>
      <c r="K19" s="281">
        <v>811</v>
      </c>
      <c r="L19" s="278">
        <v>7993</v>
      </c>
      <c r="M19" s="283">
        <v>7993</v>
      </c>
      <c r="N19" s="281">
        <v>8</v>
      </c>
      <c r="O19" s="281">
        <v>10</v>
      </c>
      <c r="P19" s="278">
        <v>18</v>
      </c>
      <c r="Q19" s="280">
        <v>0</v>
      </c>
      <c r="R19" s="281">
        <v>164</v>
      </c>
      <c r="S19" s="281">
        <v>193</v>
      </c>
      <c r="T19" s="281">
        <v>239</v>
      </c>
      <c r="U19" s="281">
        <v>172</v>
      </c>
      <c r="V19" s="281">
        <v>65</v>
      </c>
      <c r="W19" s="278">
        <v>833</v>
      </c>
      <c r="X19" s="283">
        <v>851</v>
      </c>
    </row>
    <row r="20" spans="2:24" ht="21" customHeight="1" x14ac:dyDescent="0.2">
      <c r="B20" s="257" t="s">
        <v>18</v>
      </c>
      <c r="C20" s="281">
        <v>0</v>
      </c>
      <c r="D20" s="281">
        <v>0</v>
      </c>
      <c r="E20" s="278">
        <v>0</v>
      </c>
      <c r="F20" s="280">
        <v>0</v>
      </c>
      <c r="G20" s="281">
        <v>1954</v>
      </c>
      <c r="H20" s="281">
        <v>1738</v>
      </c>
      <c r="I20" s="281">
        <v>1015</v>
      </c>
      <c r="J20" s="281">
        <v>357</v>
      </c>
      <c r="K20" s="281">
        <v>190</v>
      </c>
      <c r="L20" s="278">
        <v>5254</v>
      </c>
      <c r="M20" s="283">
        <v>5254</v>
      </c>
      <c r="N20" s="281">
        <v>0</v>
      </c>
      <c r="O20" s="281">
        <v>0</v>
      </c>
      <c r="P20" s="278">
        <v>0</v>
      </c>
      <c r="Q20" s="280">
        <v>0</v>
      </c>
      <c r="R20" s="281">
        <v>124</v>
      </c>
      <c r="S20" s="281">
        <v>42</v>
      </c>
      <c r="T20" s="281">
        <v>140</v>
      </c>
      <c r="U20" s="281">
        <v>105</v>
      </c>
      <c r="V20" s="281">
        <v>170</v>
      </c>
      <c r="W20" s="278">
        <v>581</v>
      </c>
      <c r="X20" s="283">
        <v>581</v>
      </c>
    </row>
    <row r="21" spans="2:24" ht="21" customHeight="1" x14ac:dyDescent="0.2">
      <c r="B21" s="257" t="s">
        <v>19</v>
      </c>
      <c r="C21" s="281">
        <v>0</v>
      </c>
      <c r="D21" s="281">
        <v>0</v>
      </c>
      <c r="E21" s="278">
        <v>0</v>
      </c>
      <c r="F21" s="280">
        <v>0</v>
      </c>
      <c r="G21" s="281">
        <v>1134</v>
      </c>
      <c r="H21" s="281">
        <v>948</v>
      </c>
      <c r="I21" s="281">
        <v>556</v>
      </c>
      <c r="J21" s="281">
        <v>178</v>
      </c>
      <c r="K21" s="281">
        <v>107</v>
      </c>
      <c r="L21" s="278">
        <v>2923</v>
      </c>
      <c r="M21" s="283">
        <v>2923</v>
      </c>
      <c r="N21" s="281">
        <v>0</v>
      </c>
      <c r="O21" s="281">
        <v>0</v>
      </c>
      <c r="P21" s="278">
        <v>0</v>
      </c>
      <c r="Q21" s="280">
        <v>0</v>
      </c>
      <c r="R21" s="281">
        <v>82</v>
      </c>
      <c r="S21" s="281">
        <v>230</v>
      </c>
      <c r="T21" s="281">
        <v>175</v>
      </c>
      <c r="U21" s="281">
        <v>21</v>
      </c>
      <c r="V21" s="281">
        <v>32</v>
      </c>
      <c r="W21" s="278">
        <v>540</v>
      </c>
      <c r="X21" s="283">
        <v>540</v>
      </c>
    </row>
    <row r="22" spans="2:24" ht="21" customHeight="1" x14ac:dyDescent="0.2">
      <c r="B22" s="257" t="s">
        <v>20</v>
      </c>
      <c r="C22" s="281">
        <v>0</v>
      </c>
      <c r="D22" s="281">
        <v>0</v>
      </c>
      <c r="E22" s="278">
        <v>0</v>
      </c>
      <c r="F22" s="280">
        <v>0</v>
      </c>
      <c r="G22" s="281">
        <v>1422</v>
      </c>
      <c r="H22" s="281">
        <v>622</v>
      </c>
      <c r="I22" s="281">
        <v>597</v>
      </c>
      <c r="J22" s="281">
        <v>245</v>
      </c>
      <c r="K22" s="281">
        <v>49</v>
      </c>
      <c r="L22" s="278">
        <v>2935</v>
      </c>
      <c r="M22" s="283">
        <v>2935</v>
      </c>
      <c r="N22" s="281">
        <v>0</v>
      </c>
      <c r="O22" s="281">
        <v>0</v>
      </c>
      <c r="P22" s="278">
        <v>0</v>
      </c>
      <c r="Q22" s="280">
        <v>0</v>
      </c>
      <c r="R22" s="281">
        <v>8</v>
      </c>
      <c r="S22" s="281">
        <v>30</v>
      </c>
      <c r="T22" s="281">
        <v>45</v>
      </c>
      <c r="U22" s="281">
        <v>0</v>
      </c>
      <c r="V22" s="281">
        <v>8</v>
      </c>
      <c r="W22" s="278">
        <v>91</v>
      </c>
      <c r="X22" s="283">
        <v>91</v>
      </c>
    </row>
    <row r="23" spans="2:24" ht="21" customHeight="1" x14ac:dyDescent="0.2">
      <c r="B23" s="257" t="s">
        <v>21</v>
      </c>
      <c r="C23" s="281">
        <v>0</v>
      </c>
      <c r="D23" s="281">
        <v>0</v>
      </c>
      <c r="E23" s="278">
        <v>0</v>
      </c>
      <c r="F23" s="280">
        <v>0</v>
      </c>
      <c r="G23" s="281">
        <v>1247</v>
      </c>
      <c r="H23" s="281">
        <v>1597</v>
      </c>
      <c r="I23" s="281">
        <v>733</v>
      </c>
      <c r="J23" s="281">
        <v>365</v>
      </c>
      <c r="K23" s="281">
        <v>161</v>
      </c>
      <c r="L23" s="278">
        <v>4103</v>
      </c>
      <c r="M23" s="283">
        <v>4103</v>
      </c>
      <c r="N23" s="281">
        <v>0</v>
      </c>
      <c r="O23" s="281">
        <v>2</v>
      </c>
      <c r="P23" s="278">
        <v>2</v>
      </c>
      <c r="Q23" s="280">
        <v>0</v>
      </c>
      <c r="R23" s="281">
        <v>0</v>
      </c>
      <c r="S23" s="281">
        <v>0</v>
      </c>
      <c r="T23" s="281">
        <v>0</v>
      </c>
      <c r="U23" s="281">
        <v>0</v>
      </c>
      <c r="V23" s="281">
        <v>0</v>
      </c>
      <c r="W23" s="278">
        <v>0</v>
      </c>
      <c r="X23" s="283">
        <v>2</v>
      </c>
    </row>
    <row r="24" spans="2:24" ht="21" customHeight="1" x14ac:dyDescent="0.2">
      <c r="B24" s="257" t="s">
        <v>22</v>
      </c>
      <c r="C24" s="281">
        <v>0</v>
      </c>
      <c r="D24" s="281">
        <v>0</v>
      </c>
      <c r="E24" s="278">
        <v>0</v>
      </c>
      <c r="F24" s="280">
        <v>0</v>
      </c>
      <c r="G24" s="281">
        <v>1096</v>
      </c>
      <c r="H24" s="281">
        <v>929</v>
      </c>
      <c r="I24" s="281">
        <v>390</v>
      </c>
      <c r="J24" s="281">
        <v>272</v>
      </c>
      <c r="K24" s="281">
        <v>106</v>
      </c>
      <c r="L24" s="278">
        <v>2793</v>
      </c>
      <c r="M24" s="283">
        <v>2793</v>
      </c>
      <c r="N24" s="281">
        <v>0</v>
      </c>
      <c r="O24" s="281">
        <v>0</v>
      </c>
      <c r="P24" s="278">
        <v>0</v>
      </c>
      <c r="Q24" s="280">
        <v>0</v>
      </c>
      <c r="R24" s="281">
        <v>74</v>
      </c>
      <c r="S24" s="281">
        <v>33</v>
      </c>
      <c r="T24" s="281">
        <v>48</v>
      </c>
      <c r="U24" s="281">
        <v>27</v>
      </c>
      <c r="V24" s="281">
        <v>19</v>
      </c>
      <c r="W24" s="278">
        <v>201</v>
      </c>
      <c r="X24" s="283">
        <v>201</v>
      </c>
    </row>
    <row r="25" spans="2:24" ht="21" customHeight="1" x14ac:dyDescent="0.2">
      <c r="B25" s="257" t="s">
        <v>23</v>
      </c>
      <c r="C25" s="281">
        <v>0</v>
      </c>
      <c r="D25" s="281">
        <v>0</v>
      </c>
      <c r="E25" s="278">
        <v>0</v>
      </c>
      <c r="F25" s="280">
        <v>0</v>
      </c>
      <c r="G25" s="281">
        <v>453</v>
      </c>
      <c r="H25" s="281">
        <v>332</v>
      </c>
      <c r="I25" s="281">
        <v>172</v>
      </c>
      <c r="J25" s="281">
        <v>155</v>
      </c>
      <c r="K25" s="281">
        <v>46</v>
      </c>
      <c r="L25" s="278">
        <v>1158</v>
      </c>
      <c r="M25" s="283">
        <v>1158</v>
      </c>
      <c r="N25" s="281">
        <v>0</v>
      </c>
      <c r="O25" s="281">
        <v>0</v>
      </c>
      <c r="P25" s="278">
        <v>0</v>
      </c>
      <c r="Q25" s="280">
        <v>0</v>
      </c>
      <c r="R25" s="281">
        <v>0</v>
      </c>
      <c r="S25" s="281">
        <v>4</v>
      </c>
      <c r="T25" s="281">
        <v>9</v>
      </c>
      <c r="U25" s="281">
        <v>21</v>
      </c>
      <c r="V25" s="281">
        <v>0</v>
      </c>
      <c r="W25" s="278">
        <v>34</v>
      </c>
      <c r="X25" s="283">
        <v>34</v>
      </c>
    </row>
    <row r="26" spans="2:24" ht="21" customHeight="1" x14ac:dyDescent="0.2">
      <c r="B26" s="257" t="s">
        <v>24</v>
      </c>
      <c r="C26" s="281">
        <v>0</v>
      </c>
      <c r="D26" s="281">
        <v>0</v>
      </c>
      <c r="E26" s="278">
        <v>0</v>
      </c>
      <c r="F26" s="280">
        <v>0</v>
      </c>
      <c r="G26" s="281">
        <v>262</v>
      </c>
      <c r="H26" s="281">
        <v>85</v>
      </c>
      <c r="I26" s="281">
        <v>112</v>
      </c>
      <c r="J26" s="281">
        <v>40</v>
      </c>
      <c r="K26" s="281">
        <v>10</v>
      </c>
      <c r="L26" s="278">
        <v>509</v>
      </c>
      <c r="M26" s="283">
        <v>509</v>
      </c>
      <c r="N26" s="281">
        <v>0</v>
      </c>
      <c r="O26" s="281">
        <v>0</v>
      </c>
      <c r="P26" s="278">
        <v>0</v>
      </c>
      <c r="Q26" s="280">
        <v>0</v>
      </c>
      <c r="R26" s="281">
        <v>67</v>
      </c>
      <c r="S26" s="281">
        <v>61</v>
      </c>
      <c r="T26" s="281">
        <v>32</v>
      </c>
      <c r="U26" s="281">
        <v>13</v>
      </c>
      <c r="V26" s="281">
        <v>19</v>
      </c>
      <c r="W26" s="278">
        <v>192</v>
      </c>
      <c r="X26" s="283">
        <v>192</v>
      </c>
    </row>
    <row r="27" spans="2:24" ht="21" customHeight="1" x14ac:dyDescent="0.2">
      <c r="B27" s="257" t="s">
        <v>25</v>
      </c>
      <c r="C27" s="281">
        <v>0</v>
      </c>
      <c r="D27" s="281">
        <v>0</v>
      </c>
      <c r="E27" s="278">
        <v>0</v>
      </c>
      <c r="F27" s="280">
        <v>0</v>
      </c>
      <c r="G27" s="281">
        <v>709</v>
      </c>
      <c r="H27" s="281">
        <v>284</v>
      </c>
      <c r="I27" s="281">
        <v>129</v>
      </c>
      <c r="J27" s="281">
        <v>57</v>
      </c>
      <c r="K27" s="281">
        <v>13</v>
      </c>
      <c r="L27" s="278">
        <v>1192</v>
      </c>
      <c r="M27" s="283">
        <v>1192</v>
      </c>
      <c r="N27" s="281">
        <v>0</v>
      </c>
      <c r="O27" s="281">
        <v>0</v>
      </c>
      <c r="P27" s="278">
        <v>0</v>
      </c>
      <c r="Q27" s="280">
        <v>0</v>
      </c>
      <c r="R27" s="281">
        <v>0</v>
      </c>
      <c r="S27" s="281">
        <v>0</v>
      </c>
      <c r="T27" s="281">
        <v>0</v>
      </c>
      <c r="U27" s="281">
        <v>0</v>
      </c>
      <c r="V27" s="281">
        <v>0</v>
      </c>
      <c r="W27" s="278">
        <v>0</v>
      </c>
      <c r="X27" s="283">
        <v>0</v>
      </c>
    </row>
    <row r="28" spans="2:24" ht="21" customHeight="1" x14ac:dyDescent="0.2">
      <c r="B28" s="257" t="s">
        <v>26</v>
      </c>
      <c r="C28" s="281">
        <v>0</v>
      </c>
      <c r="D28" s="281">
        <v>0</v>
      </c>
      <c r="E28" s="278">
        <v>0</v>
      </c>
      <c r="F28" s="280">
        <v>0</v>
      </c>
      <c r="G28" s="281">
        <v>361</v>
      </c>
      <c r="H28" s="281">
        <v>401</v>
      </c>
      <c r="I28" s="281">
        <v>245</v>
      </c>
      <c r="J28" s="281">
        <v>104</v>
      </c>
      <c r="K28" s="281">
        <v>130</v>
      </c>
      <c r="L28" s="278">
        <v>1241</v>
      </c>
      <c r="M28" s="283">
        <v>1241</v>
      </c>
      <c r="N28" s="281">
        <v>0</v>
      </c>
      <c r="O28" s="281">
        <v>0</v>
      </c>
      <c r="P28" s="278">
        <v>0</v>
      </c>
      <c r="Q28" s="280">
        <v>0</v>
      </c>
      <c r="R28" s="281">
        <v>0</v>
      </c>
      <c r="S28" s="281">
        <v>37</v>
      </c>
      <c r="T28" s="281">
        <v>102</v>
      </c>
      <c r="U28" s="281">
        <v>13</v>
      </c>
      <c r="V28" s="281">
        <v>44</v>
      </c>
      <c r="W28" s="278">
        <v>196</v>
      </c>
      <c r="X28" s="283">
        <v>196</v>
      </c>
    </row>
    <row r="29" spans="2:24" ht="21" customHeight="1" x14ac:dyDescent="0.2">
      <c r="B29" s="257" t="s">
        <v>27</v>
      </c>
      <c r="C29" s="281">
        <v>0</v>
      </c>
      <c r="D29" s="281">
        <v>0</v>
      </c>
      <c r="E29" s="278">
        <v>0</v>
      </c>
      <c r="F29" s="280">
        <v>0</v>
      </c>
      <c r="G29" s="281">
        <v>227</v>
      </c>
      <c r="H29" s="281">
        <v>90</v>
      </c>
      <c r="I29" s="281">
        <v>69</v>
      </c>
      <c r="J29" s="281">
        <v>11</v>
      </c>
      <c r="K29" s="281">
        <v>10</v>
      </c>
      <c r="L29" s="278">
        <v>407</v>
      </c>
      <c r="M29" s="283">
        <v>407</v>
      </c>
      <c r="N29" s="281">
        <v>0</v>
      </c>
      <c r="O29" s="281">
        <v>0</v>
      </c>
      <c r="P29" s="278">
        <v>0</v>
      </c>
      <c r="Q29" s="280">
        <v>0</v>
      </c>
      <c r="R29" s="281">
        <v>20</v>
      </c>
      <c r="S29" s="281">
        <v>20</v>
      </c>
      <c r="T29" s="281">
        <v>14</v>
      </c>
      <c r="U29" s="281">
        <v>21</v>
      </c>
      <c r="V29" s="281">
        <v>0</v>
      </c>
      <c r="W29" s="278">
        <v>75</v>
      </c>
      <c r="X29" s="283">
        <v>75</v>
      </c>
    </row>
    <row r="30" spans="2:24" ht="21" customHeight="1" x14ac:dyDescent="0.2">
      <c r="B30" s="257" t="s">
        <v>28</v>
      </c>
      <c r="C30" s="281">
        <v>0</v>
      </c>
      <c r="D30" s="281">
        <v>0</v>
      </c>
      <c r="E30" s="278">
        <v>0</v>
      </c>
      <c r="F30" s="280">
        <v>0</v>
      </c>
      <c r="G30" s="281">
        <v>164</v>
      </c>
      <c r="H30" s="281">
        <v>120</v>
      </c>
      <c r="I30" s="281">
        <v>12</v>
      </c>
      <c r="J30" s="281">
        <v>27</v>
      </c>
      <c r="K30" s="281">
        <v>9</v>
      </c>
      <c r="L30" s="278">
        <v>332</v>
      </c>
      <c r="M30" s="283">
        <v>332</v>
      </c>
      <c r="N30" s="281">
        <v>0</v>
      </c>
      <c r="O30" s="281">
        <v>0</v>
      </c>
      <c r="P30" s="278">
        <v>0</v>
      </c>
      <c r="Q30" s="280">
        <v>0</v>
      </c>
      <c r="R30" s="281">
        <v>8</v>
      </c>
      <c r="S30" s="281">
        <v>5</v>
      </c>
      <c r="T30" s="281">
        <v>25</v>
      </c>
      <c r="U30" s="281">
        <v>0</v>
      </c>
      <c r="V30" s="281">
        <v>3</v>
      </c>
      <c r="W30" s="278">
        <v>41</v>
      </c>
      <c r="X30" s="283">
        <v>41</v>
      </c>
    </row>
    <row r="31" spans="2:24" ht="21" customHeight="1" x14ac:dyDescent="0.2">
      <c r="B31" s="257" t="s">
        <v>29</v>
      </c>
      <c r="C31" s="281">
        <v>0</v>
      </c>
      <c r="D31" s="281">
        <v>0</v>
      </c>
      <c r="E31" s="278">
        <v>0</v>
      </c>
      <c r="F31" s="280">
        <v>0</v>
      </c>
      <c r="G31" s="281">
        <v>139</v>
      </c>
      <c r="H31" s="281">
        <v>151</v>
      </c>
      <c r="I31" s="281">
        <v>24</v>
      </c>
      <c r="J31" s="281">
        <v>28</v>
      </c>
      <c r="K31" s="281">
        <v>0</v>
      </c>
      <c r="L31" s="278">
        <v>342</v>
      </c>
      <c r="M31" s="283">
        <v>342</v>
      </c>
      <c r="N31" s="281">
        <v>0</v>
      </c>
      <c r="O31" s="281">
        <v>0</v>
      </c>
      <c r="P31" s="278">
        <v>0</v>
      </c>
      <c r="Q31" s="280">
        <v>0</v>
      </c>
      <c r="R31" s="281">
        <v>0</v>
      </c>
      <c r="S31" s="281">
        <v>7</v>
      </c>
      <c r="T31" s="281">
        <v>22</v>
      </c>
      <c r="U31" s="281">
        <v>0</v>
      </c>
      <c r="V31" s="281">
        <v>0</v>
      </c>
      <c r="W31" s="278">
        <v>29</v>
      </c>
      <c r="X31" s="283">
        <v>29</v>
      </c>
    </row>
    <row r="32" spans="2:24" ht="21" customHeight="1" x14ac:dyDescent="0.2">
      <c r="B32" s="257" t="s">
        <v>30</v>
      </c>
      <c r="C32" s="281">
        <v>0</v>
      </c>
      <c r="D32" s="281">
        <v>0</v>
      </c>
      <c r="E32" s="278">
        <v>0</v>
      </c>
      <c r="F32" s="280">
        <v>0</v>
      </c>
      <c r="G32" s="281">
        <v>198</v>
      </c>
      <c r="H32" s="281">
        <v>122</v>
      </c>
      <c r="I32" s="281">
        <v>79</v>
      </c>
      <c r="J32" s="281">
        <v>47</v>
      </c>
      <c r="K32" s="281">
        <v>0</v>
      </c>
      <c r="L32" s="278">
        <v>446</v>
      </c>
      <c r="M32" s="283">
        <v>446</v>
      </c>
      <c r="N32" s="281">
        <v>4</v>
      </c>
      <c r="O32" s="281">
        <v>0</v>
      </c>
      <c r="P32" s="278">
        <v>4</v>
      </c>
      <c r="Q32" s="280">
        <v>0</v>
      </c>
      <c r="R32" s="281">
        <v>9</v>
      </c>
      <c r="S32" s="281">
        <v>13</v>
      </c>
      <c r="T32" s="281">
        <v>13</v>
      </c>
      <c r="U32" s="281">
        <v>0</v>
      </c>
      <c r="V32" s="281">
        <v>0</v>
      </c>
      <c r="W32" s="278">
        <v>35</v>
      </c>
      <c r="X32" s="283">
        <v>39</v>
      </c>
    </row>
    <row r="33" spans="2:24" ht="21" customHeight="1" x14ac:dyDescent="0.2">
      <c r="B33" s="257" t="s">
        <v>31</v>
      </c>
      <c r="C33" s="281">
        <v>0</v>
      </c>
      <c r="D33" s="281">
        <v>0</v>
      </c>
      <c r="E33" s="278">
        <v>0</v>
      </c>
      <c r="F33" s="280">
        <v>0</v>
      </c>
      <c r="G33" s="281">
        <v>236</v>
      </c>
      <c r="H33" s="281">
        <v>125</v>
      </c>
      <c r="I33" s="281">
        <v>100</v>
      </c>
      <c r="J33" s="281">
        <v>13</v>
      </c>
      <c r="K33" s="281">
        <v>3</v>
      </c>
      <c r="L33" s="278">
        <v>477</v>
      </c>
      <c r="M33" s="283">
        <v>477</v>
      </c>
      <c r="N33" s="281">
        <v>0</v>
      </c>
      <c r="O33" s="281">
        <v>0</v>
      </c>
      <c r="P33" s="278">
        <v>0</v>
      </c>
      <c r="Q33" s="280">
        <v>0</v>
      </c>
      <c r="R33" s="281">
        <v>0</v>
      </c>
      <c r="S33" s="281">
        <v>0</v>
      </c>
      <c r="T33" s="281">
        <v>16</v>
      </c>
      <c r="U33" s="281">
        <v>0</v>
      </c>
      <c r="V33" s="281">
        <v>18</v>
      </c>
      <c r="W33" s="278">
        <v>34</v>
      </c>
      <c r="X33" s="283">
        <v>34</v>
      </c>
    </row>
    <row r="34" spans="2:24" ht="21" customHeight="1" x14ac:dyDescent="0.2">
      <c r="B34" s="257" t="s">
        <v>32</v>
      </c>
      <c r="C34" s="281">
        <v>0</v>
      </c>
      <c r="D34" s="281">
        <v>0</v>
      </c>
      <c r="E34" s="278">
        <v>0</v>
      </c>
      <c r="F34" s="280">
        <v>0</v>
      </c>
      <c r="G34" s="281">
        <v>340</v>
      </c>
      <c r="H34" s="281">
        <v>288</v>
      </c>
      <c r="I34" s="281">
        <v>72</v>
      </c>
      <c r="J34" s="281">
        <v>30</v>
      </c>
      <c r="K34" s="281">
        <v>2</v>
      </c>
      <c r="L34" s="278">
        <v>732</v>
      </c>
      <c r="M34" s="283">
        <v>732</v>
      </c>
      <c r="N34" s="281">
        <v>0</v>
      </c>
      <c r="O34" s="281">
        <v>0</v>
      </c>
      <c r="P34" s="278">
        <v>0</v>
      </c>
      <c r="Q34" s="280">
        <v>0</v>
      </c>
      <c r="R34" s="281">
        <v>16</v>
      </c>
      <c r="S34" s="281">
        <v>0</v>
      </c>
      <c r="T34" s="281">
        <v>24</v>
      </c>
      <c r="U34" s="281">
        <v>9</v>
      </c>
      <c r="V34" s="281">
        <v>7</v>
      </c>
      <c r="W34" s="278">
        <v>56</v>
      </c>
      <c r="X34" s="283">
        <v>56</v>
      </c>
    </row>
    <row r="35" spans="2:24" ht="21" customHeight="1" x14ac:dyDescent="0.2">
      <c r="B35" s="257" t="s">
        <v>33</v>
      </c>
      <c r="C35" s="281">
        <v>0</v>
      </c>
      <c r="D35" s="281">
        <v>0</v>
      </c>
      <c r="E35" s="278">
        <v>0</v>
      </c>
      <c r="F35" s="280">
        <v>0</v>
      </c>
      <c r="G35" s="281">
        <v>259</v>
      </c>
      <c r="H35" s="281">
        <v>98</v>
      </c>
      <c r="I35" s="281">
        <v>51</v>
      </c>
      <c r="J35" s="281">
        <v>41</v>
      </c>
      <c r="K35" s="281">
        <v>22</v>
      </c>
      <c r="L35" s="278">
        <v>471</v>
      </c>
      <c r="M35" s="283">
        <v>471</v>
      </c>
      <c r="N35" s="281">
        <v>0</v>
      </c>
      <c r="O35" s="281">
        <v>0</v>
      </c>
      <c r="P35" s="278">
        <v>0</v>
      </c>
      <c r="Q35" s="280">
        <v>0</v>
      </c>
      <c r="R35" s="281">
        <v>0</v>
      </c>
      <c r="S35" s="281">
        <v>0</v>
      </c>
      <c r="T35" s="281">
        <v>0</v>
      </c>
      <c r="U35" s="281">
        <v>0</v>
      </c>
      <c r="V35" s="281">
        <v>0</v>
      </c>
      <c r="W35" s="278">
        <v>0</v>
      </c>
      <c r="X35" s="283">
        <v>0</v>
      </c>
    </row>
    <row r="36" spans="2:24" ht="21" customHeight="1" x14ac:dyDescent="0.2">
      <c r="B36" s="257" t="s">
        <v>34</v>
      </c>
      <c r="C36" s="281">
        <v>0</v>
      </c>
      <c r="D36" s="281">
        <v>0</v>
      </c>
      <c r="E36" s="278">
        <v>0</v>
      </c>
      <c r="F36" s="280">
        <v>0</v>
      </c>
      <c r="G36" s="281">
        <v>146</v>
      </c>
      <c r="H36" s="281">
        <v>43</v>
      </c>
      <c r="I36" s="281">
        <v>44</v>
      </c>
      <c r="J36" s="281">
        <v>7</v>
      </c>
      <c r="K36" s="281">
        <v>0</v>
      </c>
      <c r="L36" s="278">
        <v>240</v>
      </c>
      <c r="M36" s="283">
        <v>240</v>
      </c>
      <c r="N36" s="281">
        <v>0</v>
      </c>
      <c r="O36" s="281">
        <v>0</v>
      </c>
      <c r="P36" s="278">
        <v>0</v>
      </c>
      <c r="Q36" s="280">
        <v>0</v>
      </c>
      <c r="R36" s="281">
        <v>0</v>
      </c>
      <c r="S36" s="281">
        <v>0</v>
      </c>
      <c r="T36" s="281">
        <v>0</v>
      </c>
      <c r="U36" s="281">
        <v>8</v>
      </c>
      <c r="V36" s="281">
        <v>0</v>
      </c>
      <c r="W36" s="278">
        <v>8</v>
      </c>
      <c r="X36" s="283">
        <v>8</v>
      </c>
    </row>
    <row r="37" spans="2:24" ht="21" customHeight="1" x14ac:dyDescent="0.2">
      <c r="B37" s="257" t="s">
        <v>35</v>
      </c>
      <c r="C37" s="281">
        <v>0</v>
      </c>
      <c r="D37" s="281">
        <v>0</v>
      </c>
      <c r="E37" s="278">
        <v>0</v>
      </c>
      <c r="F37" s="280">
        <v>0</v>
      </c>
      <c r="G37" s="281">
        <v>157</v>
      </c>
      <c r="H37" s="281">
        <v>275</v>
      </c>
      <c r="I37" s="281">
        <v>134</v>
      </c>
      <c r="J37" s="281">
        <v>133</v>
      </c>
      <c r="K37" s="281">
        <v>23</v>
      </c>
      <c r="L37" s="278">
        <v>722</v>
      </c>
      <c r="M37" s="283">
        <v>722</v>
      </c>
      <c r="N37" s="281">
        <v>0</v>
      </c>
      <c r="O37" s="281">
        <v>0</v>
      </c>
      <c r="P37" s="278">
        <v>0</v>
      </c>
      <c r="Q37" s="280">
        <v>0</v>
      </c>
      <c r="R37" s="281">
        <v>0</v>
      </c>
      <c r="S37" s="281">
        <v>0</v>
      </c>
      <c r="T37" s="281">
        <v>0</v>
      </c>
      <c r="U37" s="281">
        <v>0</v>
      </c>
      <c r="V37" s="281">
        <v>0</v>
      </c>
      <c r="W37" s="278">
        <v>0</v>
      </c>
      <c r="X37" s="283">
        <v>0</v>
      </c>
    </row>
    <row r="38" spans="2:24" ht="21" customHeight="1" x14ac:dyDescent="0.2">
      <c r="B38" s="257" t="s">
        <v>36</v>
      </c>
      <c r="C38" s="281">
        <v>0</v>
      </c>
      <c r="D38" s="281">
        <v>0</v>
      </c>
      <c r="E38" s="278">
        <v>0</v>
      </c>
      <c r="F38" s="280">
        <v>0</v>
      </c>
      <c r="G38" s="281">
        <v>365</v>
      </c>
      <c r="H38" s="281">
        <v>428</v>
      </c>
      <c r="I38" s="281">
        <v>409</v>
      </c>
      <c r="J38" s="281">
        <v>224</v>
      </c>
      <c r="K38" s="281">
        <v>148</v>
      </c>
      <c r="L38" s="278">
        <v>1574</v>
      </c>
      <c r="M38" s="283">
        <v>1574</v>
      </c>
      <c r="N38" s="281">
        <v>0</v>
      </c>
      <c r="O38" s="281">
        <v>0</v>
      </c>
      <c r="P38" s="278">
        <v>0</v>
      </c>
      <c r="Q38" s="280">
        <v>0</v>
      </c>
      <c r="R38" s="281">
        <v>0</v>
      </c>
      <c r="S38" s="281">
        <v>0</v>
      </c>
      <c r="T38" s="281">
        <v>0</v>
      </c>
      <c r="U38" s="281">
        <v>0</v>
      </c>
      <c r="V38" s="281">
        <v>0</v>
      </c>
      <c r="W38" s="278">
        <v>0</v>
      </c>
      <c r="X38" s="283">
        <v>0</v>
      </c>
    </row>
    <row r="39" spans="2:24" ht="21" customHeight="1" thickBot="1" x14ac:dyDescent="0.25">
      <c r="B39" s="258" t="s">
        <v>37</v>
      </c>
      <c r="C39" s="288">
        <v>0</v>
      </c>
      <c r="D39" s="288">
        <v>0</v>
      </c>
      <c r="E39" s="285">
        <v>0</v>
      </c>
      <c r="F39" s="287">
        <v>0</v>
      </c>
      <c r="G39" s="288">
        <v>131</v>
      </c>
      <c r="H39" s="288">
        <v>64</v>
      </c>
      <c r="I39" s="288">
        <v>76</v>
      </c>
      <c r="J39" s="288">
        <v>0</v>
      </c>
      <c r="K39" s="288">
        <v>22</v>
      </c>
      <c r="L39" s="285">
        <v>293</v>
      </c>
      <c r="M39" s="290">
        <v>293</v>
      </c>
      <c r="N39" s="288">
        <v>0</v>
      </c>
      <c r="O39" s="288">
        <v>0</v>
      </c>
      <c r="P39" s="285">
        <v>0</v>
      </c>
      <c r="Q39" s="287">
        <v>0</v>
      </c>
      <c r="R39" s="288">
        <v>0</v>
      </c>
      <c r="S39" s="288">
        <v>0</v>
      </c>
      <c r="T39" s="288">
        <v>18</v>
      </c>
      <c r="U39" s="288">
        <v>0</v>
      </c>
      <c r="V39" s="288">
        <v>16</v>
      </c>
      <c r="W39" s="285">
        <v>34</v>
      </c>
      <c r="X39" s="290">
        <v>34</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 style="256" customWidth="1"/>
    <col min="6" max="6" width="7.77734375" style="256" customWidth="1"/>
    <col min="7" max="7" width="10.77734375" style="256" customWidth="1"/>
    <col min="8" max="16" width="9" style="256"/>
    <col min="17" max="17" width="7.6640625" style="256" customWidth="1"/>
    <col min="18" max="16384" width="9" style="256"/>
  </cols>
  <sheetData>
    <row r="1" spans="2:24" ht="24" customHeight="1" x14ac:dyDescent="0.2">
      <c r="B1" s="291" t="s">
        <v>125</v>
      </c>
      <c r="H1" s="528">
        <f>第１表!F2</f>
        <v>4</v>
      </c>
      <c r="I1" s="528"/>
      <c r="J1" s="248">
        <f>第１表!G2</f>
        <v>9</v>
      </c>
      <c r="K1" s="529">
        <f>IF(J1&lt;3,J1+12-2,J1-2)</f>
        <v>7</v>
      </c>
      <c r="L1" s="529"/>
    </row>
    <row r="2" spans="2:24" ht="24" customHeight="1" thickBot="1" x14ac:dyDescent="0.25">
      <c r="B2" s="291" t="s">
        <v>135</v>
      </c>
    </row>
    <row r="3" spans="2:24" ht="18.75" customHeight="1" x14ac:dyDescent="0.2">
      <c r="B3" s="532"/>
      <c r="C3" s="533" t="s">
        <v>143</v>
      </c>
      <c r="D3" s="533"/>
      <c r="E3" s="533"/>
      <c r="F3" s="533"/>
      <c r="G3" s="533"/>
      <c r="H3" s="533"/>
      <c r="I3" s="533"/>
      <c r="J3" s="533"/>
      <c r="K3" s="533"/>
      <c r="L3" s="533"/>
      <c r="M3" s="565"/>
      <c r="N3" s="533" t="s">
        <v>113</v>
      </c>
      <c r="O3" s="533"/>
      <c r="P3" s="533"/>
      <c r="Q3" s="533"/>
      <c r="R3" s="533"/>
      <c r="S3" s="533"/>
      <c r="T3" s="533"/>
      <c r="U3" s="533"/>
      <c r="V3" s="533"/>
      <c r="W3" s="533"/>
      <c r="X3" s="565"/>
    </row>
    <row r="4" spans="2:24" ht="18.75" customHeight="1" x14ac:dyDescent="0.2">
      <c r="B4" s="571"/>
      <c r="C4" s="566" t="s">
        <v>61</v>
      </c>
      <c r="D4" s="566"/>
      <c r="E4" s="567"/>
      <c r="F4" s="568" t="s">
        <v>62</v>
      </c>
      <c r="G4" s="566"/>
      <c r="H4" s="566"/>
      <c r="I4" s="566"/>
      <c r="J4" s="566"/>
      <c r="K4" s="566"/>
      <c r="L4" s="569"/>
      <c r="M4" s="570" t="s">
        <v>52</v>
      </c>
      <c r="N4" s="566" t="s">
        <v>61</v>
      </c>
      <c r="O4" s="566"/>
      <c r="P4" s="567"/>
      <c r="Q4" s="568" t="s">
        <v>62</v>
      </c>
      <c r="R4" s="566"/>
      <c r="S4" s="566"/>
      <c r="T4" s="566"/>
      <c r="U4" s="566"/>
      <c r="V4" s="566"/>
      <c r="W4" s="569"/>
      <c r="X4" s="570" t="s">
        <v>52</v>
      </c>
    </row>
    <row r="5" spans="2:24" ht="27" thickBot="1" x14ac:dyDescent="0.25">
      <c r="B5" s="572"/>
      <c r="C5" s="260" t="s">
        <v>43</v>
      </c>
      <c r="D5" s="260" t="s">
        <v>44</v>
      </c>
      <c r="E5" s="266" t="s">
        <v>45</v>
      </c>
      <c r="F5" s="268" t="s">
        <v>83</v>
      </c>
      <c r="G5" s="260" t="s">
        <v>47</v>
      </c>
      <c r="H5" s="260" t="s">
        <v>48</v>
      </c>
      <c r="I5" s="260" t="s">
        <v>49</v>
      </c>
      <c r="J5" s="260" t="s">
        <v>50</v>
      </c>
      <c r="K5" s="260" t="s">
        <v>51</v>
      </c>
      <c r="L5" s="266" t="s">
        <v>45</v>
      </c>
      <c r="M5" s="531"/>
      <c r="N5" s="260" t="s">
        <v>43</v>
      </c>
      <c r="O5" s="260" t="s">
        <v>44</v>
      </c>
      <c r="P5" s="266" t="s">
        <v>45</v>
      </c>
      <c r="Q5" s="268" t="s">
        <v>83</v>
      </c>
      <c r="R5" s="260" t="s">
        <v>47</v>
      </c>
      <c r="S5" s="260" t="s">
        <v>48</v>
      </c>
      <c r="T5" s="260" t="s">
        <v>49</v>
      </c>
      <c r="U5" s="260" t="s">
        <v>50</v>
      </c>
      <c r="V5" s="260" t="s">
        <v>51</v>
      </c>
      <c r="W5" s="266" t="s">
        <v>45</v>
      </c>
      <c r="X5" s="531"/>
    </row>
    <row r="6" spans="2:24" ht="21" customHeight="1" x14ac:dyDescent="0.2">
      <c r="B6" s="259" t="s">
        <v>4</v>
      </c>
      <c r="C6" s="274">
        <v>0</v>
      </c>
      <c r="D6" s="274">
        <v>0</v>
      </c>
      <c r="E6" s="271">
        <v>0</v>
      </c>
      <c r="F6" s="273">
        <v>0</v>
      </c>
      <c r="G6" s="274">
        <v>6678</v>
      </c>
      <c r="H6" s="274">
        <v>5449</v>
      </c>
      <c r="I6" s="274">
        <v>3477</v>
      </c>
      <c r="J6" s="274">
        <v>1708</v>
      </c>
      <c r="K6" s="274">
        <v>606</v>
      </c>
      <c r="L6" s="271">
        <v>17918</v>
      </c>
      <c r="M6" s="276">
        <v>17918</v>
      </c>
      <c r="N6" s="274">
        <v>4</v>
      </c>
      <c r="O6" s="274">
        <v>12</v>
      </c>
      <c r="P6" s="271">
        <v>16</v>
      </c>
      <c r="Q6" s="273">
        <v>0</v>
      </c>
      <c r="R6" s="274">
        <v>694</v>
      </c>
      <c r="S6" s="274">
        <v>692</v>
      </c>
      <c r="T6" s="274">
        <v>865</v>
      </c>
      <c r="U6" s="274">
        <v>288</v>
      </c>
      <c r="V6" s="274">
        <v>244</v>
      </c>
      <c r="W6" s="271">
        <v>2783</v>
      </c>
      <c r="X6" s="276">
        <v>2799</v>
      </c>
    </row>
    <row r="7" spans="2:24" ht="21" customHeight="1" x14ac:dyDescent="0.2">
      <c r="B7" s="257" t="s">
        <v>5</v>
      </c>
      <c r="C7" s="281">
        <v>0</v>
      </c>
      <c r="D7" s="281">
        <v>0</v>
      </c>
      <c r="E7" s="278">
        <v>0</v>
      </c>
      <c r="F7" s="280">
        <v>0</v>
      </c>
      <c r="G7" s="281">
        <v>2570</v>
      </c>
      <c r="H7" s="281">
        <v>2517</v>
      </c>
      <c r="I7" s="281">
        <v>1741</v>
      </c>
      <c r="J7" s="281">
        <v>932</v>
      </c>
      <c r="K7" s="281">
        <v>287</v>
      </c>
      <c r="L7" s="278">
        <v>8047</v>
      </c>
      <c r="M7" s="283">
        <v>8047</v>
      </c>
      <c r="N7" s="281">
        <v>0</v>
      </c>
      <c r="O7" s="281">
        <v>12</v>
      </c>
      <c r="P7" s="278">
        <v>12</v>
      </c>
      <c r="Q7" s="280">
        <v>0</v>
      </c>
      <c r="R7" s="281">
        <v>323</v>
      </c>
      <c r="S7" s="281">
        <v>387</v>
      </c>
      <c r="T7" s="281">
        <v>488</v>
      </c>
      <c r="U7" s="281">
        <v>169</v>
      </c>
      <c r="V7" s="281">
        <v>160</v>
      </c>
      <c r="W7" s="278">
        <v>1527</v>
      </c>
      <c r="X7" s="283">
        <v>1539</v>
      </c>
    </row>
    <row r="8" spans="2:24" ht="21" customHeight="1" x14ac:dyDescent="0.2">
      <c r="B8" s="257" t="s">
        <v>6</v>
      </c>
      <c r="C8" s="281">
        <v>0</v>
      </c>
      <c r="D8" s="281">
        <v>0</v>
      </c>
      <c r="E8" s="278">
        <v>0</v>
      </c>
      <c r="F8" s="280">
        <v>0</v>
      </c>
      <c r="G8" s="281">
        <v>746</v>
      </c>
      <c r="H8" s="281">
        <v>476</v>
      </c>
      <c r="I8" s="281">
        <v>391</v>
      </c>
      <c r="J8" s="281">
        <v>189</v>
      </c>
      <c r="K8" s="281">
        <v>110</v>
      </c>
      <c r="L8" s="278">
        <v>1912</v>
      </c>
      <c r="M8" s="283">
        <v>1912</v>
      </c>
      <c r="N8" s="281">
        <v>0</v>
      </c>
      <c r="O8" s="281">
        <v>0</v>
      </c>
      <c r="P8" s="278">
        <v>0</v>
      </c>
      <c r="Q8" s="280">
        <v>0</v>
      </c>
      <c r="R8" s="281">
        <v>141</v>
      </c>
      <c r="S8" s="281">
        <v>115</v>
      </c>
      <c r="T8" s="281">
        <v>143</v>
      </c>
      <c r="U8" s="281">
        <v>47</v>
      </c>
      <c r="V8" s="281">
        <v>38</v>
      </c>
      <c r="W8" s="278">
        <v>484</v>
      </c>
      <c r="X8" s="283">
        <v>484</v>
      </c>
    </row>
    <row r="9" spans="2:24" ht="21" customHeight="1" x14ac:dyDescent="0.2">
      <c r="B9" s="257" t="s">
        <v>14</v>
      </c>
      <c r="C9" s="281">
        <v>0</v>
      </c>
      <c r="D9" s="281">
        <v>0</v>
      </c>
      <c r="E9" s="278">
        <v>0</v>
      </c>
      <c r="F9" s="280">
        <v>0</v>
      </c>
      <c r="G9" s="281">
        <v>566</v>
      </c>
      <c r="H9" s="281">
        <v>554</v>
      </c>
      <c r="I9" s="281">
        <v>347</v>
      </c>
      <c r="J9" s="281">
        <v>139</v>
      </c>
      <c r="K9" s="281">
        <v>31</v>
      </c>
      <c r="L9" s="278">
        <v>1637</v>
      </c>
      <c r="M9" s="283">
        <v>1637</v>
      </c>
      <c r="N9" s="281">
        <v>0</v>
      </c>
      <c r="O9" s="281">
        <v>0</v>
      </c>
      <c r="P9" s="278">
        <v>0</v>
      </c>
      <c r="Q9" s="280">
        <v>0</v>
      </c>
      <c r="R9" s="281">
        <v>8</v>
      </c>
      <c r="S9" s="281">
        <v>8</v>
      </c>
      <c r="T9" s="281">
        <v>5</v>
      </c>
      <c r="U9" s="281">
        <v>8</v>
      </c>
      <c r="V9" s="281">
        <v>0</v>
      </c>
      <c r="W9" s="278">
        <v>29</v>
      </c>
      <c r="X9" s="283">
        <v>29</v>
      </c>
    </row>
    <row r="10" spans="2:24" ht="21" customHeight="1" x14ac:dyDescent="0.2">
      <c r="B10" s="257" t="s">
        <v>7</v>
      </c>
      <c r="C10" s="281">
        <v>0</v>
      </c>
      <c r="D10" s="281">
        <v>0</v>
      </c>
      <c r="E10" s="278">
        <v>0</v>
      </c>
      <c r="F10" s="280">
        <v>0</v>
      </c>
      <c r="G10" s="281">
        <v>643</v>
      </c>
      <c r="H10" s="281">
        <v>301</v>
      </c>
      <c r="I10" s="281">
        <v>150</v>
      </c>
      <c r="J10" s="281">
        <v>50</v>
      </c>
      <c r="K10" s="281">
        <v>21</v>
      </c>
      <c r="L10" s="278">
        <v>1165</v>
      </c>
      <c r="M10" s="283">
        <v>1165</v>
      </c>
      <c r="N10" s="281">
        <v>0</v>
      </c>
      <c r="O10" s="281">
        <v>0</v>
      </c>
      <c r="P10" s="278">
        <v>0</v>
      </c>
      <c r="Q10" s="280">
        <v>0</v>
      </c>
      <c r="R10" s="281">
        <v>88</v>
      </c>
      <c r="S10" s="281">
        <v>88</v>
      </c>
      <c r="T10" s="281">
        <v>56</v>
      </c>
      <c r="U10" s="281">
        <v>25</v>
      </c>
      <c r="V10" s="281">
        <v>12</v>
      </c>
      <c r="W10" s="278">
        <v>269</v>
      </c>
      <c r="X10" s="283">
        <v>269</v>
      </c>
    </row>
    <row r="11" spans="2:24" ht="21" customHeight="1" x14ac:dyDescent="0.2">
      <c r="B11" s="257" t="s">
        <v>8</v>
      </c>
      <c r="C11" s="281">
        <v>0</v>
      </c>
      <c r="D11" s="281">
        <v>0</v>
      </c>
      <c r="E11" s="278">
        <v>0</v>
      </c>
      <c r="F11" s="280">
        <v>0</v>
      </c>
      <c r="G11" s="281">
        <v>279</v>
      </c>
      <c r="H11" s="281">
        <v>202</v>
      </c>
      <c r="I11" s="281">
        <v>83</v>
      </c>
      <c r="J11" s="281">
        <v>22</v>
      </c>
      <c r="K11" s="281">
        <v>21</v>
      </c>
      <c r="L11" s="278">
        <v>607</v>
      </c>
      <c r="M11" s="283">
        <v>607</v>
      </c>
      <c r="N11" s="281">
        <v>0</v>
      </c>
      <c r="O11" s="281">
        <v>0</v>
      </c>
      <c r="P11" s="278">
        <v>0</v>
      </c>
      <c r="Q11" s="280">
        <v>0</v>
      </c>
      <c r="R11" s="281">
        <v>0</v>
      </c>
      <c r="S11" s="281">
        <v>0</v>
      </c>
      <c r="T11" s="281">
        <v>21</v>
      </c>
      <c r="U11" s="281">
        <v>0</v>
      </c>
      <c r="V11" s="281">
        <v>0</v>
      </c>
      <c r="W11" s="278">
        <v>21</v>
      </c>
      <c r="X11" s="283">
        <v>21</v>
      </c>
    </row>
    <row r="12" spans="2:24" ht="21" customHeight="1" x14ac:dyDescent="0.2">
      <c r="B12" s="257" t="s">
        <v>9</v>
      </c>
      <c r="C12" s="281">
        <v>0</v>
      </c>
      <c r="D12" s="281">
        <v>0</v>
      </c>
      <c r="E12" s="278">
        <v>0</v>
      </c>
      <c r="F12" s="280">
        <v>0</v>
      </c>
      <c r="G12" s="281">
        <v>277</v>
      </c>
      <c r="H12" s="281">
        <v>187</v>
      </c>
      <c r="I12" s="281">
        <v>142</v>
      </c>
      <c r="J12" s="281">
        <v>89</v>
      </c>
      <c r="K12" s="281">
        <v>23</v>
      </c>
      <c r="L12" s="278">
        <v>718</v>
      </c>
      <c r="M12" s="283">
        <v>718</v>
      </c>
      <c r="N12" s="281">
        <v>0</v>
      </c>
      <c r="O12" s="281">
        <v>0</v>
      </c>
      <c r="P12" s="278">
        <v>0</v>
      </c>
      <c r="Q12" s="280">
        <v>0</v>
      </c>
      <c r="R12" s="281">
        <v>0</v>
      </c>
      <c r="S12" s="281">
        <v>8</v>
      </c>
      <c r="T12" s="281">
        <v>9</v>
      </c>
      <c r="U12" s="281">
        <v>13</v>
      </c>
      <c r="V12" s="281">
        <v>0</v>
      </c>
      <c r="W12" s="278">
        <v>30</v>
      </c>
      <c r="X12" s="283">
        <v>30</v>
      </c>
    </row>
    <row r="13" spans="2:24" ht="21" customHeight="1" x14ac:dyDescent="0.2">
      <c r="B13" s="257" t="s">
        <v>10</v>
      </c>
      <c r="C13" s="281">
        <v>0</v>
      </c>
      <c r="D13" s="281">
        <v>0</v>
      </c>
      <c r="E13" s="278">
        <v>0</v>
      </c>
      <c r="F13" s="280">
        <v>0</v>
      </c>
      <c r="G13" s="281">
        <v>329</v>
      </c>
      <c r="H13" s="281">
        <v>164</v>
      </c>
      <c r="I13" s="281">
        <v>37</v>
      </c>
      <c r="J13" s="281">
        <v>13</v>
      </c>
      <c r="K13" s="281">
        <v>8</v>
      </c>
      <c r="L13" s="278">
        <v>551</v>
      </c>
      <c r="M13" s="283">
        <v>551</v>
      </c>
      <c r="N13" s="281">
        <v>0</v>
      </c>
      <c r="O13" s="281">
        <v>0</v>
      </c>
      <c r="P13" s="278">
        <v>0</v>
      </c>
      <c r="Q13" s="280">
        <v>0</v>
      </c>
      <c r="R13" s="281">
        <v>23</v>
      </c>
      <c r="S13" s="281">
        <v>18</v>
      </c>
      <c r="T13" s="281">
        <v>24</v>
      </c>
      <c r="U13" s="281">
        <v>0</v>
      </c>
      <c r="V13" s="281">
        <v>4</v>
      </c>
      <c r="W13" s="278">
        <v>69</v>
      </c>
      <c r="X13" s="283">
        <v>69</v>
      </c>
    </row>
    <row r="14" spans="2:24" ht="21" customHeight="1" x14ac:dyDescent="0.2">
      <c r="B14" s="257" t="s">
        <v>11</v>
      </c>
      <c r="C14" s="281">
        <v>0</v>
      </c>
      <c r="D14" s="281">
        <v>0</v>
      </c>
      <c r="E14" s="278">
        <v>0</v>
      </c>
      <c r="F14" s="280">
        <v>0</v>
      </c>
      <c r="G14" s="281">
        <v>223</v>
      </c>
      <c r="H14" s="281">
        <v>59</v>
      </c>
      <c r="I14" s="281">
        <v>131</v>
      </c>
      <c r="J14" s="281">
        <v>26</v>
      </c>
      <c r="K14" s="281">
        <v>21</v>
      </c>
      <c r="L14" s="278">
        <v>460</v>
      </c>
      <c r="M14" s="283">
        <v>460</v>
      </c>
      <c r="N14" s="281">
        <v>0</v>
      </c>
      <c r="O14" s="281">
        <v>0</v>
      </c>
      <c r="P14" s="278">
        <v>0</v>
      </c>
      <c r="Q14" s="280">
        <v>0</v>
      </c>
      <c r="R14" s="281">
        <v>22</v>
      </c>
      <c r="S14" s="281">
        <v>21</v>
      </c>
      <c r="T14" s="281">
        <v>26</v>
      </c>
      <c r="U14" s="281">
        <v>0</v>
      </c>
      <c r="V14" s="281">
        <v>0</v>
      </c>
      <c r="W14" s="278">
        <v>69</v>
      </c>
      <c r="X14" s="283">
        <v>69</v>
      </c>
    </row>
    <row r="15" spans="2:24" ht="21" customHeight="1" x14ac:dyDescent="0.2">
      <c r="B15" s="257" t="s">
        <v>12</v>
      </c>
      <c r="C15" s="281">
        <v>0</v>
      </c>
      <c r="D15" s="281">
        <v>0</v>
      </c>
      <c r="E15" s="278">
        <v>0</v>
      </c>
      <c r="F15" s="280">
        <v>0</v>
      </c>
      <c r="G15" s="281">
        <v>206</v>
      </c>
      <c r="H15" s="281">
        <v>167</v>
      </c>
      <c r="I15" s="281">
        <v>129</v>
      </c>
      <c r="J15" s="281">
        <v>8</v>
      </c>
      <c r="K15" s="281">
        <v>14</v>
      </c>
      <c r="L15" s="278">
        <v>524</v>
      </c>
      <c r="M15" s="283">
        <v>524</v>
      </c>
      <c r="N15" s="281">
        <v>0</v>
      </c>
      <c r="O15" s="281">
        <v>0</v>
      </c>
      <c r="P15" s="278">
        <v>0</v>
      </c>
      <c r="Q15" s="280">
        <v>0</v>
      </c>
      <c r="R15" s="281">
        <v>0</v>
      </c>
      <c r="S15" s="281">
        <v>0</v>
      </c>
      <c r="T15" s="281">
        <v>0</v>
      </c>
      <c r="U15" s="281">
        <v>0</v>
      </c>
      <c r="V15" s="281">
        <v>0</v>
      </c>
      <c r="W15" s="278">
        <v>0</v>
      </c>
      <c r="X15" s="283">
        <v>0</v>
      </c>
    </row>
    <row r="16" spans="2:24" ht="21" customHeight="1" x14ac:dyDescent="0.2">
      <c r="B16" s="257" t="s">
        <v>13</v>
      </c>
      <c r="C16" s="281">
        <v>0</v>
      </c>
      <c r="D16" s="281">
        <v>0</v>
      </c>
      <c r="E16" s="278">
        <v>0</v>
      </c>
      <c r="F16" s="280">
        <v>0</v>
      </c>
      <c r="G16" s="281">
        <v>54</v>
      </c>
      <c r="H16" s="281">
        <v>79</v>
      </c>
      <c r="I16" s="281">
        <v>11</v>
      </c>
      <c r="J16" s="281">
        <v>1</v>
      </c>
      <c r="K16" s="281">
        <v>8</v>
      </c>
      <c r="L16" s="278">
        <v>153</v>
      </c>
      <c r="M16" s="283">
        <v>153</v>
      </c>
      <c r="N16" s="281">
        <v>0</v>
      </c>
      <c r="O16" s="281">
        <v>0</v>
      </c>
      <c r="P16" s="278">
        <v>0</v>
      </c>
      <c r="Q16" s="280">
        <v>0</v>
      </c>
      <c r="R16" s="281">
        <v>0</v>
      </c>
      <c r="S16" s="281">
        <v>4</v>
      </c>
      <c r="T16" s="281">
        <v>26</v>
      </c>
      <c r="U16" s="281">
        <v>4</v>
      </c>
      <c r="V16" s="281">
        <v>3</v>
      </c>
      <c r="W16" s="278">
        <v>37</v>
      </c>
      <c r="X16" s="283">
        <v>37</v>
      </c>
    </row>
    <row r="17" spans="2:24" ht="21" customHeight="1" x14ac:dyDescent="0.2">
      <c r="B17" s="257" t="s">
        <v>15</v>
      </c>
      <c r="C17" s="281">
        <v>0</v>
      </c>
      <c r="D17" s="281">
        <v>0</v>
      </c>
      <c r="E17" s="278">
        <v>0</v>
      </c>
      <c r="F17" s="280">
        <v>0</v>
      </c>
      <c r="G17" s="281">
        <v>26</v>
      </c>
      <c r="H17" s="281">
        <v>63</v>
      </c>
      <c r="I17" s="281">
        <v>19</v>
      </c>
      <c r="J17" s="281">
        <v>16</v>
      </c>
      <c r="K17" s="281">
        <v>10</v>
      </c>
      <c r="L17" s="278">
        <v>134</v>
      </c>
      <c r="M17" s="283">
        <v>134</v>
      </c>
      <c r="N17" s="281">
        <v>0</v>
      </c>
      <c r="O17" s="281">
        <v>0</v>
      </c>
      <c r="P17" s="278">
        <v>0</v>
      </c>
      <c r="Q17" s="280">
        <v>0</v>
      </c>
      <c r="R17" s="281">
        <v>0</v>
      </c>
      <c r="S17" s="281">
        <v>3</v>
      </c>
      <c r="T17" s="281">
        <v>0</v>
      </c>
      <c r="U17" s="281">
        <v>0</v>
      </c>
      <c r="V17" s="281">
        <v>0</v>
      </c>
      <c r="W17" s="278">
        <v>3</v>
      </c>
      <c r="X17" s="283">
        <v>3</v>
      </c>
    </row>
    <row r="18" spans="2:24" ht="21" customHeight="1" x14ac:dyDescent="0.2">
      <c r="B18" s="257" t="s">
        <v>16</v>
      </c>
      <c r="C18" s="281">
        <v>0</v>
      </c>
      <c r="D18" s="281">
        <v>0</v>
      </c>
      <c r="E18" s="278">
        <v>0</v>
      </c>
      <c r="F18" s="280">
        <v>0</v>
      </c>
      <c r="G18" s="281">
        <v>48</v>
      </c>
      <c r="H18" s="281">
        <v>111</v>
      </c>
      <c r="I18" s="281">
        <v>27</v>
      </c>
      <c r="J18" s="281">
        <v>16</v>
      </c>
      <c r="K18" s="281">
        <v>0</v>
      </c>
      <c r="L18" s="278">
        <v>202</v>
      </c>
      <c r="M18" s="283">
        <v>202</v>
      </c>
      <c r="N18" s="281">
        <v>0</v>
      </c>
      <c r="O18" s="281">
        <v>0</v>
      </c>
      <c r="P18" s="278">
        <v>0</v>
      </c>
      <c r="Q18" s="280">
        <v>0</v>
      </c>
      <c r="R18" s="281">
        <v>21</v>
      </c>
      <c r="S18" s="281">
        <v>0</v>
      </c>
      <c r="T18" s="281">
        <v>9</v>
      </c>
      <c r="U18" s="281">
        <v>0</v>
      </c>
      <c r="V18" s="281">
        <v>0</v>
      </c>
      <c r="W18" s="278">
        <v>30</v>
      </c>
      <c r="X18" s="283">
        <v>30</v>
      </c>
    </row>
    <row r="19" spans="2:24" ht="21" customHeight="1" x14ac:dyDescent="0.2">
      <c r="B19" s="257" t="s">
        <v>17</v>
      </c>
      <c r="C19" s="281">
        <v>0</v>
      </c>
      <c r="D19" s="281">
        <v>0</v>
      </c>
      <c r="E19" s="278">
        <v>0</v>
      </c>
      <c r="F19" s="280">
        <v>0</v>
      </c>
      <c r="G19" s="281">
        <v>109</v>
      </c>
      <c r="H19" s="281">
        <v>106</v>
      </c>
      <c r="I19" s="281">
        <v>101</v>
      </c>
      <c r="J19" s="281">
        <v>31</v>
      </c>
      <c r="K19" s="281">
        <v>17</v>
      </c>
      <c r="L19" s="278">
        <v>364</v>
      </c>
      <c r="M19" s="283">
        <v>364</v>
      </c>
      <c r="N19" s="281">
        <v>0</v>
      </c>
      <c r="O19" s="281">
        <v>0</v>
      </c>
      <c r="P19" s="278">
        <v>0</v>
      </c>
      <c r="Q19" s="280">
        <v>0</v>
      </c>
      <c r="R19" s="281">
        <v>18</v>
      </c>
      <c r="S19" s="281">
        <v>0</v>
      </c>
      <c r="T19" s="281">
        <v>5</v>
      </c>
      <c r="U19" s="281">
        <v>0</v>
      </c>
      <c r="V19" s="281">
        <v>16</v>
      </c>
      <c r="W19" s="278">
        <v>39</v>
      </c>
      <c r="X19" s="283">
        <v>39</v>
      </c>
    </row>
    <row r="20" spans="2:24" ht="21" customHeight="1" x14ac:dyDescent="0.2">
      <c r="B20" s="257" t="s">
        <v>18</v>
      </c>
      <c r="C20" s="281">
        <v>0</v>
      </c>
      <c r="D20" s="281">
        <v>0</v>
      </c>
      <c r="E20" s="278">
        <v>0</v>
      </c>
      <c r="F20" s="280">
        <v>0</v>
      </c>
      <c r="G20" s="281">
        <v>167</v>
      </c>
      <c r="H20" s="281">
        <v>160</v>
      </c>
      <c r="I20" s="281">
        <v>25</v>
      </c>
      <c r="J20" s="281">
        <v>8</v>
      </c>
      <c r="K20" s="281">
        <v>0</v>
      </c>
      <c r="L20" s="278">
        <v>360</v>
      </c>
      <c r="M20" s="283">
        <v>360</v>
      </c>
      <c r="N20" s="281">
        <v>0</v>
      </c>
      <c r="O20" s="281">
        <v>0</v>
      </c>
      <c r="P20" s="278">
        <v>0</v>
      </c>
      <c r="Q20" s="280">
        <v>0</v>
      </c>
      <c r="R20" s="281">
        <v>17</v>
      </c>
      <c r="S20" s="281">
        <v>0</v>
      </c>
      <c r="T20" s="281">
        <v>9</v>
      </c>
      <c r="U20" s="281">
        <v>0</v>
      </c>
      <c r="V20" s="281">
        <v>8</v>
      </c>
      <c r="W20" s="278">
        <v>34</v>
      </c>
      <c r="X20" s="283">
        <v>34</v>
      </c>
    </row>
    <row r="21" spans="2:24" ht="21" customHeight="1" x14ac:dyDescent="0.2">
      <c r="B21" s="257" t="s">
        <v>19</v>
      </c>
      <c r="C21" s="281">
        <v>0</v>
      </c>
      <c r="D21" s="281">
        <v>0</v>
      </c>
      <c r="E21" s="278">
        <v>0</v>
      </c>
      <c r="F21" s="280">
        <v>0</v>
      </c>
      <c r="G21" s="281">
        <v>35</v>
      </c>
      <c r="H21" s="281">
        <v>24</v>
      </c>
      <c r="I21" s="281">
        <v>8</v>
      </c>
      <c r="J21" s="281">
        <v>15</v>
      </c>
      <c r="K21" s="281">
        <v>0</v>
      </c>
      <c r="L21" s="278">
        <v>82</v>
      </c>
      <c r="M21" s="283">
        <v>82</v>
      </c>
      <c r="N21" s="281">
        <v>0</v>
      </c>
      <c r="O21" s="281">
        <v>0</v>
      </c>
      <c r="P21" s="278">
        <v>0</v>
      </c>
      <c r="Q21" s="280">
        <v>0</v>
      </c>
      <c r="R21" s="281">
        <v>0</v>
      </c>
      <c r="S21" s="281">
        <v>24</v>
      </c>
      <c r="T21" s="281">
        <v>0</v>
      </c>
      <c r="U21" s="281">
        <v>0</v>
      </c>
      <c r="V21" s="281">
        <v>0</v>
      </c>
      <c r="W21" s="278">
        <v>24</v>
      </c>
      <c r="X21" s="283">
        <v>24</v>
      </c>
    </row>
    <row r="22" spans="2:24" ht="21" customHeight="1" x14ac:dyDescent="0.2">
      <c r="B22" s="257" t="s">
        <v>20</v>
      </c>
      <c r="C22" s="281">
        <v>0</v>
      </c>
      <c r="D22" s="281">
        <v>0</v>
      </c>
      <c r="E22" s="278">
        <v>0</v>
      </c>
      <c r="F22" s="280">
        <v>0</v>
      </c>
      <c r="G22" s="281">
        <v>104</v>
      </c>
      <c r="H22" s="281">
        <v>70</v>
      </c>
      <c r="I22" s="281">
        <v>39</v>
      </c>
      <c r="J22" s="281">
        <v>23</v>
      </c>
      <c r="K22" s="281">
        <v>0</v>
      </c>
      <c r="L22" s="278">
        <v>236</v>
      </c>
      <c r="M22" s="283">
        <v>236</v>
      </c>
      <c r="N22" s="281">
        <v>0</v>
      </c>
      <c r="O22" s="281">
        <v>0</v>
      </c>
      <c r="P22" s="278">
        <v>0</v>
      </c>
      <c r="Q22" s="280">
        <v>0</v>
      </c>
      <c r="R22" s="281">
        <v>0</v>
      </c>
      <c r="S22" s="281">
        <v>0</v>
      </c>
      <c r="T22" s="281">
        <v>11</v>
      </c>
      <c r="U22" s="281">
        <v>0</v>
      </c>
      <c r="V22" s="281">
        <v>0</v>
      </c>
      <c r="W22" s="278">
        <v>11</v>
      </c>
      <c r="X22" s="283">
        <v>11</v>
      </c>
    </row>
    <row r="23" spans="2:24" ht="21" customHeight="1" x14ac:dyDescent="0.2">
      <c r="B23" s="257" t="s">
        <v>21</v>
      </c>
      <c r="C23" s="281">
        <v>0</v>
      </c>
      <c r="D23" s="281">
        <v>0</v>
      </c>
      <c r="E23" s="278">
        <v>0</v>
      </c>
      <c r="F23" s="280">
        <v>0</v>
      </c>
      <c r="G23" s="281">
        <v>40</v>
      </c>
      <c r="H23" s="281">
        <v>60</v>
      </c>
      <c r="I23" s="281">
        <v>40</v>
      </c>
      <c r="J23" s="281">
        <v>43</v>
      </c>
      <c r="K23" s="281">
        <v>0</v>
      </c>
      <c r="L23" s="278">
        <v>183</v>
      </c>
      <c r="M23" s="283">
        <v>183</v>
      </c>
      <c r="N23" s="281">
        <v>0</v>
      </c>
      <c r="O23" s="281">
        <v>0</v>
      </c>
      <c r="P23" s="278">
        <v>0</v>
      </c>
      <c r="Q23" s="280">
        <v>0</v>
      </c>
      <c r="R23" s="281">
        <v>0</v>
      </c>
      <c r="S23" s="281">
        <v>0</v>
      </c>
      <c r="T23" s="281">
        <v>0</v>
      </c>
      <c r="U23" s="281">
        <v>0</v>
      </c>
      <c r="V23" s="281">
        <v>0</v>
      </c>
      <c r="W23" s="278">
        <v>0</v>
      </c>
      <c r="X23" s="283">
        <v>0</v>
      </c>
    </row>
    <row r="24" spans="2:24" ht="21" customHeight="1" x14ac:dyDescent="0.2">
      <c r="B24" s="257" t="s">
        <v>22</v>
      </c>
      <c r="C24" s="281">
        <v>0</v>
      </c>
      <c r="D24" s="281">
        <v>0</v>
      </c>
      <c r="E24" s="278">
        <v>0</v>
      </c>
      <c r="F24" s="280">
        <v>0</v>
      </c>
      <c r="G24" s="281">
        <v>34</v>
      </c>
      <c r="H24" s="281">
        <v>28</v>
      </c>
      <c r="I24" s="281">
        <v>11</v>
      </c>
      <c r="J24" s="281">
        <v>29</v>
      </c>
      <c r="K24" s="281">
        <v>0</v>
      </c>
      <c r="L24" s="278">
        <v>102</v>
      </c>
      <c r="M24" s="283">
        <v>102</v>
      </c>
      <c r="N24" s="281">
        <v>0</v>
      </c>
      <c r="O24" s="281">
        <v>0</v>
      </c>
      <c r="P24" s="278">
        <v>0</v>
      </c>
      <c r="Q24" s="280">
        <v>0</v>
      </c>
      <c r="R24" s="281">
        <v>13</v>
      </c>
      <c r="S24" s="281">
        <v>0</v>
      </c>
      <c r="T24" s="281">
        <v>5</v>
      </c>
      <c r="U24" s="281">
        <v>13</v>
      </c>
      <c r="V24" s="281">
        <v>0</v>
      </c>
      <c r="W24" s="278">
        <v>31</v>
      </c>
      <c r="X24" s="283">
        <v>31</v>
      </c>
    </row>
    <row r="25" spans="2:24" ht="21" customHeight="1" x14ac:dyDescent="0.2">
      <c r="B25" s="257" t="s">
        <v>23</v>
      </c>
      <c r="C25" s="281">
        <v>0</v>
      </c>
      <c r="D25" s="281">
        <v>0</v>
      </c>
      <c r="E25" s="278">
        <v>0</v>
      </c>
      <c r="F25" s="280">
        <v>0</v>
      </c>
      <c r="G25" s="281">
        <v>17</v>
      </c>
      <c r="H25" s="281">
        <v>17</v>
      </c>
      <c r="I25" s="281">
        <v>3</v>
      </c>
      <c r="J25" s="281">
        <v>58</v>
      </c>
      <c r="K25" s="281">
        <v>0</v>
      </c>
      <c r="L25" s="278">
        <v>95</v>
      </c>
      <c r="M25" s="283">
        <v>95</v>
      </c>
      <c r="N25" s="281">
        <v>0</v>
      </c>
      <c r="O25" s="281">
        <v>0</v>
      </c>
      <c r="P25" s="278">
        <v>0</v>
      </c>
      <c r="Q25" s="280">
        <v>0</v>
      </c>
      <c r="R25" s="281">
        <v>0</v>
      </c>
      <c r="S25" s="281">
        <v>0</v>
      </c>
      <c r="T25" s="281">
        <v>0</v>
      </c>
      <c r="U25" s="281">
        <v>0</v>
      </c>
      <c r="V25" s="281">
        <v>0</v>
      </c>
      <c r="W25" s="278">
        <v>0</v>
      </c>
      <c r="X25" s="283">
        <v>0</v>
      </c>
    </row>
    <row r="26" spans="2:24" ht="21" customHeight="1" x14ac:dyDescent="0.2">
      <c r="B26" s="257" t="s">
        <v>24</v>
      </c>
      <c r="C26" s="281">
        <v>0</v>
      </c>
      <c r="D26" s="281">
        <v>0</v>
      </c>
      <c r="E26" s="278">
        <v>0</v>
      </c>
      <c r="F26" s="280">
        <v>0</v>
      </c>
      <c r="G26" s="281">
        <v>16</v>
      </c>
      <c r="H26" s="281">
        <v>0</v>
      </c>
      <c r="I26" s="281">
        <v>31</v>
      </c>
      <c r="J26" s="281">
        <v>0</v>
      </c>
      <c r="K26" s="281">
        <v>0</v>
      </c>
      <c r="L26" s="278">
        <v>47</v>
      </c>
      <c r="M26" s="283">
        <v>47</v>
      </c>
      <c r="N26" s="281">
        <v>0</v>
      </c>
      <c r="O26" s="281">
        <v>0</v>
      </c>
      <c r="P26" s="278">
        <v>0</v>
      </c>
      <c r="Q26" s="280">
        <v>0</v>
      </c>
      <c r="R26" s="281">
        <v>0</v>
      </c>
      <c r="S26" s="281">
        <v>0</v>
      </c>
      <c r="T26" s="281">
        <v>12</v>
      </c>
      <c r="U26" s="281">
        <v>0</v>
      </c>
      <c r="V26" s="281">
        <v>0</v>
      </c>
      <c r="W26" s="278">
        <v>12</v>
      </c>
      <c r="X26" s="283">
        <v>12</v>
      </c>
    </row>
    <row r="27" spans="2:24" ht="21" customHeight="1" x14ac:dyDescent="0.2">
      <c r="B27" s="257" t="s">
        <v>25</v>
      </c>
      <c r="C27" s="281">
        <v>0</v>
      </c>
      <c r="D27" s="281">
        <v>0</v>
      </c>
      <c r="E27" s="278">
        <v>0</v>
      </c>
      <c r="F27" s="280">
        <v>0</v>
      </c>
      <c r="G27" s="281">
        <v>54</v>
      </c>
      <c r="H27" s="281">
        <v>0</v>
      </c>
      <c r="I27" s="281">
        <v>0</v>
      </c>
      <c r="J27" s="281">
        <v>0</v>
      </c>
      <c r="K27" s="281">
        <v>0</v>
      </c>
      <c r="L27" s="278">
        <v>54</v>
      </c>
      <c r="M27" s="283">
        <v>54</v>
      </c>
      <c r="N27" s="281">
        <v>0</v>
      </c>
      <c r="O27" s="281">
        <v>0</v>
      </c>
      <c r="P27" s="278">
        <v>0</v>
      </c>
      <c r="Q27" s="280">
        <v>0</v>
      </c>
      <c r="R27" s="281">
        <v>0</v>
      </c>
      <c r="S27" s="281">
        <v>0</v>
      </c>
      <c r="T27" s="281">
        <v>0</v>
      </c>
      <c r="U27" s="281">
        <v>0</v>
      </c>
      <c r="V27" s="281">
        <v>0</v>
      </c>
      <c r="W27" s="278">
        <v>0</v>
      </c>
      <c r="X27" s="283">
        <v>0</v>
      </c>
    </row>
    <row r="28" spans="2:24" ht="21" customHeight="1" x14ac:dyDescent="0.2">
      <c r="B28" s="257" t="s">
        <v>26</v>
      </c>
      <c r="C28" s="281">
        <v>0</v>
      </c>
      <c r="D28" s="281">
        <v>0</v>
      </c>
      <c r="E28" s="278">
        <v>0</v>
      </c>
      <c r="F28" s="280">
        <v>0</v>
      </c>
      <c r="G28" s="281">
        <v>9</v>
      </c>
      <c r="H28" s="281">
        <v>45</v>
      </c>
      <c r="I28" s="281">
        <v>11</v>
      </c>
      <c r="J28" s="281">
        <v>0</v>
      </c>
      <c r="K28" s="281">
        <v>13</v>
      </c>
      <c r="L28" s="278">
        <v>78</v>
      </c>
      <c r="M28" s="283">
        <v>78</v>
      </c>
      <c r="N28" s="281">
        <v>0</v>
      </c>
      <c r="O28" s="281">
        <v>0</v>
      </c>
      <c r="P28" s="278">
        <v>0</v>
      </c>
      <c r="Q28" s="280">
        <v>0</v>
      </c>
      <c r="R28" s="281">
        <v>0</v>
      </c>
      <c r="S28" s="281">
        <v>0</v>
      </c>
      <c r="T28" s="281">
        <v>0</v>
      </c>
      <c r="U28" s="281">
        <v>0</v>
      </c>
      <c r="V28" s="281">
        <v>0</v>
      </c>
      <c r="W28" s="278">
        <v>0</v>
      </c>
      <c r="X28" s="283">
        <v>0</v>
      </c>
    </row>
    <row r="29" spans="2:24" ht="21" customHeight="1" x14ac:dyDescent="0.2">
      <c r="B29" s="257" t="s">
        <v>27</v>
      </c>
      <c r="C29" s="281">
        <v>0</v>
      </c>
      <c r="D29" s="281">
        <v>0</v>
      </c>
      <c r="E29" s="278">
        <v>0</v>
      </c>
      <c r="F29" s="280">
        <v>0</v>
      </c>
      <c r="G29" s="281">
        <v>10</v>
      </c>
      <c r="H29" s="281">
        <v>0</v>
      </c>
      <c r="I29" s="281">
        <v>0</v>
      </c>
      <c r="J29" s="281">
        <v>0</v>
      </c>
      <c r="K29" s="281">
        <v>0</v>
      </c>
      <c r="L29" s="278">
        <v>10</v>
      </c>
      <c r="M29" s="283">
        <v>10</v>
      </c>
      <c r="N29" s="281">
        <v>0</v>
      </c>
      <c r="O29" s="281">
        <v>0</v>
      </c>
      <c r="P29" s="278">
        <v>0</v>
      </c>
      <c r="Q29" s="280">
        <v>0</v>
      </c>
      <c r="R29" s="281">
        <v>20</v>
      </c>
      <c r="S29" s="281">
        <v>16</v>
      </c>
      <c r="T29" s="281">
        <v>0</v>
      </c>
      <c r="U29" s="281">
        <v>0</v>
      </c>
      <c r="V29" s="281">
        <v>0</v>
      </c>
      <c r="W29" s="278">
        <v>36</v>
      </c>
      <c r="X29" s="283">
        <v>36</v>
      </c>
    </row>
    <row r="30" spans="2:24" ht="21" customHeight="1" x14ac:dyDescent="0.2">
      <c r="B30" s="257" t="s">
        <v>28</v>
      </c>
      <c r="C30" s="281">
        <v>0</v>
      </c>
      <c r="D30" s="281">
        <v>0</v>
      </c>
      <c r="E30" s="278">
        <v>0</v>
      </c>
      <c r="F30" s="280">
        <v>0</v>
      </c>
      <c r="G30" s="281">
        <v>20</v>
      </c>
      <c r="H30" s="281">
        <v>9</v>
      </c>
      <c r="I30" s="281">
        <v>0</v>
      </c>
      <c r="J30" s="281">
        <v>0</v>
      </c>
      <c r="K30" s="281">
        <v>0</v>
      </c>
      <c r="L30" s="278">
        <v>29</v>
      </c>
      <c r="M30" s="283">
        <v>29</v>
      </c>
      <c r="N30" s="281">
        <v>0</v>
      </c>
      <c r="O30" s="281">
        <v>0</v>
      </c>
      <c r="P30" s="278">
        <v>0</v>
      </c>
      <c r="Q30" s="280">
        <v>0</v>
      </c>
      <c r="R30" s="281">
        <v>0</v>
      </c>
      <c r="S30" s="281">
        <v>0</v>
      </c>
      <c r="T30" s="281">
        <v>0</v>
      </c>
      <c r="U30" s="281">
        <v>0</v>
      </c>
      <c r="V30" s="281">
        <v>3</v>
      </c>
      <c r="W30" s="278">
        <v>3</v>
      </c>
      <c r="X30" s="283">
        <v>3</v>
      </c>
    </row>
    <row r="31" spans="2:24" ht="21" customHeight="1" x14ac:dyDescent="0.2">
      <c r="B31" s="257" t="s">
        <v>29</v>
      </c>
      <c r="C31" s="281">
        <v>0</v>
      </c>
      <c r="D31" s="281">
        <v>0</v>
      </c>
      <c r="E31" s="278">
        <v>0</v>
      </c>
      <c r="F31" s="280">
        <v>0</v>
      </c>
      <c r="G31" s="281">
        <v>21</v>
      </c>
      <c r="H31" s="281">
        <v>3</v>
      </c>
      <c r="I31" s="281">
        <v>0</v>
      </c>
      <c r="J31" s="281">
        <v>0</v>
      </c>
      <c r="K31" s="281">
        <v>0</v>
      </c>
      <c r="L31" s="278">
        <v>24</v>
      </c>
      <c r="M31" s="283">
        <v>24</v>
      </c>
      <c r="N31" s="281">
        <v>0</v>
      </c>
      <c r="O31" s="281">
        <v>0</v>
      </c>
      <c r="P31" s="278">
        <v>0</v>
      </c>
      <c r="Q31" s="280">
        <v>0</v>
      </c>
      <c r="R31" s="281">
        <v>0</v>
      </c>
      <c r="S31" s="281">
        <v>0</v>
      </c>
      <c r="T31" s="281">
        <v>0</v>
      </c>
      <c r="U31" s="281">
        <v>0</v>
      </c>
      <c r="V31" s="281">
        <v>0</v>
      </c>
      <c r="W31" s="278">
        <v>0</v>
      </c>
      <c r="X31" s="283">
        <v>0</v>
      </c>
    </row>
    <row r="32" spans="2:24" ht="21" customHeight="1" x14ac:dyDescent="0.2">
      <c r="B32" s="257" t="s">
        <v>30</v>
      </c>
      <c r="C32" s="281">
        <v>0</v>
      </c>
      <c r="D32" s="281">
        <v>0</v>
      </c>
      <c r="E32" s="278">
        <v>0</v>
      </c>
      <c r="F32" s="280">
        <v>0</v>
      </c>
      <c r="G32" s="281">
        <v>7</v>
      </c>
      <c r="H32" s="281">
        <v>17</v>
      </c>
      <c r="I32" s="281">
        <v>0</v>
      </c>
      <c r="J32" s="281">
        <v>0</v>
      </c>
      <c r="K32" s="281">
        <v>0</v>
      </c>
      <c r="L32" s="278">
        <v>24</v>
      </c>
      <c r="M32" s="283">
        <v>24</v>
      </c>
      <c r="N32" s="281">
        <v>4</v>
      </c>
      <c r="O32" s="281">
        <v>0</v>
      </c>
      <c r="P32" s="278">
        <v>4</v>
      </c>
      <c r="Q32" s="280">
        <v>0</v>
      </c>
      <c r="R32" s="281">
        <v>0</v>
      </c>
      <c r="S32" s="281">
        <v>0</v>
      </c>
      <c r="T32" s="281">
        <v>0</v>
      </c>
      <c r="U32" s="281">
        <v>0</v>
      </c>
      <c r="V32" s="281">
        <v>0</v>
      </c>
      <c r="W32" s="278">
        <v>0</v>
      </c>
      <c r="X32" s="283">
        <v>4</v>
      </c>
    </row>
    <row r="33" spans="2:24" ht="21" customHeight="1" x14ac:dyDescent="0.2">
      <c r="B33" s="257" t="s">
        <v>31</v>
      </c>
      <c r="C33" s="281">
        <v>0</v>
      </c>
      <c r="D33" s="281">
        <v>0</v>
      </c>
      <c r="E33" s="278">
        <v>0</v>
      </c>
      <c r="F33" s="280">
        <v>0</v>
      </c>
      <c r="G33" s="281">
        <v>11</v>
      </c>
      <c r="H33" s="281">
        <v>3</v>
      </c>
      <c r="I33" s="281">
        <v>0</v>
      </c>
      <c r="J33" s="281">
        <v>0</v>
      </c>
      <c r="K33" s="281">
        <v>0</v>
      </c>
      <c r="L33" s="278">
        <v>14</v>
      </c>
      <c r="M33" s="283">
        <v>14</v>
      </c>
      <c r="N33" s="281">
        <v>0</v>
      </c>
      <c r="O33" s="281">
        <v>0</v>
      </c>
      <c r="P33" s="278">
        <v>0</v>
      </c>
      <c r="Q33" s="280">
        <v>0</v>
      </c>
      <c r="R33" s="281">
        <v>0</v>
      </c>
      <c r="S33" s="281">
        <v>0</v>
      </c>
      <c r="T33" s="281">
        <v>16</v>
      </c>
      <c r="U33" s="281">
        <v>0</v>
      </c>
      <c r="V33" s="281">
        <v>0</v>
      </c>
      <c r="W33" s="278">
        <v>16</v>
      </c>
      <c r="X33" s="283">
        <v>16</v>
      </c>
    </row>
    <row r="34" spans="2:24" ht="21" customHeight="1" x14ac:dyDescent="0.2">
      <c r="B34" s="257" t="s">
        <v>32</v>
      </c>
      <c r="C34" s="281">
        <v>0</v>
      </c>
      <c r="D34" s="281">
        <v>0</v>
      </c>
      <c r="E34" s="278">
        <v>0</v>
      </c>
      <c r="F34" s="280">
        <v>0</v>
      </c>
      <c r="G34" s="281">
        <v>16</v>
      </c>
      <c r="H34" s="281">
        <v>17</v>
      </c>
      <c r="I34" s="281">
        <v>0</v>
      </c>
      <c r="J34" s="281">
        <v>0</v>
      </c>
      <c r="K34" s="281">
        <v>0</v>
      </c>
      <c r="L34" s="278">
        <v>33</v>
      </c>
      <c r="M34" s="283">
        <v>33</v>
      </c>
      <c r="N34" s="281">
        <v>0</v>
      </c>
      <c r="O34" s="281">
        <v>0</v>
      </c>
      <c r="P34" s="278">
        <v>0</v>
      </c>
      <c r="Q34" s="280">
        <v>0</v>
      </c>
      <c r="R34" s="281">
        <v>0</v>
      </c>
      <c r="S34" s="281">
        <v>0</v>
      </c>
      <c r="T34" s="281">
        <v>0</v>
      </c>
      <c r="U34" s="281">
        <v>9</v>
      </c>
      <c r="V34" s="281">
        <v>0</v>
      </c>
      <c r="W34" s="278">
        <v>9</v>
      </c>
      <c r="X34" s="283">
        <v>9</v>
      </c>
    </row>
    <row r="35" spans="2:24" ht="21" customHeight="1" x14ac:dyDescent="0.2">
      <c r="B35" s="257" t="s">
        <v>33</v>
      </c>
      <c r="C35" s="281">
        <v>0</v>
      </c>
      <c r="D35" s="281">
        <v>0</v>
      </c>
      <c r="E35" s="278">
        <v>0</v>
      </c>
      <c r="F35" s="280">
        <v>0</v>
      </c>
      <c r="G35" s="281">
        <v>3</v>
      </c>
      <c r="H35" s="281">
        <v>0</v>
      </c>
      <c r="I35" s="281">
        <v>0</v>
      </c>
      <c r="J35" s="281">
        <v>0</v>
      </c>
      <c r="K35" s="281">
        <v>0</v>
      </c>
      <c r="L35" s="278">
        <v>3</v>
      </c>
      <c r="M35" s="283">
        <v>3</v>
      </c>
      <c r="N35" s="281">
        <v>0</v>
      </c>
      <c r="O35" s="281">
        <v>0</v>
      </c>
      <c r="P35" s="278">
        <v>0</v>
      </c>
      <c r="Q35" s="280">
        <v>0</v>
      </c>
      <c r="R35" s="281">
        <v>0</v>
      </c>
      <c r="S35" s="281">
        <v>0</v>
      </c>
      <c r="T35" s="281">
        <v>0</v>
      </c>
      <c r="U35" s="281">
        <v>0</v>
      </c>
      <c r="V35" s="281">
        <v>0</v>
      </c>
      <c r="W35" s="278">
        <v>0</v>
      </c>
      <c r="X35" s="283">
        <v>0</v>
      </c>
    </row>
    <row r="36" spans="2:24" ht="21" customHeight="1" x14ac:dyDescent="0.2">
      <c r="B36" s="257" t="s">
        <v>34</v>
      </c>
      <c r="C36" s="281">
        <v>0</v>
      </c>
      <c r="D36" s="281">
        <v>0</v>
      </c>
      <c r="E36" s="278">
        <v>0</v>
      </c>
      <c r="F36" s="280">
        <v>0</v>
      </c>
      <c r="G36" s="281">
        <v>22</v>
      </c>
      <c r="H36" s="281">
        <v>0</v>
      </c>
      <c r="I36" s="281">
        <v>0</v>
      </c>
      <c r="J36" s="281">
        <v>0</v>
      </c>
      <c r="K36" s="281">
        <v>0</v>
      </c>
      <c r="L36" s="278">
        <v>22</v>
      </c>
      <c r="M36" s="283">
        <v>22</v>
      </c>
      <c r="N36" s="281">
        <v>0</v>
      </c>
      <c r="O36" s="281">
        <v>0</v>
      </c>
      <c r="P36" s="278">
        <v>0</v>
      </c>
      <c r="Q36" s="280">
        <v>0</v>
      </c>
      <c r="R36" s="281">
        <v>0</v>
      </c>
      <c r="S36" s="281">
        <v>0</v>
      </c>
      <c r="T36" s="281">
        <v>0</v>
      </c>
      <c r="U36" s="281">
        <v>0</v>
      </c>
      <c r="V36" s="281">
        <v>0</v>
      </c>
      <c r="W36" s="278">
        <v>0</v>
      </c>
      <c r="X36" s="283">
        <v>0</v>
      </c>
    </row>
    <row r="37" spans="2:24" ht="21" customHeight="1" x14ac:dyDescent="0.2">
      <c r="B37" s="257" t="s">
        <v>35</v>
      </c>
      <c r="C37" s="281">
        <v>0</v>
      </c>
      <c r="D37" s="281">
        <v>0</v>
      </c>
      <c r="E37" s="278">
        <v>0</v>
      </c>
      <c r="F37" s="280">
        <v>0</v>
      </c>
      <c r="G37" s="281">
        <v>0</v>
      </c>
      <c r="H37" s="281">
        <v>0</v>
      </c>
      <c r="I37" s="281">
        <v>0</v>
      </c>
      <c r="J37" s="281">
        <v>0</v>
      </c>
      <c r="K37" s="281">
        <v>0</v>
      </c>
      <c r="L37" s="278">
        <v>0</v>
      </c>
      <c r="M37" s="283">
        <v>0</v>
      </c>
      <c r="N37" s="281">
        <v>0</v>
      </c>
      <c r="O37" s="281">
        <v>0</v>
      </c>
      <c r="P37" s="278">
        <v>0</v>
      </c>
      <c r="Q37" s="280">
        <v>0</v>
      </c>
      <c r="R37" s="281">
        <v>0</v>
      </c>
      <c r="S37" s="281">
        <v>0</v>
      </c>
      <c r="T37" s="281">
        <v>0</v>
      </c>
      <c r="U37" s="281">
        <v>0</v>
      </c>
      <c r="V37" s="281">
        <v>0</v>
      </c>
      <c r="W37" s="278">
        <v>0</v>
      </c>
      <c r="X37" s="283">
        <v>0</v>
      </c>
    </row>
    <row r="38" spans="2:24" ht="21" customHeight="1" x14ac:dyDescent="0.2">
      <c r="B38" s="257" t="s">
        <v>36</v>
      </c>
      <c r="C38" s="281">
        <v>0</v>
      </c>
      <c r="D38" s="281">
        <v>0</v>
      </c>
      <c r="E38" s="278">
        <v>0</v>
      </c>
      <c r="F38" s="280">
        <v>0</v>
      </c>
      <c r="G38" s="281">
        <v>16</v>
      </c>
      <c r="H38" s="281">
        <v>10</v>
      </c>
      <c r="I38" s="281">
        <v>0</v>
      </c>
      <c r="J38" s="281">
        <v>0</v>
      </c>
      <c r="K38" s="281">
        <v>22</v>
      </c>
      <c r="L38" s="278">
        <v>48</v>
      </c>
      <c r="M38" s="283">
        <v>48</v>
      </c>
      <c r="N38" s="281">
        <v>0</v>
      </c>
      <c r="O38" s="281">
        <v>0</v>
      </c>
      <c r="P38" s="278">
        <v>0</v>
      </c>
      <c r="Q38" s="280">
        <v>0</v>
      </c>
      <c r="R38" s="281">
        <v>0</v>
      </c>
      <c r="S38" s="281">
        <v>0</v>
      </c>
      <c r="T38" s="281">
        <v>0</v>
      </c>
      <c r="U38" s="281">
        <v>0</v>
      </c>
      <c r="V38" s="281">
        <v>0</v>
      </c>
      <c r="W38" s="278">
        <v>0</v>
      </c>
      <c r="X38" s="283">
        <v>0</v>
      </c>
    </row>
    <row r="39" spans="2:24" ht="21" customHeight="1" thickBot="1" x14ac:dyDescent="0.25">
      <c r="B39" s="258" t="s">
        <v>37</v>
      </c>
      <c r="C39" s="288">
        <v>0</v>
      </c>
      <c r="D39" s="288">
        <v>0</v>
      </c>
      <c r="E39" s="285">
        <v>0</v>
      </c>
      <c r="F39" s="287">
        <v>0</v>
      </c>
      <c r="G39" s="288">
        <v>0</v>
      </c>
      <c r="H39" s="288">
        <v>0</v>
      </c>
      <c r="I39" s="288">
        <v>0</v>
      </c>
      <c r="J39" s="288">
        <v>0</v>
      </c>
      <c r="K39" s="288">
        <v>0</v>
      </c>
      <c r="L39" s="285">
        <v>0</v>
      </c>
      <c r="M39" s="290">
        <v>0</v>
      </c>
      <c r="N39" s="288">
        <v>0</v>
      </c>
      <c r="O39" s="288">
        <v>0</v>
      </c>
      <c r="P39" s="285">
        <v>0</v>
      </c>
      <c r="Q39" s="287">
        <v>0</v>
      </c>
      <c r="R39" s="288">
        <v>0</v>
      </c>
      <c r="S39" s="288">
        <v>0</v>
      </c>
      <c r="T39" s="288">
        <v>0</v>
      </c>
      <c r="U39" s="288">
        <v>0</v>
      </c>
      <c r="V39" s="288">
        <v>0</v>
      </c>
      <c r="W39" s="285">
        <v>0</v>
      </c>
      <c r="X39" s="290">
        <v>0</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 style="256" customWidth="1"/>
    <col min="6" max="6" width="7.77734375" style="256" customWidth="1"/>
    <col min="7" max="7" width="10.77734375" style="256" customWidth="1"/>
    <col min="8" max="16" width="9" style="256"/>
    <col min="17" max="17" width="7.6640625" style="256" customWidth="1"/>
    <col min="18" max="16384" width="9" style="256"/>
  </cols>
  <sheetData>
    <row r="1" spans="2:24" ht="24" customHeight="1" x14ac:dyDescent="0.2">
      <c r="B1" s="291" t="s">
        <v>125</v>
      </c>
      <c r="H1" s="528">
        <f>第１表!F2</f>
        <v>4</v>
      </c>
      <c r="I1" s="528"/>
      <c r="J1" s="248">
        <f>第１表!G2</f>
        <v>9</v>
      </c>
      <c r="K1" s="529">
        <f>IF(J1&lt;3,J1+12-2,J1-2)</f>
        <v>7</v>
      </c>
      <c r="L1" s="529"/>
    </row>
    <row r="2" spans="2:24" ht="24" customHeight="1" thickBot="1" x14ac:dyDescent="0.25">
      <c r="B2" s="291" t="s">
        <v>155</v>
      </c>
    </row>
    <row r="3" spans="2:24" ht="18.75" customHeight="1" x14ac:dyDescent="0.2">
      <c r="B3" s="532"/>
      <c r="C3" s="533" t="s">
        <v>142</v>
      </c>
      <c r="D3" s="533"/>
      <c r="E3" s="533"/>
      <c r="F3" s="533"/>
      <c r="G3" s="533"/>
      <c r="H3" s="533"/>
      <c r="I3" s="533"/>
      <c r="J3" s="533"/>
      <c r="K3" s="533"/>
      <c r="L3" s="533"/>
      <c r="M3" s="565"/>
      <c r="N3" s="533" t="s">
        <v>113</v>
      </c>
      <c r="O3" s="533"/>
      <c r="P3" s="533"/>
      <c r="Q3" s="533"/>
      <c r="R3" s="533"/>
      <c r="S3" s="533"/>
      <c r="T3" s="533"/>
      <c r="U3" s="533"/>
      <c r="V3" s="533"/>
      <c r="W3" s="533"/>
      <c r="X3" s="565"/>
    </row>
    <row r="4" spans="2:24" ht="18.75" customHeight="1" x14ac:dyDescent="0.2">
      <c r="B4" s="571"/>
      <c r="C4" s="566" t="s">
        <v>61</v>
      </c>
      <c r="D4" s="566"/>
      <c r="E4" s="567"/>
      <c r="F4" s="568" t="s">
        <v>62</v>
      </c>
      <c r="G4" s="566"/>
      <c r="H4" s="566"/>
      <c r="I4" s="566"/>
      <c r="J4" s="566"/>
      <c r="K4" s="566"/>
      <c r="L4" s="569"/>
      <c r="M4" s="570" t="s">
        <v>52</v>
      </c>
      <c r="N4" s="566" t="s">
        <v>61</v>
      </c>
      <c r="O4" s="566"/>
      <c r="P4" s="567"/>
      <c r="Q4" s="568" t="s">
        <v>62</v>
      </c>
      <c r="R4" s="566"/>
      <c r="S4" s="566"/>
      <c r="T4" s="566"/>
      <c r="U4" s="566"/>
      <c r="V4" s="566"/>
      <c r="W4" s="569"/>
      <c r="X4" s="570" t="s">
        <v>52</v>
      </c>
    </row>
    <row r="5" spans="2:24" ht="27" thickBot="1" x14ac:dyDescent="0.25">
      <c r="B5" s="572"/>
      <c r="C5" s="260" t="s">
        <v>43</v>
      </c>
      <c r="D5" s="260" t="s">
        <v>44</v>
      </c>
      <c r="E5" s="266" t="s">
        <v>45</v>
      </c>
      <c r="F5" s="268" t="s">
        <v>83</v>
      </c>
      <c r="G5" s="260" t="s">
        <v>47</v>
      </c>
      <c r="H5" s="260" t="s">
        <v>48</v>
      </c>
      <c r="I5" s="260" t="s">
        <v>49</v>
      </c>
      <c r="J5" s="260" t="s">
        <v>50</v>
      </c>
      <c r="K5" s="260" t="s">
        <v>51</v>
      </c>
      <c r="L5" s="266" t="s">
        <v>45</v>
      </c>
      <c r="M5" s="531"/>
      <c r="N5" s="260" t="s">
        <v>43</v>
      </c>
      <c r="O5" s="260" t="s">
        <v>44</v>
      </c>
      <c r="P5" s="266" t="s">
        <v>45</v>
      </c>
      <c r="Q5" s="268" t="s">
        <v>83</v>
      </c>
      <c r="R5" s="260" t="s">
        <v>47</v>
      </c>
      <c r="S5" s="260" t="s">
        <v>48</v>
      </c>
      <c r="T5" s="260" t="s">
        <v>49</v>
      </c>
      <c r="U5" s="260" t="s">
        <v>50</v>
      </c>
      <c r="V5" s="260" t="s">
        <v>51</v>
      </c>
      <c r="W5" s="266" t="s">
        <v>45</v>
      </c>
      <c r="X5" s="531"/>
    </row>
    <row r="6" spans="2:24" ht="21" customHeight="1" x14ac:dyDescent="0.2">
      <c r="B6" s="259" t="s">
        <v>4</v>
      </c>
      <c r="C6" s="274">
        <v>0</v>
      </c>
      <c r="D6" s="274">
        <v>0</v>
      </c>
      <c r="E6" s="271">
        <v>0</v>
      </c>
      <c r="F6" s="273">
        <v>0</v>
      </c>
      <c r="G6" s="274">
        <v>5756</v>
      </c>
      <c r="H6" s="274">
        <v>4467</v>
      </c>
      <c r="I6" s="274">
        <v>2666</v>
      </c>
      <c r="J6" s="274">
        <v>1152</v>
      </c>
      <c r="K6" s="274">
        <v>447</v>
      </c>
      <c r="L6" s="271">
        <v>14488</v>
      </c>
      <c r="M6" s="276">
        <v>14488</v>
      </c>
      <c r="N6" s="274">
        <v>8</v>
      </c>
      <c r="O6" s="274">
        <v>0</v>
      </c>
      <c r="P6" s="271">
        <v>8</v>
      </c>
      <c r="Q6" s="273">
        <v>0</v>
      </c>
      <c r="R6" s="274">
        <v>337</v>
      </c>
      <c r="S6" s="274">
        <v>698</v>
      </c>
      <c r="T6" s="274">
        <v>596</v>
      </c>
      <c r="U6" s="274">
        <v>297</v>
      </c>
      <c r="V6" s="274">
        <v>279</v>
      </c>
      <c r="W6" s="271">
        <v>2207</v>
      </c>
      <c r="X6" s="276">
        <v>2215</v>
      </c>
    </row>
    <row r="7" spans="2:24" ht="21" customHeight="1" x14ac:dyDescent="0.2">
      <c r="B7" s="257" t="s">
        <v>5</v>
      </c>
      <c r="C7" s="281">
        <v>0</v>
      </c>
      <c r="D7" s="281">
        <v>0</v>
      </c>
      <c r="E7" s="278">
        <v>0</v>
      </c>
      <c r="F7" s="280">
        <v>0</v>
      </c>
      <c r="G7" s="281">
        <v>2297</v>
      </c>
      <c r="H7" s="281">
        <v>2498</v>
      </c>
      <c r="I7" s="281">
        <v>931</v>
      </c>
      <c r="J7" s="281">
        <v>583</v>
      </c>
      <c r="K7" s="281">
        <v>173</v>
      </c>
      <c r="L7" s="278">
        <v>6482</v>
      </c>
      <c r="M7" s="283">
        <v>6482</v>
      </c>
      <c r="N7" s="281">
        <v>8</v>
      </c>
      <c r="O7" s="281">
        <v>0</v>
      </c>
      <c r="P7" s="278">
        <v>8</v>
      </c>
      <c r="Q7" s="280">
        <v>0</v>
      </c>
      <c r="R7" s="281">
        <v>194</v>
      </c>
      <c r="S7" s="281">
        <v>424</v>
      </c>
      <c r="T7" s="281">
        <v>278</v>
      </c>
      <c r="U7" s="281">
        <v>232</v>
      </c>
      <c r="V7" s="281">
        <v>175</v>
      </c>
      <c r="W7" s="278">
        <v>1303</v>
      </c>
      <c r="X7" s="283">
        <v>1311</v>
      </c>
    </row>
    <row r="8" spans="2:24" ht="21" customHeight="1" x14ac:dyDescent="0.2">
      <c r="B8" s="257" t="s">
        <v>6</v>
      </c>
      <c r="C8" s="281">
        <v>0</v>
      </c>
      <c r="D8" s="281">
        <v>0</v>
      </c>
      <c r="E8" s="278">
        <v>0</v>
      </c>
      <c r="F8" s="280">
        <v>0</v>
      </c>
      <c r="G8" s="281">
        <v>1094</v>
      </c>
      <c r="H8" s="281">
        <v>440</v>
      </c>
      <c r="I8" s="281">
        <v>413</v>
      </c>
      <c r="J8" s="281">
        <v>131</v>
      </c>
      <c r="K8" s="281">
        <v>74</v>
      </c>
      <c r="L8" s="278">
        <v>2152</v>
      </c>
      <c r="M8" s="283">
        <v>2152</v>
      </c>
      <c r="N8" s="281">
        <v>0</v>
      </c>
      <c r="O8" s="281">
        <v>0</v>
      </c>
      <c r="P8" s="278">
        <v>0</v>
      </c>
      <c r="Q8" s="280">
        <v>0</v>
      </c>
      <c r="R8" s="281">
        <v>58</v>
      </c>
      <c r="S8" s="281">
        <v>124</v>
      </c>
      <c r="T8" s="281">
        <v>156</v>
      </c>
      <c r="U8" s="281">
        <v>47</v>
      </c>
      <c r="V8" s="281">
        <v>17</v>
      </c>
      <c r="W8" s="278">
        <v>402</v>
      </c>
      <c r="X8" s="283">
        <v>402</v>
      </c>
    </row>
    <row r="9" spans="2:24" ht="21" customHeight="1" x14ac:dyDescent="0.2">
      <c r="B9" s="257" t="s">
        <v>14</v>
      </c>
      <c r="C9" s="281">
        <v>0</v>
      </c>
      <c r="D9" s="281">
        <v>0</v>
      </c>
      <c r="E9" s="278">
        <v>0</v>
      </c>
      <c r="F9" s="280">
        <v>0</v>
      </c>
      <c r="G9" s="281">
        <v>333</v>
      </c>
      <c r="H9" s="281">
        <v>298</v>
      </c>
      <c r="I9" s="281">
        <v>263</v>
      </c>
      <c r="J9" s="281">
        <v>67</v>
      </c>
      <c r="K9" s="281">
        <v>22</v>
      </c>
      <c r="L9" s="278">
        <v>983</v>
      </c>
      <c r="M9" s="283">
        <v>983</v>
      </c>
      <c r="N9" s="281">
        <v>0</v>
      </c>
      <c r="O9" s="281">
        <v>0</v>
      </c>
      <c r="P9" s="278">
        <v>0</v>
      </c>
      <c r="Q9" s="280">
        <v>0</v>
      </c>
      <c r="R9" s="281">
        <v>9</v>
      </c>
      <c r="S9" s="281">
        <v>0</v>
      </c>
      <c r="T9" s="281">
        <v>2</v>
      </c>
      <c r="U9" s="281">
        <v>1</v>
      </c>
      <c r="V9" s="281">
        <v>18</v>
      </c>
      <c r="W9" s="278">
        <v>30</v>
      </c>
      <c r="X9" s="283">
        <v>30</v>
      </c>
    </row>
    <row r="10" spans="2:24" ht="21" customHeight="1" x14ac:dyDescent="0.2">
      <c r="B10" s="257" t="s">
        <v>7</v>
      </c>
      <c r="C10" s="281">
        <v>0</v>
      </c>
      <c r="D10" s="281">
        <v>0</v>
      </c>
      <c r="E10" s="278">
        <v>0</v>
      </c>
      <c r="F10" s="280">
        <v>0</v>
      </c>
      <c r="G10" s="281">
        <v>163</v>
      </c>
      <c r="H10" s="281">
        <v>94</v>
      </c>
      <c r="I10" s="281">
        <v>143</v>
      </c>
      <c r="J10" s="281">
        <v>52</v>
      </c>
      <c r="K10" s="281">
        <v>26</v>
      </c>
      <c r="L10" s="278">
        <v>478</v>
      </c>
      <c r="M10" s="283">
        <v>478</v>
      </c>
      <c r="N10" s="281">
        <v>0</v>
      </c>
      <c r="O10" s="281">
        <v>0</v>
      </c>
      <c r="P10" s="278">
        <v>0</v>
      </c>
      <c r="Q10" s="280">
        <v>0</v>
      </c>
      <c r="R10" s="281">
        <v>3</v>
      </c>
      <c r="S10" s="281">
        <v>43</v>
      </c>
      <c r="T10" s="281">
        <v>39</v>
      </c>
      <c r="U10" s="281">
        <v>13</v>
      </c>
      <c r="V10" s="281">
        <v>3</v>
      </c>
      <c r="W10" s="278">
        <v>101</v>
      </c>
      <c r="X10" s="283">
        <v>101</v>
      </c>
    </row>
    <row r="11" spans="2:24" ht="21" customHeight="1" x14ac:dyDescent="0.2">
      <c r="B11" s="257" t="s">
        <v>8</v>
      </c>
      <c r="C11" s="281">
        <v>0</v>
      </c>
      <c r="D11" s="281">
        <v>0</v>
      </c>
      <c r="E11" s="278">
        <v>0</v>
      </c>
      <c r="F11" s="280">
        <v>0</v>
      </c>
      <c r="G11" s="281">
        <v>220</v>
      </c>
      <c r="H11" s="281">
        <v>175</v>
      </c>
      <c r="I11" s="281">
        <v>99</v>
      </c>
      <c r="J11" s="281">
        <v>18</v>
      </c>
      <c r="K11" s="281">
        <v>16</v>
      </c>
      <c r="L11" s="278">
        <v>528</v>
      </c>
      <c r="M11" s="283">
        <v>528</v>
      </c>
      <c r="N11" s="281">
        <v>0</v>
      </c>
      <c r="O11" s="281">
        <v>0</v>
      </c>
      <c r="P11" s="278">
        <v>0</v>
      </c>
      <c r="Q11" s="280">
        <v>0</v>
      </c>
      <c r="R11" s="281">
        <v>0</v>
      </c>
      <c r="S11" s="281">
        <v>8</v>
      </c>
      <c r="T11" s="281">
        <v>24</v>
      </c>
      <c r="U11" s="281">
        <v>0</v>
      </c>
      <c r="V11" s="281">
        <v>0</v>
      </c>
      <c r="W11" s="278">
        <v>32</v>
      </c>
      <c r="X11" s="283">
        <v>32</v>
      </c>
    </row>
    <row r="12" spans="2:24" ht="21" customHeight="1" x14ac:dyDescent="0.2">
      <c r="B12" s="257" t="s">
        <v>9</v>
      </c>
      <c r="C12" s="281">
        <v>0</v>
      </c>
      <c r="D12" s="281">
        <v>0</v>
      </c>
      <c r="E12" s="278">
        <v>0</v>
      </c>
      <c r="F12" s="280">
        <v>0</v>
      </c>
      <c r="G12" s="281">
        <v>263</v>
      </c>
      <c r="H12" s="281">
        <v>217</v>
      </c>
      <c r="I12" s="281">
        <v>196</v>
      </c>
      <c r="J12" s="281">
        <v>46</v>
      </c>
      <c r="K12" s="281">
        <v>17</v>
      </c>
      <c r="L12" s="278">
        <v>739</v>
      </c>
      <c r="M12" s="283">
        <v>739</v>
      </c>
      <c r="N12" s="281">
        <v>0</v>
      </c>
      <c r="O12" s="281">
        <v>0</v>
      </c>
      <c r="P12" s="278">
        <v>0</v>
      </c>
      <c r="Q12" s="280">
        <v>0</v>
      </c>
      <c r="R12" s="281">
        <v>26</v>
      </c>
      <c r="S12" s="281">
        <v>0</v>
      </c>
      <c r="T12" s="281">
        <v>18</v>
      </c>
      <c r="U12" s="281">
        <v>0</v>
      </c>
      <c r="V12" s="281">
        <v>9</v>
      </c>
      <c r="W12" s="278">
        <v>53</v>
      </c>
      <c r="X12" s="283">
        <v>53</v>
      </c>
    </row>
    <row r="13" spans="2:24" ht="21" customHeight="1" x14ac:dyDescent="0.2">
      <c r="B13" s="257" t="s">
        <v>10</v>
      </c>
      <c r="C13" s="281">
        <v>0</v>
      </c>
      <c r="D13" s="281">
        <v>0</v>
      </c>
      <c r="E13" s="278">
        <v>0</v>
      </c>
      <c r="F13" s="280">
        <v>0</v>
      </c>
      <c r="G13" s="281">
        <v>276</v>
      </c>
      <c r="H13" s="281">
        <v>121</v>
      </c>
      <c r="I13" s="281">
        <v>76</v>
      </c>
      <c r="J13" s="281">
        <v>30</v>
      </c>
      <c r="K13" s="281">
        <v>20</v>
      </c>
      <c r="L13" s="278">
        <v>523</v>
      </c>
      <c r="M13" s="283">
        <v>523</v>
      </c>
      <c r="N13" s="281">
        <v>0</v>
      </c>
      <c r="O13" s="281">
        <v>0</v>
      </c>
      <c r="P13" s="278">
        <v>0</v>
      </c>
      <c r="Q13" s="280">
        <v>0</v>
      </c>
      <c r="R13" s="281">
        <v>19</v>
      </c>
      <c r="S13" s="281">
        <v>22</v>
      </c>
      <c r="T13" s="281">
        <v>19</v>
      </c>
      <c r="U13" s="281">
        <v>0</v>
      </c>
      <c r="V13" s="281">
        <v>2</v>
      </c>
      <c r="W13" s="278">
        <v>62</v>
      </c>
      <c r="X13" s="283">
        <v>62</v>
      </c>
    </row>
    <row r="14" spans="2:24" ht="21" customHeight="1" x14ac:dyDescent="0.2">
      <c r="B14" s="257" t="s">
        <v>11</v>
      </c>
      <c r="C14" s="281">
        <v>0</v>
      </c>
      <c r="D14" s="281">
        <v>0</v>
      </c>
      <c r="E14" s="278">
        <v>0</v>
      </c>
      <c r="F14" s="280">
        <v>0</v>
      </c>
      <c r="G14" s="281">
        <v>129</v>
      </c>
      <c r="H14" s="281">
        <v>15</v>
      </c>
      <c r="I14" s="281">
        <v>66</v>
      </c>
      <c r="J14" s="281">
        <v>12</v>
      </c>
      <c r="K14" s="281">
        <v>7</v>
      </c>
      <c r="L14" s="278">
        <v>229</v>
      </c>
      <c r="M14" s="283">
        <v>229</v>
      </c>
      <c r="N14" s="281">
        <v>0</v>
      </c>
      <c r="O14" s="281">
        <v>0</v>
      </c>
      <c r="P14" s="278">
        <v>0</v>
      </c>
      <c r="Q14" s="280">
        <v>0</v>
      </c>
      <c r="R14" s="281">
        <v>0</v>
      </c>
      <c r="S14" s="281">
        <v>0</v>
      </c>
      <c r="T14" s="281">
        <v>0</v>
      </c>
      <c r="U14" s="281">
        <v>0</v>
      </c>
      <c r="V14" s="281">
        <v>12</v>
      </c>
      <c r="W14" s="278">
        <v>12</v>
      </c>
      <c r="X14" s="283">
        <v>12</v>
      </c>
    </row>
    <row r="15" spans="2:24" ht="21" customHeight="1" x14ac:dyDescent="0.2">
      <c r="B15" s="257" t="s">
        <v>12</v>
      </c>
      <c r="C15" s="281">
        <v>0</v>
      </c>
      <c r="D15" s="281">
        <v>0</v>
      </c>
      <c r="E15" s="278">
        <v>0</v>
      </c>
      <c r="F15" s="280">
        <v>0</v>
      </c>
      <c r="G15" s="281">
        <v>144</v>
      </c>
      <c r="H15" s="281">
        <v>78</v>
      </c>
      <c r="I15" s="281">
        <v>97</v>
      </c>
      <c r="J15" s="281">
        <v>51</v>
      </c>
      <c r="K15" s="281">
        <v>0</v>
      </c>
      <c r="L15" s="278">
        <v>370</v>
      </c>
      <c r="M15" s="283">
        <v>370</v>
      </c>
      <c r="N15" s="281">
        <v>0</v>
      </c>
      <c r="O15" s="281">
        <v>0</v>
      </c>
      <c r="P15" s="278">
        <v>0</v>
      </c>
      <c r="Q15" s="280">
        <v>0</v>
      </c>
      <c r="R15" s="281">
        <v>0</v>
      </c>
      <c r="S15" s="281">
        <v>4</v>
      </c>
      <c r="T15" s="281">
        <v>0</v>
      </c>
      <c r="U15" s="281">
        <v>0</v>
      </c>
      <c r="V15" s="281">
        <v>0</v>
      </c>
      <c r="W15" s="278">
        <v>4</v>
      </c>
      <c r="X15" s="283">
        <v>4</v>
      </c>
    </row>
    <row r="16" spans="2:24" ht="21" customHeight="1" x14ac:dyDescent="0.2">
      <c r="B16" s="257" t="s">
        <v>13</v>
      </c>
      <c r="C16" s="281">
        <v>0</v>
      </c>
      <c r="D16" s="281">
        <v>0</v>
      </c>
      <c r="E16" s="278">
        <v>0</v>
      </c>
      <c r="F16" s="280">
        <v>0</v>
      </c>
      <c r="G16" s="281">
        <v>59</v>
      </c>
      <c r="H16" s="281">
        <v>75</v>
      </c>
      <c r="I16" s="281">
        <v>49</v>
      </c>
      <c r="J16" s="281">
        <v>41</v>
      </c>
      <c r="K16" s="281">
        <v>15</v>
      </c>
      <c r="L16" s="278">
        <v>239</v>
      </c>
      <c r="M16" s="283">
        <v>239</v>
      </c>
      <c r="N16" s="281">
        <v>0</v>
      </c>
      <c r="O16" s="281">
        <v>0</v>
      </c>
      <c r="P16" s="278">
        <v>0</v>
      </c>
      <c r="Q16" s="280">
        <v>0</v>
      </c>
      <c r="R16" s="281">
        <v>0</v>
      </c>
      <c r="S16" s="281">
        <v>0</v>
      </c>
      <c r="T16" s="281">
        <v>0</v>
      </c>
      <c r="U16" s="281">
        <v>4</v>
      </c>
      <c r="V16" s="281">
        <v>0</v>
      </c>
      <c r="W16" s="278">
        <v>4</v>
      </c>
      <c r="X16" s="283">
        <v>4</v>
      </c>
    </row>
    <row r="17" spans="2:24" ht="21" customHeight="1" x14ac:dyDescent="0.2">
      <c r="B17" s="257" t="s">
        <v>15</v>
      </c>
      <c r="C17" s="281">
        <v>0</v>
      </c>
      <c r="D17" s="281">
        <v>0</v>
      </c>
      <c r="E17" s="278">
        <v>0</v>
      </c>
      <c r="F17" s="280">
        <v>0</v>
      </c>
      <c r="G17" s="281">
        <v>41</v>
      </c>
      <c r="H17" s="281">
        <v>59</v>
      </c>
      <c r="I17" s="281">
        <v>11</v>
      </c>
      <c r="J17" s="281">
        <v>23</v>
      </c>
      <c r="K17" s="281">
        <v>2</v>
      </c>
      <c r="L17" s="278">
        <v>136</v>
      </c>
      <c r="M17" s="283">
        <v>136</v>
      </c>
      <c r="N17" s="281">
        <v>0</v>
      </c>
      <c r="O17" s="281">
        <v>0</v>
      </c>
      <c r="P17" s="278">
        <v>0</v>
      </c>
      <c r="Q17" s="280">
        <v>0</v>
      </c>
      <c r="R17" s="281">
        <v>0</v>
      </c>
      <c r="S17" s="281">
        <v>0</v>
      </c>
      <c r="T17" s="281">
        <v>0</v>
      </c>
      <c r="U17" s="281">
        <v>0</v>
      </c>
      <c r="V17" s="281">
        <v>0</v>
      </c>
      <c r="W17" s="278">
        <v>0</v>
      </c>
      <c r="X17" s="283">
        <v>0</v>
      </c>
    </row>
    <row r="18" spans="2:24" ht="21" customHeight="1" x14ac:dyDescent="0.2">
      <c r="B18" s="257" t="s">
        <v>16</v>
      </c>
      <c r="C18" s="281">
        <v>0</v>
      </c>
      <c r="D18" s="281">
        <v>0</v>
      </c>
      <c r="E18" s="278">
        <v>0</v>
      </c>
      <c r="F18" s="280">
        <v>0</v>
      </c>
      <c r="G18" s="281">
        <v>55</v>
      </c>
      <c r="H18" s="281">
        <v>41</v>
      </c>
      <c r="I18" s="281">
        <v>39</v>
      </c>
      <c r="J18" s="281">
        <v>0</v>
      </c>
      <c r="K18" s="281">
        <v>26</v>
      </c>
      <c r="L18" s="278">
        <v>161</v>
      </c>
      <c r="M18" s="283">
        <v>161</v>
      </c>
      <c r="N18" s="281">
        <v>0</v>
      </c>
      <c r="O18" s="281">
        <v>0</v>
      </c>
      <c r="P18" s="278">
        <v>0</v>
      </c>
      <c r="Q18" s="280">
        <v>0</v>
      </c>
      <c r="R18" s="281">
        <v>0</v>
      </c>
      <c r="S18" s="281">
        <v>16</v>
      </c>
      <c r="T18" s="281">
        <v>14</v>
      </c>
      <c r="U18" s="281">
        <v>0</v>
      </c>
      <c r="V18" s="281">
        <v>0</v>
      </c>
      <c r="W18" s="278">
        <v>30</v>
      </c>
      <c r="X18" s="283">
        <v>30</v>
      </c>
    </row>
    <row r="19" spans="2:24" ht="21" customHeight="1" x14ac:dyDescent="0.2">
      <c r="B19" s="257" t="s">
        <v>17</v>
      </c>
      <c r="C19" s="281">
        <v>0</v>
      </c>
      <c r="D19" s="281">
        <v>0</v>
      </c>
      <c r="E19" s="278">
        <v>0</v>
      </c>
      <c r="F19" s="280">
        <v>0</v>
      </c>
      <c r="G19" s="281">
        <v>78</v>
      </c>
      <c r="H19" s="281">
        <v>139</v>
      </c>
      <c r="I19" s="281">
        <v>75</v>
      </c>
      <c r="J19" s="281">
        <v>39</v>
      </c>
      <c r="K19" s="281">
        <v>9</v>
      </c>
      <c r="L19" s="278">
        <v>340</v>
      </c>
      <c r="M19" s="283">
        <v>340</v>
      </c>
      <c r="N19" s="281">
        <v>0</v>
      </c>
      <c r="O19" s="281">
        <v>0</v>
      </c>
      <c r="P19" s="278">
        <v>0</v>
      </c>
      <c r="Q19" s="280">
        <v>0</v>
      </c>
      <c r="R19" s="281">
        <v>0</v>
      </c>
      <c r="S19" s="281">
        <v>0</v>
      </c>
      <c r="T19" s="281">
        <v>0</v>
      </c>
      <c r="U19" s="281">
        <v>0</v>
      </c>
      <c r="V19" s="281">
        <v>0</v>
      </c>
      <c r="W19" s="278">
        <v>0</v>
      </c>
      <c r="X19" s="283">
        <v>0</v>
      </c>
    </row>
    <row r="20" spans="2:24" ht="21" customHeight="1" x14ac:dyDescent="0.2">
      <c r="B20" s="257" t="s">
        <v>18</v>
      </c>
      <c r="C20" s="281">
        <v>0</v>
      </c>
      <c r="D20" s="281">
        <v>0</v>
      </c>
      <c r="E20" s="278">
        <v>0</v>
      </c>
      <c r="F20" s="280">
        <v>0</v>
      </c>
      <c r="G20" s="281">
        <v>148</v>
      </c>
      <c r="H20" s="281">
        <v>45</v>
      </c>
      <c r="I20" s="281">
        <v>90</v>
      </c>
      <c r="J20" s="281">
        <v>7</v>
      </c>
      <c r="K20" s="281">
        <v>0</v>
      </c>
      <c r="L20" s="278">
        <v>290</v>
      </c>
      <c r="M20" s="283">
        <v>290</v>
      </c>
      <c r="N20" s="281">
        <v>0</v>
      </c>
      <c r="O20" s="281">
        <v>0</v>
      </c>
      <c r="P20" s="278">
        <v>0</v>
      </c>
      <c r="Q20" s="280">
        <v>0</v>
      </c>
      <c r="R20" s="281">
        <v>11</v>
      </c>
      <c r="S20" s="281">
        <v>0</v>
      </c>
      <c r="T20" s="281">
        <v>24</v>
      </c>
      <c r="U20" s="281">
        <v>0</v>
      </c>
      <c r="V20" s="281">
        <v>0</v>
      </c>
      <c r="W20" s="278">
        <v>35</v>
      </c>
      <c r="X20" s="283">
        <v>35</v>
      </c>
    </row>
    <row r="21" spans="2:24" ht="21" customHeight="1" x14ac:dyDescent="0.2">
      <c r="B21" s="257" t="s">
        <v>19</v>
      </c>
      <c r="C21" s="281">
        <v>0</v>
      </c>
      <c r="D21" s="281">
        <v>0</v>
      </c>
      <c r="E21" s="278">
        <v>0</v>
      </c>
      <c r="F21" s="280">
        <v>0</v>
      </c>
      <c r="G21" s="281">
        <v>82</v>
      </c>
      <c r="H21" s="281">
        <v>47</v>
      </c>
      <c r="I21" s="281">
        <v>32</v>
      </c>
      <c r="J21" s="281">
        <v>16</v>
      </c>
      <c r="K21" s="281">
        <v>0</v>
      </c>
      <c r="L21" s="278">
        <v>177</v>
      </c>
      <c r="M21" s="283">
        <v>177</v>
      </c>
      <c r="N21" s="281">
        <v>0</v>
      </c>
      <c r="O21" s="281">
        <v>0</v>
      </c>
      <c r="P21" s="278">
        <v>0</v>
      </c>
      <c r="Q21" s="280">
        <v>0</v>
      </c>
      <c r="R21" s="281">
        <v>3</v>
      </c>
      <c r="S21" s="281">
        <v>34</v>
      </c>
      <c r="T21" s="281">
        <v>0</v>
      </c>
      <c r="U21" s="281">
        <v>0</v>
      </c>
      <c r="V21" s="281">
        <v>0</v>
      </c>
      <c r="W21" s="278">
        <v>37</v>
      </c>
      <c r="X21" s="283">
        <v>37</v>
      </c>
    </row>
    <row r="22" spans="2:24" ht="21" customHeight="1" x14ac:dyDescent="0.2">
      <c r="B22" s="257" t="s">
        <v>20</v>
      </c>
      <c r="C22" s="281">
        <v>0</v>
      </c>
      <c r="D22" s="281">
        <v>0</v>
      </c>
      <c r="E22" s="278">
        <v>0</v>
      </c>
      <c r="F22" s="280">
        <v>0</v>
      </c>
      <c r="G22" s="281">
        <v>65</v>
      </c>
      <c r="H22" s="281">
        <v>27</v>
      </c>
      <c r="I22" s="281">
        <v>7</v>
      </c>
      <c r="J22" s="281">
        <v>9</v>
      </c>
      <c r="K22" s="281">
        <v>0</v>
      </c>
      <c r="L22" s="278">
        <v>108</v>
      </c>
      <c r="M22" s="283">
        <v>108</v>
      </c>
      <c r="N22" s="281">
        <v>0</v>
      </c>
      <c r="O22" s="281">
        <v>0</v>
      </c>
      <c r="P22" s="278">
        <v>0</v>
      </c>
      <c r="Q22" s="280">
        <v>0</v>
      </c>
      <c r="R22" s="281">
        <v>8</v>
      </c>
      <c r="S22" s="281">
        <v>0</v>
      </c>
      <c r="T22" s="281">
        <v>0</v>
      </c>
      <c r="U22" s="281">
        <v>0</v>
      </c>
      <c r="V22" s="281">
        <v>0</v>
      </c>
      <c r="W22" s="278">
        <v>8</v>
      </c>
      <c r="X22" s="283">
        <v>8</v>
      </c>
    </row>
    <row r="23" spans="2:24" ht="21" customHeight="1" x14ac:dyDescent="0.2">
      <c r="B23" s="257" t="s">
        <v>21</v>
      </c>
      <c r="C23" s="281">
        <v>0</v>
      </c>
      <c r="D23" s="281">
        <v>0</v>
      </c>
      <c r="E23" s="278">
        <v>0</v>
      </c>
      <c r="F23" s="280">
        <v>0</v>
      </c>
      <c r="G23" s="281">
        <v>77</v>
      </c>
      <c r="H23" s="281">
        <v>29</v>
      </c>
      <c r="I23" s="281">
        <v>18</v>
      </c>
      <c r="J23" s="281">
        <v>6</v>
      </c>
      <c r="K23" s="281">
        <v>0</v>
      </c>
      <c r="L23" s="278">
        <v>130</v>
      </c>
      <c r="M23" s="283">
        <v>130</v>
      </c>
      <c r="N23" s="281">
        <v>0</v>
      </c>
      <c r="O23" s="281">
        <v>0</v>
      </c>
      <c r="P23" s="278">
        <v>0</v>
      </c>
      <c r="Q23" s="280">
        <v>0</v>
      </c>
      <c r="R23" s="281">
        <v>0</v>
      </c>
      <c r="S23" s="281">
        <v>0</v>
      </c>
      <c r="T23" s="281">
        <v>0</v>
      </c>
      <c r="U23" s="281">
        <v>0</v>
      </c>
      <c r="V23" s="281">
        <v>0</v>
      </c>
      <c r="W23" s="278">
        <v>0</v>
      </c>
      <c r="X23" s="283">
        <v>0</v>
      </c>
    </row>
    <row r="24" spans="2:24" ht="21" customHeight="1" x14ac:dyDescent="0.2">
      <c r="B24" s="257" t="s">
        <v>22</v>
      </c>
      <c r="C24" s="281">
        <v>0</v>
      </c>
      <c r="D24" s="281">
        <v>0</v>
      </c>
      <c r="E24" s="278">
        <v>0</v>
      </c>
      <c r="F24" s="280">
        <v>0</v>
      </c>
      <c r="G24" s="281">
        <v>82</v>
      </c>
      <c r="H24" s="281">
        <v>6</v>
      </c>
      <c r="I24" s="281">
        <v>0</v>
      </c>
      <c r="J24" s="281">
        <v>0</v>
      </c>
      <c r="K24" s="281">
        <v>0</v>
      </c>
      <c r="L24" s="278">
        <v>88</v>
      </c>
      <c r="M24" s="283">
        <v>88</v>
      </c>
      <c r="N24" s="281">
        <v>0</v>
      </c>
      <c r="O24" s="281">
        <v>0</v>
      </c>
      <c r="P24" s="278">
        <v>0</v>
      </c>
      <c r="Q24" s="280">
        <v>0</v>
      </c>
      <c r="R24" s="281">
        <v>0</v>
      </c>
      <c r="S24" s="281">
        <v>0</v>
      </c>
      <c r="T24" s="281">
        <v>8</v>
      </c>
      <c r="U24" s="281">
        <v>0</v>
      </c>
      <c r="V24" s="281">
        <v>0</v>
      </c>
      <c r="W24" s="278">
        <v>8</v>
      </c>
      <c r="X24" s="283">
        <v>8</v>
      </c>
    </row>
    <row r="25" spans="2:24" ht="21" customHeight="1" x14ac:dyDescent="0.2">
      <c r="B25" s="257" t="s">
        <v>23</v>
      </c>
      <c r="C25" s="281">
        <v>0</v>
      </c>
      <c r="D25" s="281">
        <v>0</v>
      </c>
      <c r="E25" s="278">
        <v>0</v>
      </c>
      <c r="F25" s="280">
        <v>0</v>
      </c>
      <c r="G25" s="281">
        <v>14</v>
      </c>
      <c r="H25" s="281">
        <v>10</v>
      </c>
      <c r="I25" s="281">
        <v>0</v>
      </c>
      <c r="J25" s="281">
        <v>0</v>
      </c>
      <c r="K25" s="281">
        <v>20</v>
      </c>
      <c r="L25" s="278">
        <v>44</v>
      </c>
      <c r="M25" s="283">
        <v>44</v>
      </c>
      <c r="N25" s="281">
        <v>0</v>
      </c>
      <c r="O25" s="281">
        <v>0</v>
      </c>
      <c r="P25" s="278">
        <v>0</v>
      </c>
      <c r="Q25" s="280">
        <v>0</v>
      </c>
      <c r="R25" s="281">
        <v>0</v>
      </c>
      <c r="S25" s="281">
        <v>0</v>
      </c>
      <c r="T25" s="281">
        <v>0</v>
      </c>
      <c r="U25" s="281">
        <v>0</v>
      </c>
      <c r="V25" s="281">
        <v>0</v>
      </c>
      <c r="W25" s="278">
        <v>0</v>
      </c>
      <c r="X25" s="283">
        <v>0</v>
      </c>
    </row>
    <row r="26" spans="2:24" ht="21" customHeight="1" x14ac:dyDescent="0.2">
      <c r="B26" s="257" t="s">
        <v>24</v>
      </c>
      <c r="C26" s="281">
        <v>0</v>
      </c>
      <c r="D26" s="281">
        <v>0</v>
      </c>
      <c r="E26" s="278">
        <v>0</v>
      </c>
      <c r="F26" s="280">
        <v>0</v>
      </c>
      <c r="G26" s="281">
        <v>0</v>
      </c>
      <c r="H26" s="281">
        <v>0</v>
      </c>
      <c r="I26" s="281">
        <v>10</v>
      </c>
      <c r="J26" s="281">
        <v>0</v>
      </c>
      <c r="K26" s="281">
        <v>0</v>
      </c>
      <c r="L26" s="278">
        <v>10</v>
      </c>
      <c r="M26" s="283">
        <v>10</v>
      </c>
      <c r="N26" s="281">
        <v>0</v>
      </c>
      <c r="O26" s="281">
        <v>0</v>
      </c>
      <c r="P26" s="278">
        <v>0</v>
      </c>
      <c r="Q26" s="280">
        <v>0</v>
      </c>
      <c r="R26" s="281">
        <v>0</v>
      </c>
      <c r="S26" s="281">
        <v>15</v>
      </c>
      <c r="T26" s="281">
        <v>0</v>
      </c>
      <c r="U26" s="281">
        <v>0</v>
      </c>
      <c r="V26" s="281">
        <v>19</v>
      </c>
      <c r="W26" s="278">
        <v>34</v>
      </c>
      <c r="X26" s="283">
        <v>34</v>
      </c>
    </row>
    <row r="27" spans="2:24" ht="21" customHeight="1" x14ac:dyDescent="0.2">
      <c r="B27" s="257" t="s">
        <v>25</v>
      </c>
      <c r="C27" s="281">
        <v>0</v>
      </c>
      <c r="D27" s="281">
        <v>0</v>
      </c>
      <c r="E27" s="278">
        <v>0</v>
      </c>
      <c r="F27" s="280">
        <v>0</v>
      </c>
      <c r="G27" s="281">
        <v>16</v>
      </c>
      <c r="H27" s="281">
        <v>4</v>
      </c>
      <c r="I27" s="281">
        <v>0</v>
      </c>
      <c r="J27" s="281">
        <v>0</v>
      </c>
      <c r="K27" s="281">
        <v>0</v>
      </c>
      <c r="L27" s="278">
        <v>20</v>
      </c>
      <c r="M27" s="283">
        <v>20</v>
      </c>
      <c r="N27" s="281">
        <v>0</v>
      </c>
      <c r="O27" s="281">
        <v>0</v>
      </c>
      <c r="P27" s="278">
        <v>0</v>
      </c>
      <c r="Q27" s="280">
        <v>0</v>
      </c>
      <c r="R27" s="281">
        <v>0</v>
      </c>
      <c r="S27" s="281">
        <v>0</v>
      </c>
      <c r="T27" s="281">
        <v>0</v>
      </c>
      <c r="U27" s="281">
        <v>0</v>
      </c>
      <c r="V27" s="281">
        <v>0</v>
      </c>
      <c r="W27" s="278">
        <v>0</v>
      </c>
      <c r="X27" s="283">
        <v>0</v>
      </c>
    </row>
    <row r="28" spans="2:24" ht="21" customHeight="1" x14ac:dyDescent="0.2">
      <c r="B28" s="257" t="s">
        <v>26</v>
      </c>
      <c r="C28" s="281">
        <v>0</v>
      </c>
      <c r="D28" s="281">
        <v>0</v>
      </c>
      <c r="E28" s="278">
        <v>0</v>
      </c>
      <c r="F28" s="280">
        <v>0</v>
      </c>
      <c r="G28" s="281">
        <v>21</v>
      </c>
      <c r="H28" s="281">
        <v>9</v>
      </c>
      <c r="I28" s="281">
        <v>25</v>
      </c>
      <c r="J28" s="281">
        <v>0</v>
      </c>
      <c r="K28" s="281">
        <v>0</v>
      </c>
      <c r="L28" s="278">
        <v>55</v>
      </c>
      <c r="M28" s="283">
        <v>55</v>
      </c>
      <c r="N28" s="281">
        <v>0</v>
      </c>
      <c r="O28" s="281">
        <v>0</v>
      </c>
      <c r="P28" s="278">
        <v>0</v>
      </c>
      <c r="Q28" s="280">
        <v>0</v>
      </c>
      <c r="R28" s="281">
        <v>0</v>
      </c>
      <c r="S28" s="281">
        <v>0</v>
      </c>
      <c r="T28" s="281">
        <v>0</v>
      </c>
      <c r="U28" s="281">
        <v>0</v>
      </c>
      <c r="V28" s="281">
        <v>24</v>
      </c>
      <c r="W28" s="278">
        <v>24</v>
      </c>
      <c r="X28" s="283">
        <v>24</v>
      </c>
    </row>
    <row r="29" spans="2:24" ht="21" customHeight="1" x14ac:dyDescent="0.2">
      <c r="B29" s="257" t="s">
        <v>27</v>
      </c>
      <c r="C29" s="281">
        <v>0</v>
      </c>
      <c r="D29" s="281">
        <v>0</v>
      </c>
      <c r="E29" s="278">
        <v>0</v>
      </c>
      <c r="F29" s="280">
        <v>0</v>
      </c>
      <c r="G29" s="281">
        <v>5</v>
      </c>
      <c r="H29" s="281">
        <v>1</v>
      </c>
      <c r="I29" s="281">
        <v>0</v>
      </c>
      <c r="J29" s="281">
        <v>0</v>
      </c>
      <c r="K29" s="281">
        <v>0</v>
      </c>
      <c r="L29" s="278">
        <v>6</v>
      </c>
      <c r="M29" s="283">
        <v>6</v>
      </c>
      <c r="N29" s="281">
        <v>0</v>
      </c>
      <c r="O29" s="281">
        <v>0</v>
      </c>
      <c r="P29" s="278">
        <v>0</v>
      </c>
      <c r="Q29" s="280">
        <v>0</v>
      </c>
      <c r="R29" s="281">
        <v>0</v>
      </c>
      <c r="S29" s="281">
        <v>4</v>
      </c>
      <c r="T29" s="281">
        <v>5</v>
      </c>
      <c r="U29" s="281">
        <v>0</v>
      </c>
      <c r="V29" s="281">
        <v>0</v>
      </c>
      <c r="W29" s="278">
        <v>9</v>
      </c>
      <c r="X29" s="283">
        <v>9</v>
      </c>
    </row>
    <row r="30" spans="2:24" ht="21" customHeight="1" x14ac:dyDescent="0.2">
      <c r="B30" s="257" t="s">
        <v>28</v>
      </c>
      <c r="C30" s="281">
        <v>0</v>
      </c>
      <c r="D30" s="281">
        <v>0</v>
      </c>
      <c r="E30" s="278">
        <v>0</v>
      </c>
      <c r="F30" s="280">
        <v>0</v>
      </c>
      <c r="G30" s="281">
        <v>36</v>
      </c>
      <c r="H30" s="281">
        <v>8</v>
      </c>
      <c r="I30" s="281">
        <v>0</v>
      </c>
      <c r="J30" s="281">
        <v>0</v>
      </c>
      <c r="K30" s="281">
        <v>0</v>
      </c>
      <c r="L30" s="278">
        <v>44</v>
      </c>
      <c r="M30" s="283">
        <v>44</v>
      </c>
      <c r="N30" s="281">
        <v>0</v>
      </c>
      <c r="O30" s="281">
        <v>0</v>
      </c>
      <c r="P30" s="278">
        <v>0</v>
      </c>
      <c r="Q30" s="280">
        <v>0</v>
      </c>
      <c r="R30" s="281">
        <v>0</v>
      </c>
      <c r="S30" s="281">
        <v>0</v>
      </c>
      <c r="T30" s="281">
        <v>0</v>
      </c>
      <c r="U30" s="281">
        <v>0</v>
      </c>
      <c r="V30" s="281">
        <v>0</v>
      </c>
      <c r="W30" s="278">
        <v>0</v>
      </c>
      <c r="X30" s="283">
        <v>0</v>
      </c>
    </row>
    <row r="31" spans="2:24" ht="21" customHeight="1" x14ac:dyDescent="0.2">
      <c r="B31" s="257" t="s">
        <v>29</v>
      </c>
      <c r="C31" s="281">
        <v>0</v>
      </c>
      <c r="D31" s="281">
        <v>0</v>
      </c>
      <c r="E31" s="278">
        <v>0</v>
      </c>
      <c r="F31" s="280">
        <v>0</v>
      </c>
      <c r="G31" s="281">
        <v>0</v>
      </c>
      <c r="H31" s="281">
        <v>4</v>
      </c>
      <c r="I31" s="281">
        <v>0</v>
      </c>
      <c r="J31" s="281">
        <v>0</v>
      </c>
      <c r="K31" s="281">
        <v>0</v>
      </c>
      <c r="L31" s="278">
        <v>4</v>
      </c>
      <c r="M31" s="283">
        <v>4</v>
      </c>
      <c r="N31" s="281">
        <v>0</v>
      </c>
      <c r="O31" s="281">
        <v>0</v>
      </c>
      <c r="P31" s="278">
        <v>0</v>
      </c>
      <c r="Q31" s="280">
        <v>0</v>
      </c>
      <c r="R31" s="281">
        <v>0</v>
      </c>
      <c r="S31" s="281">
        <v>0</v>
      </c>
      <c r="T31" s="281">
        <v>9</v>
      </c>
      <c r="U31" s="281">
        <v>0</v>
      </c>
      <c r="V31" s="281">
        <v>0</v>
      </c>
      <c r="W31" s="278">
        <v>9</v>
      </c>
      <c r="X31" s="283">
        <v>9</v>
      </c>
    </row>
    <row r="32" spans="2:24" ht="21" customHeight="1" x14ac:dyDescent="0.2">
      <c r="B32" s="257" t="s">
        <v>30</v>
      </c>
      <c r="C32" s="281">
        <v>0</v>
      </c>
      <c r="D32" s="281">
        <v>0</v>
      </c>
      <c r="E32" s="278">
        <v>0</v>
      </c>
      <c r="F32" s="280">
        <v>0</v>
      </c>
      <c r="G32" s="281">
        <v>13</v>
      </c>
      <c r="H32" s="281">
        <v>0</v>
      </c>
      <c r="I32" s="281">
        <v>0</v>
      </c>
      <c r="J32" s="281">
        <v>0</v>
      </c>
      <c r="K32" s="281">
        <v>0</v>
      </c>
      <c r="L32" s="278">
        <v>13</v>
      </c>
      <c r="M32" s="283">
        <v>13</v>
      </c>
      <c r="N32" s="281">
        <v>0</v>
      </c>
      <c r="O32" s="281">
        <v>0</v>
      </c>
      <c r="P32" s="278">
        <v>0</v>
      </c>
      <c r="Q32" s="280">
        <v>0</v>
      </c>
      <c r="R32" s="281">
        <v>0</v>
      </c>
      <c r="S32" s="281">
        <v>4</v>
      </c>
      <c r="T32" s="281">
        <v>0</v>
      </c>
      <c r="U32" s="281">
        <v>0</v>
      </c>
      <c r="V32" s="281">
        <v>0</v>
      </c>
      <c r="W32" s="278">
        <v>4</v>
      </c>
      <c r="X32" s="283">
        <v>4</v>
      </c>
    </row>
    <row r="33" spans="2:24" ht="21" customHeight="1" x14ac:dyDescent="0.2">
      <c r="B33" s="257" t="s">
        <v>31</v>
      </c>
      <c r="C33" s="281">
        <v>0</v>
      </c>
      <c r="D33" s="281">
        <v>0</v>
      </c>
      <c r="E33" s="278">
        <v>0</v>
      </c>
      <c r="F33" s="280">
        <v>0</v>
      </c>
      <c r="G33" s="281">
        <v>8</v>
      </c>
      <c r="H33" s="281">
        <v>10</v>
      </c>
      <c r="I33" s="281">
        <v>12</v>
      </c>
      <c r="J33" s="281">
        <v>0</v>
      </c>
      <c r="K33" s="281">
        <v>0</v>
      </c>
      <c r="L33" s="278">
        <v>30</v>
      </c>
      <c r="M33" s="283">
        <v>30</v>
      </c>
      <c r="N33" s="281">
        <v>0</v>
      </c>
      <c r="O33" s="281">
        <v>0</v>
      </c>
      <c r="P33" s="278">
        <v>0</v>
      </c>
      <c r="Q33" s="280">
        <v>0</v>
      </c>
      <c r="R33" s="281">
        <v>0</v>
      </c>
      <c r="S33" s="281">
        <v>0</v>
      </c>
      <c r="T33" s="281">
        <v>0</v>
      </c>
      <c r="U33" s="281">
        <v>0</v>
      </c>
      <c r="V33" s="281">
        <v>0</v>
      </c>
      <c r="W33" s="278">
        <v>0</v>
      </c>
      <c r="X33" s="283">
        <v>0</v>
      </c>
    </row>
    <row r="34" spans="2:24" ht="21" customHeight="1" x14ac:dyDescent="0.2">
      <c r="B34" s="257" t="s">
        <v>32</v>
      </c>
      <c r="C34" s="281">
        <v>0</v>
      </c>
      <c r="D34" s="281">
        <v>0</v>
      </c>
      <c r="E34" s="278">
        <v>0</v>
      </c>
      <c r="F34" s="280">
        <v>0</v>
      </c>
      <c r="G34" s="281">
        <v>8</v>
      </c>
      <c r="H34" s="281">
        <v>4</v>
      </c>
      <c r="I34" s="281">
        <v>5</v>
      </c>
      <c r="J34" s="281">
        <v>5</v>
      </c>
      <c r="K34" s="281">
        <v>0</v>
      </c>
      <c r="L34" s="278">
        <v>22</v>
      </c>
      <c r="M34" s="283">
        <v>22</v>
      </c>
      <c r="N34" s="281">
        <v>0</v>
      </c>
      <c r="O34" s="281">
        <v>0</v>
      </c>
      <c r="P34" s="278">
        <v>0</v>
      </c>
      <c r="Q34" s="280">
        <v>0</v>
      </c>
      <c r="R34" s="281">
        <v>6</v>
      </c>
      <c r="S34" s="281">
        <v>0</v>
      </c>
      <c r="T34" s="281">
        <v>0</v>
      </c>
      <c r="U34" s="281">
        <v>0</v>
      </c>
      <c r="V34" s="281">
        <v>0</v>
      </c>
      <c r="W34" s="278">
        <v>6</v>
      </c>
      <c r="X34" s="283">
        <v>6</v>
      </c>
    </row>
    <row r="35" spans="2:24" ht="21" customHeight="1" x14ac:dyDescent="0.2">
      <c r="B35" s="257" t="s">
        <v>33</v>
      </c>
      <c r="C35" s="281">
        <v>0</v>
      </c>
      <c r="D35" s="281">
        <v>0</v>
      </c>
      <c r="E35" s="278">
        <v>0</v>
      </c>
      <c r="F35" s="280">
        <v>0</v>
      </c>
      <c r="G35" s="281">
        <v>21</v>
      </c>
      <c r="H35" s="281">
        <v>0</v>
      </c>
      <c r="I35" s="281">
        <v>9</v>
      </c>
      <c r="J35" s="281">
        <v>0</v>
      </c>
      <c r="K35" s="281">
        <v>0</v>
      </c>
      <c r="L35" s="278">
        <v>30</v>
      </c>
      <c r="M35" s="283">
        <v>30</v>
      </c>
      <c r="N35" s="281">
        <v>0</v>
      </c>
      <c r="O35" s="281">
        <v>0</v>
      </c>
      <c r="P35" s="278">
        <v>0</v>
      </c>
      <c r="Q35" s="280">
        <v>0</v>
      </c>
      <c r="R35" s="281">
        <v>0</v>
      </c>
      <c r="S35" s="281">
        <v>0</v>
      </c>
      <c r="T35" s="281">
        <v>0</v>
      </c>
      <c r="U35" s="281">
        <v>0</v>
      </c>
      <c r="V35" s="281">
        <v>0</v>
      </c>
      <c r="W35" s="278">
        <v>0</v>
      </c>
      <c r="X35" s="283">
        <v>0</v>
      </c>
    </row>
    <row r="36" spans="2:24" ht="21" customHeight="1" x14ac:dyDescent="0.2">
      <c r="B36" s="257" t="s">
        <v>34</v>
      </c>
      <c r="C36" s="281">
        <v>0</v>
      </c>
      <c r="D36" s="281">
        <v>0</v>
      </c>
      <c r="E36" s="278">
        <v>0</v>
      </c>
      <c r="F36" s="280">
        <v>0</v>
      </c>
      <c r="G36" s="281">
        <v>0</v>
      </c>
      <c r="H36" s="281">
        <v>0</v>
      </c>
      <c r="I36" s="281">
        <v>0</v>
      </c>
      <c r="J36" s="281">
        <v>0</v>
      </c>
      <c r="K36" s="281">
        <v>0</v>
      </c>
      <c r="L36" s="278">
        <v>0</v>
      </c>
      <c r="M36" s="283">
        <v>0</v>
      </c>
      <c r="N36" s="281">
        <v>0</v>
      </c>
      <c r="O36" s="281">
        <v>0</v>
      </c>
      <c r="P36" s="278">
        <v>0</v>
      </c>
      <c r="Q36" s="280">
        <v>0</v>
      </c>
      <c r="R36" s="281">
        <v>0</v>
      </c>
      <c r="S36" s="281">
        <v>0</v>
      </c>
      <c r="T36" s="281">
        <v>0</v>
      </c>
      <c r="U36" s="281">
        <v>0</v>
      </c>
      <c r="V36" s="281">
        <v>0</v>
      </c>
      <c r="W36" s="278">
        <v>0</v>
      </c>
      <c r="X36" s="283">
        <v>0</v>
      </c>
    </row>
    <row r="37" spans="2:24" ht="21" customHeight="1" x14ac:dyDescent="0.2">
      <c r="B37" s="257" t="s">
        <v>35</v>
      </c>
      <c r="C37" s="281">
        <v>0</v>
      </c>
      <c r="D37" s="281">
        <v>0</v>
      </c>
      <c r="E37" s="278">
        <v>0</v>
      </c>
      <c r="F37" s="280">
        <v>0</v>
      </c>
      <c r="G37" s="281">
        <v>8</v>
      </c>
      <c r="H37" s="281">
        <v>13</v>
      </c>
      <c r="I37" s="281">
        <v>0</v>
      </c>
      <c r="J37" s="281">
        <v>0</v>
      </c>
      <c r="K37" s="281">
        <v>0</v>
      </c>
      <c r="L37" s="278">
        <v>21</v>
      </c>
      <c r="M37" s="283">
        <v>21</v>
      </c>
      <c r="N37" s="281">
        <v>0</v>
      </c>
      <c r="O37" s="281">
        <v>0</v>
      </c>
      <c r="P37" s="278">
        <v>0</v>
      </c>
      <c r="Q37" s="280">
        <v>0</v>
      </c>
      <c r="R37" s="281">
        <v>0</v>
      </c>
      <c r="S37" s="281">
        <v>0</v>
      </c>
      <c r="T37" s="281">
        <v>0</v>
      </c>
      <c r="U37" s="281">
        <v>0</v>
      </c>
      <c r="V37" s="281">
        <v>0</v>
      </c>
      <c r="W37" s="278">
        <v>0</v>
      </c>
      <c r="X37" s="283">
        <v>0</v>
      </c>
    </row>
    <row r="38" spans="2:24" ht="21" customHeight="1" x14ac:dyDescent="0.2">
      <c r="B38" s="257" t="s">
        <v>36</v>
      </c>
      <c r="C38" s="281">
        <v>0</v>
      </c>
      <c r="D38" s="281">
        <v>0</v>
      </c>
      <c r="E38" s="278">
        <v>0</v>
      </c>
      <c r="F38" s="280">
        <v>0</v>
      </c>
      <c r="G38" s="281">
        <v>0</v>
      </c>
      <c r="H38" s="281">
        <v>0</v>
      </c>
      <c r="I38" s="281">
        <v>0</v>
      </c>
      <c r="J38" s="281">
        <v>16</v>
      </c>
      <c r="K38" s="281">
        <v>9</v>
      </c>
      <c r="L38" s="278">
        <v>25</v>
      </c>
      <c r="M38" s="283">
        <v>25</v>
      </c>
      <c r="N38" s="281">
        <v>0</v>
      </c>
      <c r="O38" s="281">
        <v>0</v>
      </c>
      <c r="P38" s="278">
        <v>0</v>
      </c>
      <c r="Q38" s="280">
        <v>0</v>
      </c>
      <c r="R38" s="281">
        <v>0</v>
      </c>
      <c r="S38" s="281">
        <v>0</v>
      </c>
      <c r="T38" s="281">
        <v>0</v>
      </c>
      <c r="U38" s="281">
        <v>0</v>
      </c>
      <c r="V38" s="281">
        <v>0</v>
      </c>
      <c r="W38" s="278">
        <v>0</v>
      </c>
      <c r="X38" s="283">
        <v>0</v>
      </c>
    </row>
    <row r="39" spans="2:24" ht="21" customHeight="1" thickBot="1" x14ac:dyDescent="0.25">
      <c r="B39" s="258" t="s">
        <v>37</v>
      </c>
      <c r="C39" s="288">
        <v>0</v>
      </c>
      <c r="D39" s="288">
        <v>0</v>
      </c>
      <c r="E39" s="285">
        <v>0</v>
      </c>
      <c r="F39" s="287">
        <v>0</v>
      </c>
      <c r="G39" s="288">
        <v>0</v>
      </c>
      <c r="H39" s="288">
        <v>0</v>
      </c>
      <c r="I39" s="288">
        <v>0</v>
      </c>
      <c r="J39" s="288">
        <v>0</v>
      </c>
      <c r="K39" s="288">
        <v>11</v>
      </c>
      <c r="L39" s="285">
        <v>11</v>
      </c>
      <c r="M39" s="290">
        <v>11</v>
      </c>
      <c r="N39" s="288">
        <v>0</v>
      </c>
      <c r="O39" s="288">
        <v>0</v>
      </c>
      <c r="P39" s="285">
        <v>0</v>
      </c>
      <c r="Q39" s="287">
        <v>0</v>
      </c>
      <c r="R39" s="288">
        <v>0</v>
      </c>
      <c r="S39" s="288">
        <v>0</v>
      </c>
      <c r="T39" s="288">
        <v>0</v>
      </c>
      <c r="U39" s="288">
        <v>0</v>
      </c>
      <c r="V39" s="288">
        <v>0</v>
      </c>
      <c r="W39" s="285">
        <v>0</v>
      </c>
      <c r="X39" s="290">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3" width="9" style="1" customWidth="1"/>
    <col min="4" max="4" width="8.109375" style="1" customWidth="1"/>
    <col min="5" max="5" width="10.109375" style="1" bestFit="1" customWidth="1"/>
    <col min="6" max="11" width="9" style="1"/>
    <col min="12" max="12" width="9.6640625" style="1" customWidth="1"/>
    <col min="13" max="15" width="8.109375" style="1" customWidth="1"/>
    <col min="16" max="21" width="9.21875" style="1" customWidth="1"/>
    <col min="22" max="22" width="7.77734375" style="1" customWidth="1"/>
    <col min="23" max="25" width="8.33203125" style="1" customWidth="1"/>
    <col min="26" max="30" width="8.44140625" style="1" customWidth="1"/>
    <col min="31" max="32" width="7.109375" style="1" customWidth="1"/>
    <col min="33" max="42" width="8.77734375" style="1" customWidth="1"/>
    <col min="43" max="52" width="8.44140625" style="1" customWidth="1"/>
    <col min="53" max="132" width="9.6640625" style="1" customWidth="1"/>
    <col min="133" max="16384" width="9" style="1"/>
  </cols>
  <sheetData>
    <row r="1" spans="2:133" ht="24" customHeight="1" x14ac:dyDescent="0.2">
      <c r="B1" s="20" t="s">
        <v>56</v>
      </c>
      <c r="E1" s="368">
        <f>第１表!F2</f>
        <v>4</v>
      </c>
      <c r="F1" s="251">
        <f>第１表!G2</f>
        <v>9</v>
      </c>
      <c r="G1" s="555">
        <f>IF(F1&lt;3,F1-2+12,F1-2)</f>
        <v>7</v>
      </c>
      <c r="H1" s="555"/>
    </row>
    <row r="2" spans="2:133" ht="24" customHeight="1" thickBot="1" x14ac:dyDescent="0.25"/>
    <row r="3" spans="2:133" ht="24.75" customHeight="1" thickBot="1" x14ac:dyDescent="0.25">
      <c r="B3" s="573"/>
      <c r="C3" s="576" t="s">
        <v>57</v>
      </c>
      <c r="D3" s="577"/>
      <c r="E3" s="577"/>
      <c r="F3" s="577"/>
      <c r="G3" s="577"/>
      <c r="H3" s="577"/>
      <c r="I3" s="577"/>
      <c r="J3" s="577"/>
      <c r="K3" s="577"/>
      <c r="L3" s="577"/>
      <c r="M3" s="577"/>
      <c r="N3" s="577"/>
      <c r="O3" s="577"/>
      <c r="P3" s="577"/>
      <c r="Q3" s="577"/>
      <c r="R3" s="577"/>
      <c r="S3" s="577"/>
      <c r="T3" s="577"/>
      <c r="U3" s="577"/>
      <c r="V3" s="577"/>
      <c r="W3" s="577"/>
      <c r="X3" s="577"/>
      <c r="Y3" s="577"/>
      <c r="Z3" s="577"/>
      <c r="AA3" s="577"/>
      <c r="AB3" s="577"/>
      <c r="AC3" s="577"/>
      <c r="AD3" s="577"/>
      <c r="AE3" s="577"/>
      <c r="AF3" s="578"/>
      <c r="AG3" s="576" t="s">
        <v>58</v>
      </c>
      <c r="AH3" s="579"/>
      <c r="AI3" s="579"/>
      <c r="AJ3" s="579"/>
      <c r="AK3" s="579"/>
      <c r="AL3" s="579"/>
      <c r="AM3" s="579"/>
      <c r="AN3" s="579"/>
      <c r="AO3" s="579"/>
      <c r="AP3" s="579"/>
      <c r="AQ3" s="579"/>
      <c r="AR3" s="579"/>
      <c r="AS3" s="579"/>
      <c r="AT3" s="579"/>
      <c r="AU3" s="579"/>
      <c r="AV3" s="579"/>
      <c r="AW3" s="579"/>
      <c r="AX3" s="579"/>
      <c r="AY3" s="579"/>
      <c r="AZ3" s="579"/>
      <c r="BA3" s="579"/>
      <c r="BB3" s="579"/>
      <c r="BC3" s="579"/>
      <c r="BD3" s="579"/>
      <c r="BE3" s="579"/>
      <c r="BF3" s="579"/>
      <c r="BG3" s="579"/>
      <c r="BH3" s="579"/>
      <c r="BI3" s="579"/>
      <c r="BJ3" s="580"/>
      <c r="BK3" s="576" t="s">
        <v>59</v>
      </c>
      <c r="BL3" s="577"/>
      <c r="BM3" s="577"/>
      <c r="BN3" s="577"/>
      <c r="BO3" s="577"/>
      <c r="BP3" s="577"/>
      <c r="BQ3" s="577"/>
      <c r="BR3" s="577"/>
      <c r="BS3" s="577"/>
      <c r="BT3" s="577"/>
      <c r="BU3" s="577"/>
      <c r="BV3" s="577"/>
      <c r="BW3" s="577"/>
      <c r="BX3" s="577"/>
      <c r="BY3" s="577"/>
      <c r="BZ3" s="577"/>
      <c r="CA3" s="577"/>
      <c r="CB3" s="577"/>
      <c r="CC3" s="577"/>
      <c r="CD3" s="577"/>
      <c r="CE3" s="577"/>
      <c r="CF3" s="577"/>
      <c r="CG3" s="577"/>
      <c r="CH3" s="577"/>
      <c r="CI3" s="577"/>
      <c r="CJ3" s="577"/>
      <c r="CK3" s="577"/>
      <c r="CL3" s="577"/>
      <c r="CM3" s="577"/>
      <c r="CN3" s="578"/>
      <c r="CO3" s="605" t="s">
        <v>151</v>
      </c>
      <c r="CP3" s="577"/>
      <c r="CQ3" s="577"/>
      <c r="CR3" s="577"/>
      <c r="CS3" s="577"/>
      <c r="CT3" s="577"/>
      <c r="CU3" s="577"/>
      <c r="CV3" s="577"/>
      <c r="CW3" s="577"/>
      <c r="CX3" s="577"/>
      <c r="CY3" s="577"/>
      <c r="CZ3" s="577"/>
      <c r="DA3" s="577"/>
      <c r="DB3" s="577"/>
      <c r="DC3" s="577"/>
      <c r="DD3" s="577"/>
      <c r="DE3" s="577"/>
      <c r="DF3" s="577"/>
      <c r="DG3" s="577"/>
      <c r="DH3" s="577"/>
      <c r="DI3" s="577"/>
      <c r="DJ3" s="577"/>
      <c r="DK3" s="577"/>
      <c r="DL3" s="577"/>
      <c r="DM3" s="577"/>
      <c r="DN3" s="577"/>
      <c r="DO3" s="577"/>
      <c r="DP3" s="577"/>
      <c r="DQ3" s="577"/>
      <c r="DR3" s="578"/>
      <c r="DS3" s="599" t="s">
        <v>60</v>
      </c>
      <c r="DT3" s="503"/>
      <c r="DU3" s="503"/>
      <c r="DV3" s="503"/>
      <c r="DW3" s="503"/>
      <c r="DX3" s="503"/>
      <c r="DY3" s="503"/>
      <c r="DZ3" s="503"/>
      <c r="EA3" s="503"/>
      <c r="EB3" s="504"/>
    </row>
    <row r="4" spans="2:133" ht="24.75" customHeight="1" thickBot="1" x14ac:dyDescent="0.25">
      <c r="B4" s="574"/>
      <c r="C4" s="600"/>
      <c r="D4" s="593"/>
      <c r="E4" s="593"/>
      <c r="F4" s="593"/>
      <c r="G4" s="593"/>
      <c r="H4" s="593"/>
      <c r="I4" s="593"/>
      <c r="J4" s="593"/>
      <c r="K4" s="593"/>
      <c r="L4" s="593"/>
      <c r="M4" s="602" t="s">
        <v>39</v>
      </c>
      <c r="N4" s="603"/>
      <c r="O4" s="603"/>
      <c r="P4" s="603"/>
      <c r="Q4" s="603"/>
      <c r="R4" s="603"/>
      <c r="S4" s="603"/>
      <c r="T4" s="603"/>
      <c r="U4" s="603"/>
      <c r="V4" s="604"/>
      <c r="W4" s="602" t="s">
        <v>40</v>
      </c>
      <c r="X4" s="603"/>
      <c r="Y4" s="603"/>
      <c r="Z4" s="603"/>
      <c r="AA4" s="603"/>
      <c r="AB4" s="603"/>
      <c r="AC4" s="603"/>
      <c r="AD4" s="603"/>
      <c r="AE4" s="603"/>
      <c r="AF4" s="604"/>
      <c r="AG4" s="600"/>
      <c r="AH4" s="593"/>
      <c r="AI4" s="593"/>
      <c r="AJ4" s="593"/>
      <c r="AK4" s="593"/>
      <c r="AL4" s="593"/>
      <c r="AM4" s="593"/>
      <c r="AN4" s="593"/>
      <c r="AO4" s="593"/>
      <c r="AP4" s="593"/>
      <c r="AQ4" s="602" t="s">
        <v>39</v>
      </c>
      <c r="AR4" s="603"/>
      <c r="AS4" s="603"/>
      <c r="AT4" s="603"/>
      <c r="AU4" s="603"/>
      <c r="AV4" s="603"/>
      <c r="AW4" s="603"/>
      <c r="AX4" s="603"/>
      <c r="AY4" s="603"/>
      <c r="AZ4" s="604"/>
      <c r="BA4" s="602" t="s">
        <v>40</v>
      </c>
      <c r="BB4" s="603"/>
      <c r="BC4" s="603"/>
      <c r="BD4" s="603"/>
      <c r="BE4" s="603"/>
      <c r="BF4" s="603"/>
      <c r="BG4" s="603"/>
      <c r="BH4" s="603"/>
      <c r="BI4" s="603"/>
      <c r="BJ4" s="604"/>
      <c r="BK4" s="600"/>
      <c r="BL4" s="593"/>
      <c r="BM4" s="593"/>
      <c r="BN4" s="593"/>
      <c r="BO4" s="593"/>
      <c r="BP4" s="593"/>
      <c r="BQ4" s="593"/>
      <c r="BR4" s="593"/>
      <c r="BS4" s="593"/>
      <c r="BT4" s="593"/>
      <c r="BU4" s="602" t="s">
        <v>39</v>
      </c>
      <c r="BV4" s="603"/>
      <c r="BW4" s="603"/>
      <c r="BX4" s="603"/>
      <c r="BY4" s="603"/>
      <c r="BZ4" s="603"/>
      <c r="CA4" s="603"/>
      <c r="CB4" s="603"/>
      <c r="CC4" s="603"/>
      <c r="CD4" s="604"/>
      <c r="CE4" s="602" t="s">
        <v>40</v>
      </c>
      <c r="CF4" s="603"/>
      <c r="CG4" s="603"/>
      <c r="CH4" s="603"/>
      <c r="CI4" s="603"/>
      <c r="CJ4" s="603"/>
      <c r="CK4" s="603"/>
      <c r="CL4" s="603"/>
      <c r="CM4" s="603"/>
      <c r="CN4" s="604"/>
      <c r="CO4" s="600"/>
      <c r="CP4" s="593"/>
      <c r="CQ4" s="593"/>
      <c r="CR4" s="593"/>
      <c r="CS4" s="593"/>
      <c r="CT4" s="593"/>
      <c r="CU4" s="593"/>
      <c r="CV4" s="593"/>
      <c r="CW4" s="593"/>
      <c r="CX4" s="593"/>
      <c r="CY4" s="602" t="s">
        <v>39</v>
      </c>
      <c r="CZ4" s="603"/>
      <c r="DA4" s="603"/>
      <c r="DB4" s="603"/>
      <c r="DC4" s="603"/>
      <c r="DD4" s="603"/>
      <c r="DE4" s="603"/>
      <c r="DF4" s="603"/>
      <c r="DG4" s="603"/>
      <c r="DH4" s="604"/>
      <c r="DI4" s="602" t="s">
        <v>40</v>
      </c>
      <c r="DJ4" s="603"/>
      <c r="DK4" s="603"/>
      <c r="DL4" s="603"/>
      <c r="DM4" s="603"/>
      <c r="DN4" s="603"/>
      <c r="DO4" s="603"/>
      <c r="DP4" s="603"/>
      <c r="DQ4" s="603"/>
      <c r="DR4" s="604"/>
      <c r="DS4" s="600"/>
      <c r="DT4" s="593"/>
      <c r="DU4" s="593"/>
      <c r="DV4" s="593"/>
      <c r="DW4" s="593"/>
      <c r="DX4" s="593"/>
      <c r="DY4" s="593"/>
      <c r="DZ4" s="593"/>
      <c r="EA4" s="593"/>
      <c r="EB4" s="601"/>
    </row>
    <row r="5" spans="2:133" ht="24.75" customHeight="1" x14ac:dyDescent="0.2">
      <c r="B5" s="575"/>
      <c r="C5" s="581" t="s">
        <v>61</v>
      </c>
      <c r="D5" s="582"/>
      <c r="E5" s="583"/>
      <c r="F5" s="584" t="s">
        <v>62</v>
      </c>
      <c r="G5" s="585"/>
      <c r="H5" s="585"/>
      <c r="I5" s="585"/>
      <c r="J5" s="585"/>
      <c r="K5" s="586"/>
      <c r="L5" s="597" t="s">
        <v>52</v>
      </c>
      <c r="M5" s="589" t="s">
        <v>61</v>
      </c>
      <c r="N5" s="590"/>
      <c r="O5" s="591"/>
      <c r="P5" s="592" t="s">
        <v>62</v>
      </c>
      <c r="Q5" s="593"/>
      <c r="R5" s="593"/>
      <c r="S5" s="593"/>
      <c r="T5" s="593"/>
      <c r="U5" s="594"/>
      <c r="V5" s="598" t="s">
        <v>52</v>
      </c>
      <c r="W5" s="606" t="s">
        <v>61</v>
      </c>
      <c r="X5" s="590"/>
      <c r="Y5" s="591"/>
      <c r="Z5" s="592" t="s">
        <v>62</v>
      </c>
      <c r="AA5" s="593"/>
      <c r="AB5" s="593"/>
      <c r="AC5" s="593"/>
      <c r="AD5" s="593"/>
      <c r="AE5" s="594"/>
      <c r="AF5" s="598" t="s">
        <v>52</v>
      </c>
      <c r="AG5" s="581" t="s">
        <v>61</v>
      </c>
      <c r="AH5" s="582"/>
      <c r="AI5" s="583"/>
      <c r="AJ5" s="584" t="s">
        <v>62</v>
      </c>
      <c r="AK5" s="585"/>
      <c r="AL5" s="585"/>
      <c r="AM5" s="585"/>
      <c r="AN5" s="585"/>
      <c r="AO5" s="586"/>
      <c r="AP5" s="587" t="s">
        <v>52</v>
      </c>
      <c r="AQ5" s="589" t="s">
        <v>61</v>
      </c>
      <c r="AR5" s="590"/>
      <c r="AS5" s="591"/>
      <c r="AT5" s="592" t="s">
        <v>62</v>
      </c>
      <c r="AU5" s="593"/>
      <c r="AV5" s="593"/>
      <c r="AW5" s="593"/>
      <c r="AX5" s="593"/>
      <c r="AY5" s="594"/>
      <c r="AZ5" s="595" t="s">
        <v>52</v>
      </c>
      <c r="BA5" s="589" t="s">
        <v>61</v>
      </c>
      <c r="BB5" s="590"/>
      <c r="BC5" s="591"/>
      <c r="BD5" s="592" t="s">
        <v>62</v>
      </c>
      <c r="BE5" s="593"/>
      <c r="BF5" s="593"/>
      <c r="BG5" s="593"/>
      <c r="BH5" s="593"/>
      <c r="BI5" s="594"/>
      <c r="BJ5" s="598" t="s">
        <v>52</v>
      </c>
      <c r="BK5" s="581" t="s">
        <v>61</v>
      </c>
      <c r="BL5" s="582"/>
      <c r="BM5" s="583"/>
      <c r="BN5" s="584" t="s">
        <v>62</v>
      </c>
      <c r="BO5" s="585"/>
      <c r="BP5" s="585"/>
      <c r="BQ5" s="585"/>
      <c r="BR5" s="585"/>
      <c r="BS5" s="586"/>
      <c r="BT5" s="597" t="s">
        <v>52</v>
      </c>
      <c r="BU5" s="589" t="s">
        <v>61</v>
      </c>
      <c r="BV5" s="590"/>
      <c r="BW5" s="591"/>
      <c r="BX5" s="592" t="s">
        <v>62</v>
      </c>
      <c r="BY5" s="593"/>
      <c r="BZ5" s="593"/>
      <c r="CA5" s="593"/>
      <c r="CB5" s="593"/>
      <c r="CC5" s="594"/>
      <c r="CD5" s="598" t="s">
        <v>52</v>
      </c>
      <c r="CE5" s="606" t="s">
        <v>61</v>
      </c>
      <c r="CF5" s="590"/>
      <c r="CG5" s="591"/>
      <c r="CH5" s="592" t="s">
        <v>62</v>
      </c>
      <c r="CI5" s="593"/>
      <c r="CJ5" s="593"/>
      <c r="CK5" s="593"/>
      <c r="CL5" s="593"/>
      <c r="CM5" s="594"/>
      <c r="CN5" s="598" t="s">
        <v>52</v>
      </c>
      <c r="CO5" s="581" t="s">
        <v>61</v>
      </c>
      <c r="CP5" s="582"/>
      <c r="CQ5" s="583"/>
      <c r="CR5" s="584" t="s">
        <v>62</v>
      </c>
      <c r="CS5" s="585"/>
      <c r="CT5" s="585"/>
      <c r="CU5" s="585"/>
      <c r="CV5" s="585"/>
      <c r="CW5" s="586"/>
      <c r="CX5" s="597" t="s">
        <v>52</v>
      </c>
      <c r="CY5" s="589" t="s">
        <v>61</v>
      </c>
      <c r="CZ5" s="590"/>
      <c r="DA5" s="591"/>
      <c r="DB5" s="592" t="s">
        <v>62</v>
      </c>
      <c r="DC5" s="593"/>
      <c r="DD5" s="593"/>
      <c r="DE5" s="593"/>
      <c r="DF5" s="593"/>
      <c r="DG5" s="594"/>
      <c r="DH5" s="598" t="s">
        <v>52</v>
      </c>
      <c r="DI5" s="606" t="s">
        <v>61</v>
      </c>
      <c r="DJ5" s="590"/>
      <c r="DK5" s="591"/>
      <c r="DL5" s="592" t="s">
        <v>62</v>
      </c>
      <c r="DM5" s="593"/>
      <c r="DN5" s="593"/>
      <c r="DO5" s="593"/>
      <c r="DP5" s="593"/>
      <c r="DQ5" s="594"/>
      <c r="DR5" s="598" t="s">
        <v>52</v>
      </c>
      <c r="DS5" s="581" t="s">
        <v>61</v>
      </c>
      <c r="DT5" s="582"/>
      <c r="DU5" s="583"/>
      <c r="DV5" s="584" t="s">
        <v>62</v>
      </c>
      <c r="DW5" s="585"/>
      <c r="DX5" s="585"/>
      <c r="DY5" s="585"/>
      <c r="DZ5" s="585"/>
      <c r="EA5" s="586"/>
      <c r="EB5" s="587" t="s">
        <v>52</v>
      </c>
    </row>
    <row r="6" spans="2:133" ht="24.75" customHeight="1" thickBot="1" x14ac:dyDescent="0.25">
      <c r="B6" s="314" t="s">
        <v>42</v>
      </c>
      <c r="C6" s="31" t="s">
        <v>43</v>
      </c>
      <c r="D6" s="32" t="s">
        <v>44</v>
      </c>
      <c r="E6" s="32" t="s">
        <v>45</v>
      </c>
      <c r="F6" s="33" t="s">
        <v>47</v>
      </c>
      <c r="G6" s="34" t="s">
        <v>48</v>
      </c>
      <c r="H6" s="34" t="s">
        <v>49</v>
      </c>
      <c r="I6" s="35" t="s">
        <v>50</v>
      </c>
      <c r="J6" s="32" t="s">
        <v>51</v>
      </c>
      <c r="K6" s="36" t="s">
        <v>95</v>
      </c>
      <c r="L6" s="596"/>
      <c r="M6" s="31" t="s">
        <v>43</v>
      </c>
      <c r="N6" s="32" t="s">
        <v>44</v>
      </c>
      <c r="O6" s="36" t="s">
        <v>45</v>
      </c>
      <c r="P6" s="33" t="s">
        <v>47</v>
      </c>
      <c r="Q6" s="34" t="s">
        <v>48</v>
      </c>
      <c r="R6" s="34" t="s">
        <v>49</v>
      </c>
      <c r="S6" s="35" t="s">
        <v>50</v>
      </c>
      <c r="T6" s="32" t="s">
        <v>51</v>
      </c>
      <c r="U6" s="36" t="s">
        <v>45</v>
      </c>
      <c r="V6" s="588"/>
      <c r="W6" s="15" t="s">
        <v>43</v>
      </c>
      <c r="X6" s="32" t="s">
        <v>44</v>
      </c>
      <c r="Y6" s="36" t="s">
        <v>45</v>
      </c>
      <c r="Z6" s="15" t="s">
        <v>47</v>
      </c>
      <c r="AA6" s="34" t="s">
        <v>48</v>
      </c>
      <c r="AB6" s="34" t="s">
        <v>49</v>
      </c>
      <c r="AC6" s="35" t="s">
        <v>50</v>
      </c>
      <c r="AD6" s="32" t="s">
        <v>51</v>
      </c>
      <c r="AE6" s="36" t="s">
        <v>45</v>
      </c>
      <c r="AF6" s="588"/>
      <c r="AG6" s="31" t="s">
        <v>43</v>
      </c>
      <c r="AH6" s="32" t="s">
        <v>44</v>
      </c>
      <c r="AI6" s="36" t="s">
        <v>45</v>
      </c>
      <c r="AJ6" s="15" t="s">
        <v>47</v>
      </c>
      <c r="AK6" s="34" t="s">
        <v>48</v>
      </c>
      <c r="AL6" s="34" t="s">
        <v>49</v>
      </c>
      <c r="AM6" s="35" t="s">
        <v>50</v>
      </c>
      <c r="AN6" s="32" t="s">
        <v>51</v>
      </c>
      <c r="AO6" s="36" t="s">
        <v>45</v>
      </c>
      <c r="AP6" s="588"/>
      <c r="AQ6" s="31" t="s">
        <v>43</v>
      </c>
      <c r="AR6" s="32" t="s">
        <v>44</v>
      </c>
      <c r="AS6" s="36" t="s">
        <v>45</v>
      </c>
      <c r="AT6" s="33" t="s">
        <v>47</v>
      </c>
      <c r="AU6" s="34" t="s">
        <v>48</v>
      </c>
      <c r="AV6" s="34" t="s">
        <v>49</v>
      </c>
      <c r="AW6" s="35" t="s">
        <v>50</v>
      </c>
      <c r="AX6" s="32" t="s">
        <v>51</v>
      </c>
      <c r="AY6" s="36" t="s">
        <v>45</v>
      </c>
      <c r="AZ6" s="596"/>
      <c r="BA6" s="31" t="s">
        <v>43</v>
      </c>
      <c r="BB6" s="32" t="s">
        <v>44</v>
      </c>
      <c r="BC6" s="32" t="s">
        <v>45</v>
      </c>
      <c r="BD6" s="33" t="s">
        <v>47</v>
      </c>
      <c r="BE6" s="34" t="s">
        <v>48</v>
      </c>
      <c r="BF6" s="34" t="s">
        <v>49</v>
      </c>
      <c r="BG6" s="35" t="s">
        <v>50</v>
      </c>
      <c r="BH6" s="32" t="s">
        <v>51</v>
      </c>
      <c r="BI6" s="36" t="s">
        <v>45</v>
      </c>
      <c r="BJ6" s="588"/>
      <c r="BK6" s="31" t="s">
        <v>43</v>
      </c>
      <c r="BL6" s="32" t="s">
        <v>44</v>
      </c>
      <c r="BM6" s="32" t="s">
        <v>45</v>
      </c>
      <c r="BN6" s="33" t="s">
        <v>47</v>
      </c>
      <c r="BO6" s="34" t="s">
        <v>48</v>
      </c>
      <c r="BP6" s="34" t="s">
        <v>49</v>
      </c>
      <c r="BQ6" s="35" t="s">
        <v>50</v>
      </c>
      <c r="BR6" s="32" t="s">
        <v>51</v>
      </c>
      <c r="BS6" s="36" t="s">
        <v>45</v>
      </c>
      <c r="BT6" s="596"/>
      <c r="BU6" s="31" t="s">
        <v>43</v>
      </c>
      <c r="BV6" s="32" t="s">
        <v>44</v>
      </c>
      <c r="BW6" s="32" t="s">
        <v>45</v>
      </c>
      <c r="BX6" s="33" t="s">
        <v>47</v>
      </c>
      <c r="BY6" s="34" t="s">
        <v>48</v>
      </c>
      <c r="BZ6" s="34" t="s">
        <v>49</v>
      </c>
      <c r="CA6" s="35" t="s">
        <v>50</v>
      </c>
      <c r="CB6" s="32" t="s">
        <v>51</v>
      </c>
      <c r="CC6" s="36" t="s">
        <v>45</v>
      </c>
      <c r="CD6" s="588"/>
      <c r="CE6" s="15" t="s">
        <v>43</v>
      </c>
      <c r="CF6" s="32" t="s">
        <v>44</v>
      </c>
      <c r="CG6" s="32" t="s">
        <v>45</v>
      </c>
      <c r="CH6" s="33" t="s">
        <v>47</v>
      </c>
      <c r="CI6" s="34" t="s">
        <v>48</v>
      </c>
      <c r="CJ6" s="34" t="s">
        <v>49</v>
      </c>
      <c r="CK6" s="35" t="s">
        <v>50</v>
      </c>
      <c r="CL6" s="32" t="s">
        <v>51</v>
      </c>
      <c r="CM6" s="36" t="s">
        <v>45</v>
      </c>
      <c r="CN6" s="588"/>
      <c r="CO6" s="31" t="s">
        <v>43</v>
      </c>
      <c r="CP6" s="32" t="s">
        <v>44</v>
      </c>
      <c r="CQ6" s="32" t="s">
        <v>45</v>
      </c>
      <c r="CR6" s="33" t="s">
        <v>47</v>
      </c>
      <c r="CS6" s="34" t="s">
        <v>48</v>
      </c>
      <c r="CT6" s="34" t="s">
        <v>49</v>
      </c>
      <c r="CU6" s="35" t="s">
        <v>50</v>
      </c>
      <c r="CV6" s="32" t="s">
        <v>51</v>
      </c>
      <c r="CW6" s="36" t="s">
        <v>45</v>
      </c>
      <c r="CX6" s="596"/>
      <c r="CY6" s="31" t="s">
        <v>43</v>
      </c>
      <c r="CZ6" s="32" t="s">
        <v>44</v>
      </c>
      <c r="DA6" s="32" t="s">
        <v>45</v>
      </c>
      <c r="DB6" s="33" t="s">
        <v>47</v>
      </c>
      <c r="DC6" s="34" t="s">
        <v>48</v>
      </c>
      <c r="DD6" s="34" t="s">
        <v>49</v>
      </c>
      <c r="DE6" s="35" t="s">
        <v>50</v>
      </c>
      <c r="DF6" s="32" t="s">
        <v>51</v>
      </c>
      <c r="DG6" s="36" t="s">
        <v>45</v>
      </c>
      <c r="DH6" s="588"/>
      <c r="DI6" s="15" t="s">
        <v>43</v>
      </c>
      <c r="DJ6" s="32" t="s">
        <v>44</v>
      </c>
      <c r="DK6" s="32" t="s">
        <v>45</v>
      </c>
      <c r="DL6" s="33" t="s">
        <v>47</v>
      </c>
      <c r="DM6" s="34" t="s">
        <v>48</v>
      </c>
      <c r="DN6" s="34" t="s">
        <v>49</v>
      </c>
      <c r="DO6" s="35" t="s">
        <v>50</v>
      </c>
      <c r="DP6" s="32" t="s">
        <v>51</v>
      </c>
      <c r="DQ6" s="36" t="s">
        <v>45</v>
      </c>
      <c r="DR6" s="588"/>
      <c r="DS6" s="31" t="s">
        <v>43</v>
      </c>
      <c r="DT6" s="32" t="s">
        <v>44</v>
      </c>
      <c r="DU6" s="32" t="s">
        <v>45</v>
      </c>
      <c r="DV6" s="33" t="s">
        <v>47</v>
      </c>
      <c r="DW6" s="34" t="s">
        <v>48</v>
      </c>
      <c r="DX6" s="34" t="s">
        <v>49</v>
      </c>
      <c r="DY6" s="35" t="s">
        <v>50</v>
      </c>
      <c r="DZ6" s="32" t="s">
        <v>51</v>
      </c>
      <c r="EA6" s="36" t="s">
        <v>45</v>
      </c>
      <c r="EB6" s="588"/>
    </row>
    <row r="7" spans="2:133" ht="20.25" customHeight="1" x14ac:dyDescent="0.2">
      <c r="B7" s="313" t="s">
        <v>4</v>
      </c>
      <c r="C7" s="185">
        <v>0</v>
      </c>
      <c r="D7" s="186">
        <v>0</v>
      </c>
      <c r="E7" s="186">
        <v>0</v>
      </c>
      <c r="F7" s="187">
        <v>431</v>
      </c>
      <c r="G7" s="188">
        <v>1465</v>
      </c>
      <c r="H7" s="188">
        <v>9834</v>
      </c>
      <c r="I7" s="188">
        <v>14440</v>
      </c>
      <c r="J7" s="186">
        <v>10290</v>
      </c>
      <c r="K7" s="189">
        <v>36460</v>
      </c>
      <c r="L7" s="190">
        <v>36460</v>
      </c>
      <c r="M7" s="185">
        <v>0</v>
      </c>
      <c r="N7" s="186">
        <v>0</v>
      </c>
      <c r="O7" s="189">
        <v>0</v>
      </c>
      <c r="P7" s="187">
        <v>427</v>
      </c>
      <c r="Q7" s="188">
        <v>1461</v>
      </c>
      <c r="R7" s="188">
        <v>9758</v>
      </c>
      <c r="S7" s="188">
        <v>14308</v>
      </c>
      <c r="T7" s="186">
        <v>10143</v>
      </c>
      <c r="U7" s="189">
        <v>36097</v>
      </c>
      <c r="V7" s="191">
        <v>36097</v>
      </c>
      <c r="W7" s="192">
        <v>0</v>
      </c>
      <c r="X7" s="186">
        <v>0</v>
      </c>
      <c r="Y7" s="189">
        <v>0</v>
      </c>
      <c r="Z7" s="192">
        <v>4</v>
      </c>
      <c r="AA7" s="188">
        <v>4</v>
      </c>
      <c r="AB7" s="188">
        <v>76</v>
      </c>
      <c r="AC7" s="188">
        <v>132</v>
      </c>
      <c r="AD7" s="186">
        <v>147</v>
      </c>
      <c r="AE7" s="189">
        <v>363</v>
      </c>
      <c r="AF7" s="193">
        <v>363</v>
      </c>
      <c r="AG7" s="192">
        <v>0</v>
      </c>
      <c r="AH7" s="186">
        <v>0</v>
      </c>
      <c r="AI7" s="189">
        <v>0</v>
      </c>
      <c r="AJ7" s="192">
        <v>1792</v>
      </c>
      <c r="AK7" s="188">
        <v>3448</v>
      </c>
      <c r="AL7" s="188">
        <v>4683</v>
      </c>
      <c r="AM7" s="188">
        <v>5570</v>
      </c>
      <c r="AN7" s="186">
        <v>2875</v>
      </c>
      <c r="AO7" s="189">
        <v>18368</v>
      </c>
      <c r="AP7" s="193">
        <v>18368</v>
      </c>
      <c r="AQ7" s="192">
        <v>0</v>
      </c>
      <c r="AR7" s="186">
        <v>0</v>
      </c>
      <c r="AS7" s="189">
        <v>0</v>
      </c>
      <c r="AT7" s="187">
        <v>1767</v>
      </c>
      <c r="AU7" s="188">
        <v>3409</v>
      </c>
      <c r="AV7" s="188">
        <v>4604</v>
      </c>
      <c r="AW7" s="188">
        <v>5462</v>
      </c>
      <c r="AX7" s="186">
        <v>2801</v>
      </c>
      <c r="AY7" s="189">
        <v>18043</v>
      </c>
      <c r="AZ7" s="190">
        <v>18043</v>
      </c>
      <c r="BA7" s="185">
        <v>0</v>
      </c>
      <c r="BB7" s="186">
        <v>0</v>
      </c>
      <c r="BC7" s="186">
        <v>0</v>
      </c>
      <c r="BD7" s="187">
        <v>25</v>
      </c>
      <c r="BE7" s="188">
        <v>39</v>
      </c>
      <c r="BF7" s="188">
        <v>79</v>
      </c>
      <c r="BG7" s="188">
        <v>108</v>
      </c>
      <c r="BH7" s="186">
        <v>74</v>
      </c>
      <c r="BI7" s="189">
        <v>325</v>
      </c>
      <c r="BJ7" s="191">
        <v>325</v>
      </c>
      <c r="BK7" s="192">
        <v>0</v>
      </c>
      <c r="BL7" s="186">
        <v>0</v>
      </c>
      <c r="BM7" s="186">
        <v>0</v>
      </c>
      <c r="BN7" s="187">
        <v>0</v>
      </c>
      <c r="BO7" s="188">
        <v>1</v>
      </c>
      <c r="BP7" s="188">
        <v>16</v>
      </c>
      <c r="BQ7" s="188">
        <v>160</v>
      </c>
      <c r="BR7" s="186">
        <v>233</v>
      </c>
      <c r="BS7" s="189">
        <v>410</v>
      </c>
      <c r="BT7" s="190">
        <v>410</v>
      </c>
      <c r="BU7" s="185">
        <v>0</v>
      </c>
      <c r="BV7" s="186">
        <v>0</v>
      </c>
      <c r="BW7" s="186">
        <v>0</v>
      </c>
      <c r="BX7" s="187">
        <v>0</v>
      </c>
      <c r="BY7" s="188">
        <v>1</v>
      </c>
      <c r="BZ7" s="188">
        <v>16</v>
      </c>
      <c r="CA7" s="188">
        <v>159</v>
      </c>
      <c r="CB7" s="186">
        <v>230</v>
      </c>
      <c r="CC7" s="189">
        <v>406</v>
      </c>
      <c r="CD7" s="191">
        <v>406</v>
      </c>
      <c r="CE7" s="192">
        <v>0</v>
      </c>
      <c r="CF7" s="186">
        <v>0</v>
      </c>
      <c r="CG7" s="186">
        <v>0</v>
      </c>
      <c r="CH7" s="187">
        <v>0</v>
      </c>
      <c r="CI7" s="188">
        <v>0</v>
      </c>
      <c r="CJ7" s="188">
        <v>0</v>
      </c>
      <c r="CK7" s="188">
        <v>1</v>
      </c>
      <c r="CL7" s="186">
        <v>3</v>
      </c>
      <c r="CM7" s="189">
        <v>4</v>
      </c>
      <c r="CN7" s="191">
        <v>4</v>
      </c>
      <c r="CO7" s="192">
        <v>0</v>
      </c>
      <c r="CP7" s="186">
        <v>0</v>
      </c>
      <c r="CQ7" s="186">
        <v>0</v>
      </c>
      <c r="CR7" s="187">
        <v>13</v>
      </c>
      <c r="CS7" s="188">
        <v>25</v>
      </c>
      <c r="CT7" s="188">
        <v>49</v>
      </c>
      <c r="CU7" s="188">
        <v>317</v>
      </c>
      <c r="CV7" s="186">
        <v>432</v>
      </c>
      <c r="CW7" s="189">
        <v>836</v>
      </c>
      <c r="CX7" s="190">
        <v>836</v>
      </c>
      <c r="CY7" s="185">
        <v>0</v>
      </c>
      <c r="CZ7" s="186">
        <v>0</v>
      </c>
      <c r="DA7" s="186">
        <v>0</v>
      </c>
      <c r="DB7" s="187">
        <v>12</v>
      </c>
      <c r="DC7" s="188">
        <v>24</v>
      </c>
      <c r="DD7" s="188">
        <v>49</v>
      </c>
      <c r="DE7" s="188">
        <v>312</v>
      </c>
      <c r="DF7" s="186">
        <v>415</v>
      </c>
      <c r="DG7" s="189">
        <v>812</v>
      </c>
      <c r="DH7" s="191">
        <v>812</v>
      </c>
      <c r="DI7" s="192">
        <v>0</v>
      </c>
      <c r="DJ7" s="186">
        <v>0</v>
      </c>
      <c r="DK7" s="186">
        <v>0</v>
      </c>
      <c r="DL7" s="187">
        <v>1</v>
      </c>
      <c r="DM7" s="188">
        <v>1</v>
      </c>
      <c r="DN7" s="188">
        <v>0</v>
      </c>
      <c r="DO7" s="188">
        <v>5</v>
      </c>
      <c r="DP7" s="186">
        <v>17</v>
      </c>
      <c r="DQ7" s="189">
        <v>24</v>
      </c>
      <c r="DR7" s="191">
        <v>24</v>
      </c>
      <c r="DS7" s="192">
        <v>0</v>
      </c>
      <c r="DT7" s="186">
        <v>0</v>
      </c>
      <c r="DU7" s="186">
        <v>0</v>
      </c>
      <c r="DV7" s="187">
        <v>2236</v>
      </c>
      <c r="DW7" s="188">
        <v>4935</v>
      </c>
      <c r="DX7" s="188">
        <v>14570</v>
      </c>
      <c r="DY7" s="188">
        <v>20454</v>
      </c>
      <c r="DZ7" s="186">
        <v>13813</v>
      </c>
      <c r="EA7" s="189">
        <v>56008</v>
      </c>
      <c r="EB7" s="191">
        <v>56008</v>
      </c>
      <c r="EC7" s="37"/>
    </row>
    <row r="8" spans="2:133" ht="20.25" customHeight="1" x14ac:dyDescent="0.2">
      <c r="B8" s="62" t="s">
        <v>5</v>
      </c>
      <c r="C8" s="194">
        <v>0</v>
      </c>
      <c r="D8" s="195">
        <v>0</v>
      </c>
      <c r="E8" s="195">
        <v>0</v>
      </c>
      <c r="F8" s="196">
        <v>228</v>
      </c>
      <c r="G8" s="197">
        <v>884</v>
      </c>
      <c r="H8" s="197">
        <v>4182</v>
      </c>
      <c r="I8" s="197">
        <v>5963</v>
      </c>
      <c r="J8" s="195">
        <v>4416</v>
      </c>
      <c r="K8" s="198">
        <v>15673</v>
      </c>
      <c r="L8" s="199">
        <v>15673</v>
      </c>
      <c r="M8" s="194">
        <v>0</v>
      </c>
      <c r="N8" s="195">
        <v>0</v>
      </c>
      <c r="O8" s="198">
        <v>0</v>
      </c>
      <c r="P8" s="196">
        <v>224</v>
      </c>
      <c r="Q8" s="197">
        <v>881</v>
      </c>
      <c r="R8" s="197">
        <v>4149</v>
      </c>
      <c r="S8" s="197">
        <v>5895</v>
      </c>
      <c r="T8" s="195">
        <v>4344</v>
      </c>
      <c r="U8" s="198">
        <v>15493</v>
      </c>
      <c r="V8" s="200">
        <v>15493</v>
      </c>
      <c r="W8" s="201">
        <v>0</v>
      </c>
      <c r="X8" s="195">
        <v>0</v>
      </c>
      <c r="Y8" s="198">
        <v>0</v>
      </c>
      <c r="Z8" s="201">
        <v>4</v>
      </c>
      <c r="AA8" s="197">
        <v>3</v>
      </c>
      <c r="AB8" s="197">
        <v>33</v>
      </c>
      <c r="AC8" s="197">
        <v>68</v>
      </c>
      <c r="AD8" s="195">
        <v>72</v>
      </c>
      <c r="AE8" s="198">
        <v>180</v>
      </c>
      <c r="AF8" s="202">
        <v>180</v>
      </c>
      <c r="AG8" s="201">
        <v>0</v>
      </c>
      <c r="AH8" s="195">
        <v>0</v>
      </c>
      <c r="AI8" s="198">
        <v>0</v>
      </c>
      <c r="AJ8" s="201">
        <v>651</v>
      </c>
      <c r="AK8" s="197">
        <v>1567</v>
      </c>
      <c r="AL8" s="197">
        <v>2078</v>
      </c>
      <c r="AM8" s="197">
        <v>2485</v>
      </c>
      <c r="AN8" s="195">
        <v>1413</v>
      </c>
      <c r="AO8" s="198">
        <v>8194</v>
      </c>
      <c r="AP8" s="202">
        <v>8194</v>
      </c>
      <c r="AQ8" s="201">
        <v>0</v>
      </c>
      <c r="AR8" s="195">
        <v>0</v>
      </c>
      <c r="AS8" s="198">
        <v>0</v>
      </c>
      <c r="AT8" s="196">
        <v>645</v>
      </c>
      <c r="AU8" s="197">
        <v>1547</v>
      </c>
      <c r="AV8" s="197">
        <v>2046</v>
      </c>
      <c r="AW8" s="197">
        <v>2439</v>
      </c>
      <c r="AX8" s="195">
        <v>1382</v>
      </c>
      <c r="AY8" s="198">
        <v>8059</v>
      </c>
      <c r="AZ8" s="199">
        <v>8059</v>
      </c>
      <c r="BA8" s="194">
        <v>0</v>
      </c>
      <c r="BB8" s="195">
        <v>0</v>
      </c>
      <c r="BC8" s="195">
        <v>0</v>
      </c>
      <c r="BD8" s="196">
        <v>6</v>
      </c>
      <c r="BE8" s="197">
        <v>20</v>
      </c>
      <c r="BF8" s="197">
        <v>32</v>
      </c>
      <c r="BG8" s="197">
        <v>46</v>
      </c>
      <c r="BH8" s="195">
        <v>31</v>
      </c>
      <c r="BI8" s="198">
        <v>135</v>
      </c>
      <c r="BJ8" s="200">
        <v>135</v>
      </c>
      <c r="BK8" s="201">
        <v>0</v>
      </c>
      <c r="BL8" s="195">
        <v>0</v>
      </c>
      <c r="BM8" s="195">
        <v>0</v>
      </c>
      <c r="BN8" s="196">
        <v>0</v>
      </c>
      <c r="BO8" s="197">
        <v>0</v>
      </c>
      <c r="BP8" s="197">
        <v>4</v>
      </c>
      <c r="BQ8" s="197">
        <v>57</v>
      </c>
      <c r="BR8" s="195">
        <v>86</v>
      </c>
      <c r="BS8" s="198">
        <v>147</v>
      </c>
      <c r="BT8" s="199">
        <v>147</v>
      </c>
      <c r="BU8" s="194">
        <v>0</v>
      </c>
      <c r="BV8" s="195">
        <v>0</v>
      </c>
      <c r="BW8" s="195">
        <v>0</v>
      </c>
      <c r="BX8" s="196">
        <v>0</v>
      </c>
      <c r="BY8" s="197">
        <v>0</v>
      </c>
      <c r="BZ8" s="197">
        <v>4</v>
      </c>
      <c r="CA8" s="197">
        <v>57</v>
      </c>
      <c r="CB8" s="195">
        <v>85</v>
      </c>
      <c r="CC8" s="198">
        <v>146</v>
      </c>
      <c r="CD8" s="200">
        <v>146</v>
      </c>
      <c r="CE8" s="201">
        <v>0</v>
      </c>
      <c r="CF8" s="195">
        <v>0</v>
      </c>
      <c r="CG8" s="195">
        <v>0</v>
      </c>
      <c r="CH8" s="196">
        <v>0</v>
      </c>
      <c r="CI8" s="197">
        <v>0</v>
      </c>
      <c r="CJ8" s="197">
        <v>0</v>
      </c>
      <c r="CK8" s="197">
        <v>0</v>
      </c>
      <c r="CL8" s="195">
        <v>1</v>
      </c>
      <c r="CM8" s="198">
        <v>1</v>
      </c>
      <c r="CN8" s="200">
        <v>1</v>
      </c>
      <c r="CO8" s="201">
        <v>0</v>
      </c>
      <c r="CP8" s="195">
        <v>0</v>
      </c>
      <c r="CQ8" s="195">
        <v>0</v>
      </c>
      <c r="CR8" s="196">
        <v>1</v>
      </c>
      <c r="CS8" s="197">
        <v>4</v>
      </c>
      <c r="CT8" s="197">
        <v>9</v>
      </c>
      <c r="CU8" s="197">
        <v>85</v>
      </c>
      <c r="CV8" s="195">
        <v>103</v>
      </c>
      <c r="CW8" s="198">
        <v>202</v>
      </c>
      <c r="CX8" s="199">
        <v>202</v>
      </c>
      <c r="CY8" s="194">
        <v>0</v>
      </c>
      <c r="CZ8" s="195">
        <v>0</v>
      </c>
      <c r="DA8" s="195">
        <v>0</v>
      </c>
      <c r="DB8" s="196">
        <v>1</v>
      </c>
      <c r="DC8" s="197">
        <v>4</v>
      </c>
      <c r="DD8" s="197">
        <v>9</v>
      </c>
      <c r="DE8" s="197">
        <v>83</v>
      </c>
      <c r="DF8" s="195">
        <v>101</v>
      </c>
      <c r="DG8" s="198">
        <v>198</v>
      </c>
      <c r="DH8" s="200">
        <v>198</v>
      </c>
      <c r="DI8" s="201">
        <v>0</v>
      </c>
      <c r="DJ8" s="195">
        <v>0</v>
      </c>
      <c r="DK8" s="195">
        <v>0</v>
      </c>
      <c r="DL8" s="196">
        <v>0</v>
      </c>
      <c r="DM8" s="197">
        <v>0</v>
      </c>
      <c r="DN8" s="197">
        <v>0</v>
      </c>
      <c r="DO8" s="197">
        <v>2</v>
      </c>
      <c r="DP8" s="195">
        <v>2</v>
      </c>
      <c r="DQ8" s="198">
        <v>4</v>
      </c>
      <c r="DR8" s="200">
        <v>4</v>
      </c>
      <c r="DS8" s="201">
        <v>0</v>
      </c>
      <c r="DT8" s="195">
        <v>0</v>
      </c>
      <c r="DU8" s="195">
        <v>0</v>
      </c>
      <c r="DV8" s="196">
        <v>880</v>
      </c>
      <c r="DW8" s="197">
        <v>2455</v>
      </c>
      <c r="DX8" s="197">
        <v>6273</v>
      </c>
      <c r="DY8" s="197">
        <v>8590</v>
      </c>
      <c r="DZ8" s="195">
        <v>6018</v>
      </c>
      <c r="EA8" s="198">
        <v>24216</v>
      </c>
      <c r="EB8" s="200">
        <v>24216</v>
      </c>
      <c r="EC8" s="37"/>
    </row>
    <row r="9" spans="2:133" ht="20.25" customHeight="1" x14ac:dyDescent="0.2">
      <c r="B9" s="62" t="s">
        <v>6</v>
      </c>
      <c r="C9" s="194">
        <v>0</v>
      </c>
      <c r="D9" s="195">
        <v>0</v>
      </c>
      <c r="E9" s="195">
        <v>0</v>
      </c>
      <c r="F9" s="196">
        <v>79</v>
      </c>
      <c r="G9" s="197">
        <v>171</v>
      </c>
      <c r="H9" s="197">
        <v>1269</v>
      </c>
      <c r="I9" s="197">
        <v>1753</v>
      </c>
      <c r="J9" s="195">
        <v>1279</v>
      </c>
      <c r="K9" s="198">
        <v>4551</v>
      </c>
      <c r="L9" s="199">
        <v>4551</v>
      </c>
      <c r="M9" s="194">
        <v>0</v>
      </c>
      <c r="N9" s="195">
        <v>0</v>
      </c>
      <c r="O9" s="198">
        <v>0</v>
      </c>
      <c r="P9" s="196">
        <v>79</v>
      </c>
      <c r="Q9" s="197">
        <v>171</v>
      </c>
      <c r="R9" s="197">
        <v>1255</v>
      </c>
      <c r="S9" s="197">
        <v>1735</v>
      </c>
      <c r="T9" s="195">
        <v>1266</v>
      </c>
      <c r="U9" s="198">
        <v>4506</v>
      </c>
      <c r="V9" s="200">
        <v>4506</v>
      </c>
      <c r="W9" s="201">
        <v>0</v>
      </c>
      <c r="X9" s="195">
        <v>0</v>
      </c>
      <c r="Y9" s="198">
        <v>0</v>
      </c>
      <c r="Z9" s="201">
        <v>0</v>
      </c>
      <c r="AA9" s="197">
        <v>0</v>
      </c>
      <c r="AB9" s="197">
        <v>14</v>
      </c>
      <c r="AC9" s="197">
        <v>18</v>
      </c>
      <c r="AD9" s="195">
        <v>13</v>
      </c>
      <c r="AE9" s="198">
        <v>45</v>
      </c>
      <c r="AF9" s="202">
        <v>45</v>
      </c>
      <c r="AG9" s="201">
        <v>0</v>
      </c>
      <c r="AH9" s="195">
        <v>0</v>
      </c>
      <c r="AI9" s="198">
        <v>0</v>
      </c>
      <c r="AJ9" s="201">
        <v>216</v>
      </c>
      <c r="AK9" s="197">
        <v>318</v>
      </c>
      <c r="AL9" s="197">
        <v>486</v>
      </c>
      <c r="AM9" s="197">
        <v>672</v>
      </c>
      <c r="AN9" s="195">
        <v>308</v>
      </c>
      <c r="AO9" s="198">
        <v>2000</v>
      </c>
      <c r="AP9" s="202">
        <v>2000</v>
      </c>
      <c r="AQ9" s="201">
        <v>0</v>
      </c>
      <c r="AR9" s="195">
        <v>0</v>
      </c>
      <c r="AS9" s="198">
        <v>0</v>
      </c>
      <c r="AT9" s="196">
        <v>211</v>
      </c>
      <c r="AU9" s="197">
        <v>316</v>
      </c>
      <c r="AV9" s="197">
        <v>476</v>
      </c>
      <c r="AW9" s="197">
        <v>650</v>
      </c>
      <c r="AX9" s="195">
        <v>293</v>
      </c>
      <c r="AY9" s="198">
        <v>1946</v>
      </c>
      <c r="AZ9" s="199">
        <v>1946</v>
      </c>
      <c r="BA9" s="194">
        <v>0</v>
      </c>
      <c r="BB9" s="195">
        <v>0</v>
      </c>
      <c r="BC9" s="195">
        <v>0</v>
      </c>
      <c r="BD9" s="196">
        <v>5</v>
      </c>
      <c r="BE9" s="197">
        <v>2</v>
      </c>
      <c r="BF9" s="197">
        <v>10</v>
      </c>
      <c r="BG9" s="197">
        <v>22</v>
      </c>
      <c r="BH9" s="195">
        <v>15</v>
      </c>
      <c r="BI9" s="198">
        <v>54</v>
      </c>
      <c r="BJ9" s="200">
        <v>54</v>
      </c>
      <c r="BK9" s="201">
        <v>0</v>
      </c>
      <c r="BL9" s="195">
        <v>0</v>
      </c>
      <c r="BM9" s="195">
        <v>0</v>
      </c>
      <c r="BN9" s="196">
        <v>0</v>
      </c>
      <c r="BO9" s="197">
        <v>0</v>
      </c>
      <c r="BP9" s="197">
        <v>10</v>
      </c>
      <c r="BQ9" s="197">
        <v>63</v>
      </c>
      <c r="BR9" s="195">
        <v>89</v>
      </c>
      <c r="BS9" s="198">
        <v>162</v>
      </c>
      <c r="BT9" s="199">
        <v>162</v>
      </c>
      <c r="BU9" s="194">
        <v>0</v>
      </c>
      <c r="BV9" s="195">
        <v>0</v>
      </c>
      <c r="BW9" s="195">
        <v>0</v>
      </c>
      <c r="BX9" s="196">
        <v>0</v>
      </c>
      <c r="BY9" s="197">
        <v>0</v>
      </c>
      <c r="BZ9" s="197">
        <v>10</v>
      </c>
      <c r="CA9" s="197">
        <v>62</v>
      </c>
      <c r="CB9" s="195">
        <v>87</v>
      </c>
      <c r="CC9" s="198">
        <v>159</v>
      </c>
      <c r="CD9" s="200">
        <v>159</v>
      </c>
      <c r="CE9" s="201">
        <v>0</v>
      </c>
      <c r="CF9" s="195">
        <v>0</v>
      </c>
      <c r="CG9" s="195">
        <v>0</v>
      </c>
      <c r="CH9" s="196">
        <v>0</v>
      </c>
      <c r="CI9" s="197">
        <v>0</v>
      </c>
      <c r="CJ9" s="197">
        <v>0</v>
      </c>
      <c r="CK9" s="197">
        <v>1</v>
      </c>
      <c r="CL9" s="195">
        <v>2</v>
      </c>
      <c r="CM9" s="198">
        <v>3</v>
      </c>
      <c r="CN9" s="200">
        <v>3</v>
      </c>
      <c r="CO9" s="201">
        <v>0</v>
      </c>
      <c r="CP9" s="195">
        <v>0</v>
      </c>
      <c r="CQ9" s="195">
        <v>0</v>
      </c>
      <c r="CR9" s="196">
        <v>0</v>
      </c>
      <c r="CS9" s="197">
        <v>1</v>
      </c>
      <c r="CT9" s="197">
        <v>3</v>
      </c>
      <c r="CU9" s="197">
        <v>39</v>
      </c>
      <c r="CV9" s="195">
        <v>60</v>
      </c>
      <c r="CW9" s="198">
        <v>103</v>
      </c>
      <c r="CX9" s="199">
        <v>103</v>
      </c>
      <c r="CY9" s="194">
        <v>0</v>
      </c>
      <c r="CZ9" s="195">
        <v>0</v>
      </c>
      <c r="DA9" s="195">
        <v>0</v>
      </c>
      <c r="DB9" s="196">
        <v>0</v>
      </c>
      <c r="DC9" s="197">
        <v>1</v>
      </c>
      <c r="DD9" s="197">
        <v>3</v>
      </c>
      <c r="DE9" s="197">
        <v>38</v>
      </c>
      <c r="DF9" s="195">
        <v>59</v>
      </c>
      <c r="DG9" s="198">
        <v>101</v>
      </c>
      <c r="DH9" s="200">
        <v>101</v>
      </c>
      <c r="DI9" s="201">
        <v>0</v>
      </c>
      <c r="DJ9" s="195">
        <v>0</v>
      </c>
      <c r="DK9" s="195">
        <v>0</v>
      </c>
      <c r="DL9" s="196">
        <v>0</v>
      </c>
      <c r="DM9" s="197">
        <v>0</v>
      </c>
      <c r="DN9" s="197">
        <v>0</v>
      </c>
      <c r="DO9" s="197">
        <v>1</v>
      </c>
      <c r="DP9" s="195">
        <v>1</v>
      </c>
      <c r="DQ9" s="198">
        <v>2</v>
      </c>
      <c r="DR9" s="200">
        <v>2</v>
      </c>
      <c r="DS9" s="201">
        <v>0</v>
      </c>
      <c r="DT9" s="195">
        <v>0</v>
      </c>
      <c r="DU9" s="195">
        <v>0</v>
      </c>
      <c r="DV9" s="196">
        <v>295</v>
      </c>
      <c r="DW9" s="197">
        <v>490</v>
      </c>
      <c r="DX9" s="197">
        <v>1768</v>
      </c>
      <c r="DY9" s="197">
        <v>2527</v>
      </c>
      <c r="DZ9" s="195">
        <v>1736</v>
      </c>
      <c r="EA9" s="198">
        <v>6816</v>
      </c>
      <c r="EB9" s="200">
        <v>6816</v>
      </c>
      <c r="EC9" s="37"/>
    </row>
    <row r="10" spans="2:133" ht="20.25" customHeight="1" x14ac:dyDescent="0.2">
      <c r="B10" s="62" t="s">
        <v>14</v>
      </c>
      <c r="C10" s="194">
        <v>0</v>
      </c>
      <c r="D10" s="195">
        <v>0</v>
      </c>
      <c r="E10" s="195">
        <v>0</v>
      </c>
      <c r="F10" s="196">
        <v>9</v>
      </c>
      <c r="G10" s="197">
        <v>58</v>
      </c>
      <c r="H10" s="197">
        <v>835</v>
      </c>
      <c r="I10" s="197">
        <v>1282</v>
      </c>
      <c r="J10" s="195">
        <v>788</v>
      </c>
      <c r="K10" s="198">
        <v>2972</v>
      </c>
      <c r="L10" s="199">
        <v>2972</v>
      </c>
      <c r="M10" s="194">
        <v>0</v>
      </c>
      <c r="N10" s="195">
        <v>0</v>
      </c>
      <c r="O10" s="198">
        <v>0</v>
      </c>
      <c r="P10" s="196">
        <v>9</v>
      </c>
      <c r="Q10" s="197">
        <v>57</v>
      </c>
      <c r="R10" s="197">
        <v>831</v>
      </c>
      <c r="S10" s="197">
        <v>1274</v>
      </c>
      <c r="T10" s="195">
        <v>782</v>
      </c>
      <c r="U10" s="198">
        <v>2953</v>
      </c>
      <c r="V10" s="200">
        <v>2953</v>
      </c>
      <c r="W10" s="201">
        <v>0</v>
      </c>
      <c r="X10" s="195">
        <v>0</v>
      </c>
      <c r="Y10" s="198">
        <v>0</v>
      </c>
      <c r="Z10" s="201">
        <v>0</v>
      </c>
      <c r="AA10" s="197">
        <v>1</v>
      </c>
      <c r="AB10" s="197">
        <v>4</v>
      </c>
      <c r="AC10" s="197">
        <v>8</v>
      </c>
      <c r="AD10" s="195">
        <v>6</v>
      </c>
      <c r="AE10" s="198">
        <v>19</v>
      </c>
      <c r="AF10" s="202">
        <v>19</v>
      </c>
      <c r="AG10" s="201">
        <v>0</v>
      </c>
      <c r="AH10" s="195">
        <v>0</v>
      </c>
      <c r="AI10" s="198">
        <v>0</v>
      </c>
      <c r="AJ10" s="201">
        <v>80</v>
      </c>
      <c r="AK10" s="197">
        <v>207</v>
      </c>
      <c r="AL10" s="197">
        <v>282</v>
      </c>
      <c r="AM10" s="197">
        <v>378</v>
      </c>
      <c r="AN10" s="195">
        <v>198</v>
      </c>
      <c r="AO10" s="198">
        <v>1145</v>
      </c>
      <c r="AP10" s="202">
        <v>1145</v>
      </c>
      <c r="AQ10" s="201">
        <v>0</v>
      </c>
      <c r="AR10" s="195">
        <v>0</v>
      </c>
      <c r="AS10" s="198">
        <v>0</v>
      </c>
      <c r="AT10" s="196">
        <v>77</v>
      </c>
      <c r="AU10" s="197">
        <v>206</v>
      </c>
      <c r="AV10" s="197">
        <v>278</v>
      </c>
      <c r="AW10" s="197">
        <v>372</v>
      </c>
      <c r="AX10" s="195">
        <v>195</v>
      </c>
      <c r="AY10" s="198">
        <v>1128</v>
      </c>
      <c r="AZ10" s="199">
        <v>1128</v>
      </c>
      <c r="BA10" s="194">
        <v>0</v>
      </c>
      <c r="BB10" s="195">
        <v>0</v>
      </c>
      <c r="BC10" s="195">
        <v>0</v>
      </c>
      <c r="BD10" s="196">
        <v>3</v>
      </c>
      <c r="BE10" s="197">
        <v>1</v>
      </c>
      <c r="BF10" s="197">
        <v>4</v>
      </c>
      <c r="BG10" s="197">
        <v>6</v>
      </c>
      <c r="BH10" s="195">
        <v>3</v>
      </c>
      <c r="BI10" s="198">
        <v>17</v>
      </c>
      <c r="BJ10" s="200">
        <v>17</v>
      </c>
      <c r="BK10" s="201">
        <v>0</v>
      </c>
      <c r="BL10" s="195">
        <v>0</v>
      </c>
      <c r="BM10" s="195">
        <v>0</v>
      </c>
      <c r="BN10" s="196">
        <v>0</v>
      </c>
      <c r="BO10" s="197">
        <v>0</v>
      </c>
      <c r="BP10" s="197">
        <v>1</v>
      </c>
      <c r="BQ10" s="197">
        <v>24</v>
      </c>
      <c r="BR10" s="195">
        <v>23</v>
      </c>
      <c r="BS10" s="198">
        <v>48</v>
      </c>
      <c r="BT10" s="199">
        <v>48</v>
      </c>
      <c r="BU10" s="194">
        <v>0</v>
      </c>
      <c r="BV10" s="195">
        <v>0</v>
      </c>
      <c r="BW10" s="195">
        <v>0</v>
      </c>
      <c r="BX10" s="196">
        <v>0</v>
      </c>
      <c r="BY10" s="197">
        <v>0</v>
      </c>
      <c r="BZ10" s="197">
        <v>1</v>
      </c>
      <c r="CA10" s="197">
        <v>24</v>
      </c>
      <c r="CB10" s="195">
        <v>23</v>
      </c>
      <c r="CC10" s="198">
        <v>48</v>
      </c>
      <c r="CD10" s="200">
        <v>48</v>
      </c>
      <c r="CE10" s="201">
        <v>0</v>
      </c>
      <c r="CF10" s="195">
        <v>0</v>
      </c>
      <c r="CG10" s="195">
        <v>0</v>
      </c>
      <c r="CH10" s="196">
        <v>0</v>
      </c>
      <c r="CI10" s="197">
        <v>0</v>
      </c>
      <c r="CJ10" s="197">
        <v>0</v>
      </c>
      <c r="CK10" s="197">
        <v>0</v>
      </c>
      <c r="CL10" s="195">
        <v>0</v>
      </c>
      <c r="CM10" s="198">
        <v>0</v>
      </c>
      <c r="CN10" s="200">
        <v>0</v>
      </c>
      <c r="CO10" s="201">
        <v>0</v>
      </c>
      <c r="CP10" s="195">
        <v>0</v>
      </c>
      <c r="CQ10" s="195">
        <v>0</v>
      </c>
      <c r="CR10" s="196">
        <v>0</v>
      </c>
      <c r="CS10" s="197">
        <v>0</v>
      </c>
      <c r="CT10" s="197">
        <v>7</v>
      </c>
      <c r="CU10" s="197">
        <v>76</v>
      </c>
      <c r="CV10" s="195">
        <v>80</v>
      </c>
      <c r="CW10" s="198">
        <v>163</v>
      </c>
      <c r="CX10" s="199">
        <v>163</v>
      </c>
      <c r="CY10" s="194">
        <v>0</v>
      </c>
      <c r="CZ10" s="195">
        <v>0</v>
      </c>
      <c r="DA10" s="195">
        <v>0</v>
      </c>
      <c r="DB10" s="196">
        <v>0</v>
      </c>
      <c r="DC10" s="197">
        <v>0</v>
      </c>
      <c r="DD10" s="197">
        <v>7</v>
      </c>
      <c r="DE10" s="197">
        <v>75</v>
      </c>
      <c r="DF10" s="195">
        <v>76</v>
      </c>
      <c r="DG10" s="198">
        <v>158</v>
      </c>
      <c r="DH10" s="200">
        <v>158</v>
      </c>
      <c r="DI10" s="201">
        <v>0</v>
      </c>
      <c r="DJ10" s="195">
        <v>0</v>
      </c>
      <c r="DK10" s="195">
        <v>0</v>
      </c>
      <c r="DL10" s="196">
        <v>0</v>
      </c>
      <c r="DM10" s="197">
        <v>0</v>
      </c>
      <c r="DN10" s="197">
        <v>0</v>
      </c>
      <c r="DO10" s="197">
        <v>1</v>
      </c>
      <c r="DP10" s="195">
        <v>4</v>
      </c>
      <c r="DQ10" s="198">
        <v>5</v>
      </c>
      <c r="DR10" s="200">
        <v>5</v>
      </c>
      <c r="DS10" s="201">
        <v>0</v>
      </c>
      <c r="DT10" s="195">
        <v>0</v>
      </c>
      <c r="DU10" s="195">
        <v>0</v>
      </c>
      <c r="DV10" s="196">
        <v>89</v>
      </c>
      <c r="DW10" s="197">
        <v>265</v>
      </c>
      <c r="DX10" s="197">
        <v>1123</v>
      </c>
      <c r="DY10" s="197">
        <v>1754</v>
      </c>
      <c r="DZ10" s="195">
        <v>1085</v>
      </c>
      <c r="EA10" s="198">
        <v>4316</v>
      </c>
      <c r="EB10" s="200">
        <v>4316</v>
      </c>
      <c r="EC10" s="37"/>
    </row>
    <row r="11" spans="2:133" ht="20.25" customHeight="1" x14ac:dyDescent="0.2">
      <c r="B11" s="62" t="s">
        <v>7</v>
      </c>
      <c r="C11" s="194">
        <v>0</v>
      </c>
      <c r="D11" s="195">
        <v>0</v>
      </c>
      <c r="E11" s="195">
        <v>0</v>
      </c>
      <c r="F11" s="196">
        <v>22</v>
      </c>
      <c r="G11" s="197">
        <v>48</v>
      </c>
      <c r="H11" s="197">
        <v>570</v>
      </c>
      <c r="I11" s="197">
        <v>953</v>
      </c>
      <c r="J11" s="195">
        <v>599</v>
      </c>
      <c r="K11" s="198">
        <v>2192</v>
      </c>
      <c r="L11" s="199">
        <v>2192</v>
      </c>
      <c r="M11" s="194">
        <v>0</v>
      </c>
      <c r="N11" s="195">
        <v>0</v>
      </c>
      <c r="O11" s="198">
        <v>0</v>
      </c>
      <c r="P11" s="196">
        <v>22</v>
      </c>
      <c r="Q11" s="197">
        <v>48</v>
      </c>
      <c r="R11" s="197">
        <v>563</v>
      </c>
      <c r="S11" s="197">
        <v>944</v>
      </c>
      <c r="T11" s="195">
        <v>586</v>
      </c>
      <c r="U11" s="198">
        <v>2163</v>
      </c>
      <c r="V11" s="200">
        <v>2163</v>
      </c>
      <c r="W11" s="201">
        <v>0</v>
      </c>
      <c r="X11" s="195">
        <v>0</v>
      </c>
      <c r="Y11" s="198">
        <v>0</v>
      </c>
      <c r="Z11" s="201">
        <v>0</v>
      </c>
      <c r="AA11" s="197">
        <v>0</v>
      </c>
      <c r="AB11" s="197">
        <v>7</v>
      </c>
      <c r="AC11" s="197">
        <v>9</v>
      </c>
      <c r="AD11" s="195">
        <v>13</v>
      </c>
      <c r="AE11" s="198">
        <v>29</v>
      </c>
      <c r="AF11" s="202">
        <v>29</v>
      </c>
      <c r="AG11" s="201">
        <v>0</v>
      </c>
      <c r="AH11" s="195">
        <v>0</v>
      </c>
      <c r="AI11" s="198">
        <v>0</v>
      </c>
      <c r="AJ11" s="201">
        <v>160</v>
      </c>
      <c r="AK11" s="197">
        <v>218</v>
      </c>
      <c r="AL11" s="197">
        <v>238</v>
      </c>
      <c r="AM11" s="197">
        <v>288</v>
      </c>
      <c r="AN11" s="195">
        <v>103</v>
      </c>
      <c r="AO11" s="198">
        <v>1007</v>
      </c>
      <c r="AP11" s="202">
        <v>1007</v>
      </c>
      <c r="AQ11" s="201">
        <v>0</v>
      </c>
      <c r="AR11" s="195">
        <v>0</v>
      </c>
      <c r="AS11" s="198">
        <v>0</v>
      </c>
      <c r="AT11" s="196">
        <v>159</v>
      </c>
      <c r="AU11" s="197">
        <v>217</v>
      </c>
      <c r="AV11" s="197">
        <v>233</v>
      </c>
      <c r="AW11" s="197">
        <v>284</v>
      </c>
      <c r="AX11" s="195">
        <v>99</v>
      </c>
      <c r="AY11" s="198">
        <v>992</v>
      </c>
      <c r="AZ11" s="199">
        <v>992</v>
      </c>
      <c r="BA11" s="194">
        <v>0</v>
      </c>
      <c r="BB11" s="195">
        <v>0</v>
      </c>
      <c r="BC11" s="195">
        <v>0</v>
      </c>
      <c r="BD11" s="196">
        <v>1</v>
      </c>
      <c r="BE11" s="197">
        <v>1</v>
      </c>
      <c r="BF11" s="197">
        <v>5</v>
      </c>
      <c r="BG11" s="197">
        <v>4</v>
      </c>
      <c r="BH11" s="195">
        <v>4</v>
      </c>
      <c r="BI11" s="198">
        <v>15</v>
      </c>
      <c r="BJ11" s="200">
        <v>15</v>
      </c>
      <c r="BK11" s="201">
        <v>0</v>
      </c>
      <c r="BL11" s="195">
        <v>0</v>
      </c>
      <c r="BM11" s="195">
        <v>0</v>
      </c>
      <c r="BN11" s="196">
        <v>0</v>
      </c>
      <c r="BO11" s="197">
        <v>0</v>
      </c>
      <c r="BP11" s="197">
        <v>0</v>
      </c>
      <c r="BQ11" s="197">
        <v>2</v>
      </c>
      <c r="BR11" s="195">
        <v>4</v>
      </c>
      <c r="BS11" s="198">
        <v>6</v>
      </c>
      <c r="BT11" s="199">
        <v>6</v>
      </c>
      <c r="BU11" s="194">
        <v>0</v>
      </c>
      <c r="BV11" s="195">
        <v>0</v>
      </c>
      <c r="BW11" s="195">
        <v>0</v>
      </c>
      <c r="BX11" s="196">
        <v>0</v>
      </c>
      <c r="BY11" s="197">
        <v>0</v>
      </c>
      <c r="BZ11" s="197">
        <v>0</v>
      </c>
      <c r="CA11" s="197">
        <v>2</v>
      </c>
      <c r="CB11" s="195">
        <v>4</v>
      </c>
      <c r="CC11" s="198">
        <v>6</v>
      </c>
      <c r="CD11" s="200">
        <v>6</v>
      </c>
      <c r="CE11" s="201">
        <v>0</v>
      </c>
      <c r="CF11" s="195">
        <v>0</v>
      </c>
      <c r="CG11" s="195">
        <v>0</v>
      </c>
      <c r="CH11" s="196">
        <v>0</v>
      </c>
      <c r="CI11" s="197">
        <v>0</v>
      </c>
      <c r="CJ11" s="197">
        <v>0</v>
      </c>
      <c r="CK11" s="197">
        <v>0</v>
      </c>
      <c r="CL11" s="195">
        <v>0</v>
      </c>
      <c r="CM11" s="198">
        <v>0</v>
      </c>
      <c r="CN11" s="200">
        <v>0</v>
      </c>
      <c r="CO11" s="201">
        <v>0</v>
      </c>
      <c r="CP11" s="195">
        <v>0</v>
      </c>
      <c r="CQ11" s="195">
        <v>0</v>
      </c>
      <c r="CR11" s="196">
        <v>0</v>
      </c>
      <c r="CS11" s="197">
        <v>0</v>
      </c>
      <c r="CT11" s="197">
        <v>2</v>
      </c>
      <c r="CU11" s="197">
        <v>1</v>
      </c>
      <c r="CV11" s="195">
        <v>5</v>
      </c>
      <c r="CW11" s="198">
        <v>8</v>
      </c>
      <c r="CX11" s="199">
        <v>8</v>
      </c>
      <c r="CY11" s="194">
        <v>0</v>
      </c>
      <c r="CZ11" s="195">
        <v>0</v>
      </c>
      <c r="DA11" s="195">
        <v>0</v>
      </c>
      <c r="DB11" s="196">
        <v>0</v>
      </c>
      <c r="DC11" s="197">
        <v>0</v>
      </c>
      <c r="DD11" s="197">
        <v>2</v>
      </c>
      <c r="DE11" s="197">
        <v>1</v>
      </c>
      <c r="DF11" s="195">
        <v>5</v>
      </c>
      <c r="DG11" s="198">
        <v>8</v>
      </c>
      <c r="DH11" s="200">
        <v>8</v>
      </c>
      <c r="DI11" s="201">
        <v>0</v>
      </c>
      <c r="DJ11" s="195">
        <v>0</v>
      </c>
      <c r="DK11" s="195">
        <v>0</v>
      </c>
      <c r="DL11" s="196">
        <v>0</v>
      </c>
      <c r="DM11" s="197">
        <v>0</v>
      </c>
      <c r="DN11" s="197">
        <v>0</v>
      </c>
      <c r="DO11" s="197">
        <v>0</v>
      </c>
      <c r="DP11" s="195">
        <v>0</v>
      </c>
      <c r="DQ11" s="198">
        <v>0</v>
      </c>
      <c r="DR11" s="200">
        <v>0</v>
      </c>
      <c r="DS11" s="201">
        <v>0</v>
      </c>
      <c r="DT11" s="195">
        <v>0</v>
      </c>
      <c r="DU11" s="195">
        <v>0</v>
      </c>
      <c r="DV11" s="196">
        <v>182</v>
      </c>
      <c r="DW11" s="197">
        <v>265</v>
      </c>
      <c r="DX11" s="197">
        <v>805</v>
      </c>
      <c r="DY11" s="197">
        <v>1240</v>
      </c>
      <c r="DZ11" s="195">
        <v>710</v>
      </c>
      <c r="EA11" s="198">
        <v>3202</v>
      </c>
      <c r="EB11" s="200">
        <v>3202</v>
      </c>
      <c r="EC11" s="37"/>
    </row>
    <row r="12" spans="2:133" ht="20.25" customHeight="1" x14ac:dyDescent="0.2">
      <c r="B12" s="62" t="s">
        <v>8</v>
      </c>
      <c r="C12" s="194">
        <v>0</v>
      </c>
      <c r="D12" s="195">
        <v>0</v>
      </c>
      <c r="E12" s="195">
        <v>0</v>
      </c>
      <c r="F12" s="196">
        <v>26</v>
      </c>
      <c r="G12" s="197">
        <v>66</v>
      </c>
      <c r="H12" s="197">
        <v>358</v>
      </c>
      <c r="I12" s="197">
        <v>406</v>
      </c>
      <c r="J12" s="195">
        <v>233</v>
      </c>
      <c r="K12" s="198">
        <v>1089</v>
      </c>
      <c r="L12" s="199">
        <v>1089</v>
      </c>
      <c r="M12" s="194">
        <v>0</v>
      </c>
      <c r="N12" s="195">
        <v>0</v>
      </c>
      <c r="O12" s="198">
        <v>0</v>
      </c>
      <c r="P12" s="196">
        <v>26</v>
      </c>
      <c r="Q12" s="197">
        <v>66</v>
      </c>
      <c r="R12" s="197">
        <v>355</v>
      </c>
      <c r="S12" s="197">
        <v>403</v>
      </c>
      <c r="T12" s="195">
        <v>230</v>
      </c>
      <c r="U12" s="198">
        <v>1080</v>
      </c>
      <c r="V12" s="200">
        <v>1080</v>
      </c>
      <c r="W12" s="201">
        <v>0</v>
      </c>
      <c r="X12" s="195">
        <v>0</v>
      </c>
      <c r="Y12" s="198">
        <v>0</v>
      </c>
      <c r="Z12" s="201">
        <v>0</v>
      </c>
      <c r="AA12" s="197">
        <v>0</v>
      </c>
      <c r="AB12" s="197">
        <v>3</v>
      </c>
      <c r="AC12" s="197">
        <v>3</v>
      </c>
      <c r="AD12" s="195">
        <v>3</v>
      </c>
      <c r="AE12" s="198">
        <v>9</v>
      </c>
      <c r="AF12" s="202">
        <v>9</v>
      </c>
      <c r="AG12" s="201">
        <v>0</v>
      </c>
      <c r="AH12" s="195">
        <v>0</v>
      </c>
      <c r="AI12" s="198">
        <v>0</v>
      </c>
      <c r="AJ12" s="201">
        <v>55</v>
      </c>
      <c r="AK12" s="197">
        <v>99</v>
      </c>
      <c r="AL12" s="197">
        <v>159</v>
      </c>
      <c r="AM12" s="197">
        <v>136</v>
      </c>
      <c r="AN12" s="195">
        <v>70</v>
      </c>
      <c r="AO12" s="198">
        <v>519</v>
      </c>
      <c r="AP12" s="202">
        <v>519</v>
      </c>
      <c r="AQ12" s="201">
        <v>0</v>
      </c>
      <c r="AR12" s="195">
        <v>0</v>
      </c>
      <c r="AS12" s="198">
        <v>0</v>
      </c>
      <c r="AT12" s="196">
        <v>53</v>
      </c>
      <c r="AU12" s="197">
        <v>95</v>
      </c>
      <c r="AV12" s="197">
        <v>155</v>
      </c>
      <c r="AW12" s="197">
        <v>134</v>
      </c>
      <c r="AX12" s="195">
        <v>68</v>
      </c>
      <c r="AY12" s="198">
        <v>505</v>
      </c>
      <c r="AZ12" s="199">
        <v>505</v>
      </c>
      <c r="BA12" s="194">
        <v>0</v>
      </c>
      <c r="BB12" s="195">
        <v>0</v>
      </c>
      <c r="BC12" s="195">
        <v>0</v>
      </c>
      <c r="BD12" s="196">
        <v>2</v>
      </c>
      <c r="BE12" s="197">
        <v>4</v>
      </c>
      <c r="BF12" s="197">
        <v>4</v>
      </c>
      <c r="BG12" s="197">
        <v>2</v>
      </c>
      <c r="BH12" s="195">
        <v>2</v>
      </c>
      <c r="BI12" s="198">
        <v>14</v>
      </c>
      <c r="BJ12" s="200">
        <v>14</v>
      </c>
      <c r="BK12" s="201">
        <v>0</v>
      </c>
      <c r="BL12" s="195">
        <v>0</v>
      </c>
      <c r="BM12" s="195">
        <v>0</v>
      </c>
      <c r="BN12" s="196">
        <v>0</v>
      </c>
      <c r="BO12" s="197">
        <v>0</v>
      </c>
      <c r="BP12" s="197">
        <v>0</v>
      </c>
      <c r="BQ12" s="197">
        <v>2</v>
      </c>
      <c r="BR12" s="195">
        <v>0</v>
      </c>
      <c r="BS12" s="198">
        <v>2</v>
      </c>
      <c r="BT12" s="199">
        <v>2</v>
      </c>
      <c r="BU12" s="194">
        <v>0</v>
      </c>
      <c r="BV12" s="195">
        <v>0</v>
      </c>
      <c r="BW12" s="195">
        <v>0</v>
      </c>
      <c r="BX12" s="196">
        <v>0</v>
      </c>
      <c r="BY12" s="197">
        <v>0</v>
      </c>
      <c r="BZ12" s="197">
        <v>0</v>
      </c>
      <c r="CA12" s="197">
        <v>2</v>
      </c>
      <c r="CB12" s="195">
        <v>0</v>
      </c>
      <c r="CC12" s="198">
        <v>2</v>
      </c>
      <c r="CD12" s="200">
        <v>2</v>
      </c>
      <c r="CE12" s="201">
        <v>0</v>
      </c>
      <c r="CF12" s="195">
        <v>0</v>
      </c>
      <c r="CG12" s="195">
        <v>0</v>
      </c>
      <c r="CH12" s="196">
        <v>0</v>
      </c>
      <c r="CI12" s="197">
        <v>0</v>
      </c>
      <c r="CJ12" s="197">
        <v>0</v>
      </c>
      <c r="CK12" s="197">
        <v>0</v>
      </c>
      <c r="CL12" s="195">
        <v>0</v>
      </c>
      <c r="CM12" s="198">
        <v>0</v>
      </c>
      <c r="CN12" s="200">
        <v>0</v>
      </c>
      <c r="CO12" s="201">
        <v>0</v>
      </c>
      <c r="CP12" s="195">
        <v>0</v>
      </c>
      <c r="CQ12" s="195">
        <v>0</v>
      </c>
      <c r="CR12" s="196">
        <v>1</v>
      </c>
      <c r="CS12" s="197">
        <v>0</v>
      </c>
      <c r="CT12" s="197">
        <v>1</v>
      </c>
      <c r="CU12" s="197">
        <v>8</v>
      </c>
      <c r="CV12" s="195">
        <v>9</v>
      </c>
      <c r="CW12" s="198">
        <v>19</v>
      </c>
      <c r="CX12" s="199">
        <v>19</v>
      </c>
      <c r="CY12" s="194">
        <v>0</v>
      </c>
      <c r="CZ12" s="195">
        <v>0</v>
      </c>
      <c r="DA12" s="195">
        <v>0</v>
      </c>
      <c r="DB12" s="196">
        <v>1</v>
      </c>
      <c r="DC12" s="197">
        <v>0</v>
      </c>
      <c r="DD12" s="197">
        <v>1</v>
      </c>
      <c r="DE12" s="197">
        <v>8</v>
      </c>
      <c r="DF12" s="195">
        <v>9</v>
      </c>
      <c r="DG12" s="198">
        <v>19</v>
      </c>
      <c r="DH12" s="200">
        <v>19</v>
      </c>
      <c r="DI12" s="201">
        <v>0</v>
      </c>
      <c r="DJ12" s="195">
        <v>0</v>
      </c>
      <c r="DK12" s="195">
        <v>0</v>
      </c>
      <c r="DL12" s="196">
        <v>0</v>
      </c>
      <c r="DM12" s="197">
        <v>0</v>
      </c>
      <c r="DN12" s="197">
        <v>0</v>
      </c>
      <c r="DO12" s="197">
        <v>0</v>
      </c>
      <c r="DP12" s="195">
        <v>0</v>
      </c>
      <c r="DQ12" s="198">
        <v>0</v>
      </c>
      <c r="DR12" s="200">
        <v>0</v>
      </c>
      <c r="DS12" s="201">
        <v>0</v>
      </c>
      <c r="DT12" s="195">
        <v>0</v>
      </c>
      <c r="DU12" s="195">
        <v>0</v>
      </c>
      <c r="DV12" s="196">
        <v>82</v>
      </c>
      <c r="DW12" s="197">
        <v>165</v>
      </c>
      <c r="DX12" s="197">
        <v>518</v>
      </c>
      <c r="DY12" s="197">
        <v>552</v>
      </c>
      <c r="DZ12" s="195">
        <v>312</v>
      </c>
      <c r="EA12" s="198">
        <v>1629</v>
      </c>
      <c r="EB12" s="200">
        <v>1629</v>
      </c>
      <c r="EC12" s="37"/>
    </row>
    <row r="13" spans="2:133" ht="20.25" customHeight="1" x14ac:dyDescent="0.2">
      <c r="B13" s="62" t="s">
        <v>9</v>
      </c>
      <c r="C13" s="194">
        <v>0</v>
      </c>
      <c r="D13" s="195">
        <v>0</v>
      </c>
      <c r="E13" s="195">
        <v>0</v>
      </c>
      <c r="F13" s="196">
        <v>7</v>
      </c>
      <c r="G13" s="197">
        <v>3</v>
      </c>
      <c r="H13" s="197">
        <v>193</v>
      </c>
      <c r="I13" s="197">
        <v>378</v>
      </c>
      <c r="J13" s="195">
        <v>280</v>
      </c>
      <c r="K13" s="198">
        <v>861</v>
      </c>
      <c r="L13" s="199">
        <v>861</v>
      </c>
      <c r="M13" s="194">
        <v>0</v>
      </c>
      <c r="N13" s="195">
        <v>0</v>
      </c>
      <c r="O13" s="198">
        <v>0</v>
      </c>
      <c r="P13" s="196">
        <v>7</v>
      </c>
      <c r="Q13" s="197">
        <v>3</v>
      </c>
      <c r="R13" s="197">
        <v>193</v>
      </c>
      <c r="S13" s="197">
        <v>374</v>
      </c>
      <c r="T13" s="195">
        <v>278</v>
      </c>
      <c r="U13" s="198">
        <v>855</v>
      </c>
      <c r="V13" s="200">
        <v>855</v>
      </c>
      <c r="W13" s="201">
        <v>0</v>
      </c>
      <c r="X13" s="195">
        <v>0</v>
      </c>
      <c r="Y13" s="198">
        <v>0</v>
      </c>
      <c r="Z13" s="201">
        <v>0</v>
      </c>
      <c r="AA13" s="197">
        <v>0</v>
      </c>
      <c r="AB13" s="197">
        <v>0</v>
      </c>
      <c r="AC13" s="197">
        <v>4</v>
      </c>
      <c r="AD13" s="195">
        <v>2</v>
      </c>
      <c r="AE13" s="198">
        <v>6</v>
      </c>
      <c r="AF13" s="202">
        <v>6</v>
      </c>
      <c r="AG13" s="201">
        <v>0</v>
      </c>
      <c r="AH13" s="195">
        <v>0</v>
      </c>
      <c r="AI13" s="198">
        <v>0</v>
      </c>
      <c r="AJ13" s="201">
        <v>28</v>
      </c>
      <c r="AK13" s="197">
        <v>69</v>
      </c>
      <c r="AL13" s="197">
        <v>89</v>
      </c>
      <c r="AM13" s="197">
        <v>133</v>
      </c>
      <c r="AN13" s="195">
        <v>63</v>
      </c>
      <c r="AO13" s="198">
        <v>382</v>
      </c>
      <c r="AP13" s="202">
        <v>382</v>
      </c>
      <c r="AQ13" s="201">
        <v>0</v>
      </c>
      <c r="AR13" s="195">
        <v>0</v>
      </c>
      <c r="AS13" s="198">
        <v>0</v>
      </c>
      <c r="AT13" s="196">
        <v>28</v>
      </c>
      <c r="AU13" s="197">
        <v>69</v>
      </c>
      <c r="AV13" s="197">
        <v>87</v>
      </c>
      <c r="AW13" s="197">
        <v>131</v>
      </c>
      <c r="AX13" s="195">
        <v>61</v>
      </c>
      <c r="AY13" s="198">
        <v>376</v>
      </c>
      <c r="AZ13" s="199">
        <v>376</v>
      </c>
      <c r="BA13" s="194">
        <v>0</v>
      </c>
      <c r="BB13" s="195">
        <v>0</v>
      </c>
      <c r="BC13" s="195">
        <v>0</v>
      </c>
      <c r="BD13" s="196">
        <v>0</v>
      </c>
      <c r="BE13" s="197">
        <v>0</v>
      </c>
      <c r="BF13" s="197">
        <v>2</v>
      </c>
      <c r="BG13" s="197">
        <v>2</v>
      </c>
      <c r="BH13" s="195">
        <v>2</v>
      </c>
      <c r="BI13" s="198">
        <v>6</v>
      </c>
      <c r="BJ13" s="200">
        <v>6</v>
      </c>
      <c r="BK13" s="201">
        <v>0</v>
      </c>
      <c r="BL13" s="195">
        <v>0</v>
      </c>
      <c r="BM13" s="195">
        <v>0</v>
      </c>
      <c r="BN13" s="196">
        <v>0</v>
      </c>
      <c r="BO13" s="197">
        <v>0</v>
      </c>
      <c r="BP13" s="197">
        <v>0</v>
      </c>
      <c r="BQ13" s="197">
        <v>2</v>
      </c>
      <c r="BR13" s="195">
        <v>0</v>
      </c>
      <c r="BS13" s="198">
        <v>2</v>
      </c>
      <c r="BT13" s="199">
        <v>2</v>
      </c>
      <c r="BU13" s="194">
        <v>0</v>
      </c>
      <c r="BV13" s="195">
        <v>0</v>
      </c>
      <c r="BW13" s="195">
        <v>0</v>
      </c>
      <c r="BX13" s="196">
        <v>0</v>
      </c>
      <c r="BY13" s="197">
        <v>0</v>
      </c>
      <c r="BZ13" s="197">
        <v>0</v>
      </c>
      <c r="CA13" s="197">
        <v>2</v>
      </c>
      <c r="CB13" s="195">
        <v>0</v>
      </c>
      <c r="CC13" s="198">
        <v>2</v>
      </c>
      <c r="CD13" s="200">
        <v>2</v>
      </c>
      <c r="CE13" s="201">
        <v>0</v>
      </c>
      <c r="CF13" s="195">
        <v>0</v>
      </c>
      <c r="CG13" s="195">
        <v>0</v>
      </c>
      <c r="CH13" s="196">
        <v>0</v>
      </c>
      <c r="CI13" s="197">
        <v>0</v>
      </c>
      <c r="CJ13" s="197">
        <v>0</v>
      </c>
      <c r="CK13" s="197">
        <v>0</v>
      </c>
      <c r="CL13" s="195">
        <v>0</v>
      </c>
      <c r="CM13" s="198">
        <v>0</v>
      </c>
      <c r="CN13" s="200">
        <v>0</v>
      </c>
      <c r="CO13" s="201">
        <v>0</v>
      </c>
      <c r="CP13" s="195">
        <v>0</v>
      </c>
      <c r="CQ13" s="195">
        <v>0</v>
      </c>
      <c r="CR13" s="196">
        <v>0</v>
      </c>
      <c r="CS13" s="197">
        <v>1</v>
      </c>
      <c r="CT13" s="197">
        <v>2</v>
      </c>
      <c r="CU13" s="197">
        <v>2</v>
      </c>
      <c r="CV13" s="195">
        <v>4</v>
      </c>
      <c r="CW13" s="198">
        <v>9</v>
      </c>
      <c r="CX13" s="199">
        <v>9</v>
      </c>
      <c r="CY13" s="194">
        <v>0</v>
      </c>
      <c r="CZ13" s="195">
        <v>0</v>
      </c>
      <c r="DA13" s="195">
        <v>0</v>
      </c>
      <c r="DB13" s="196">
        <v>0</v>
      </c>
      <c r="DC13" s="197">
        <v>1</v>
      </c>
      <c r="DD13" s="197">
        <v>2</v>
      </c>
      <c r="DE13" s="197">
        <v>2</v>
      </c>
      <c r="DF13" s="195">
        <v>4</v>
      </c>
      <c r="DG13" s="198">
        <v>9</v>
      </c>
      <c r="DH13" s="200">
        <v>9</v>
      </c>
      <c r="DI13" s="201">
        <v>0</v>
      </c>
      <c r="DJ13" s="195">
        <v>0</v>
      </c>
      <c r="DK13" s="195">
        <v>0</v>
      </c>
      <c r="DL13" s="196">
        <v>0</v>
      </c>
      <c r="DM13" s="197">
        <v>0</v>
      </c>
      <c r="DN13" s="197">
        <v>0</v>
      </c>
      <c r="DO13" s="197">
        <v>0</v>
      </c>
      <c r="DP13" s="195">
        <v>0</v>
      </c>
      <c r="DQ13" s="198">
        <v>0</v>
      </c>
      <c r="DR13" s="200">
        <v>0</v>
      </c>
      <c r="DS13" s="201">
        <v>0</v>
      </c>
      <c r="DT13" s="195">
        <v>0</v>
      </c>
      <c r="DU13" s="195">
        <v>0</v>
      </c>
      <c r="DV13" s="196">
        <v>35</v>
      </c>
      <c r="DW13" s="197">
        <v>73</v>
      </c>
      <c r="DX13" s="197">
        <v>284</v>
      </c>
      <c r="DY13" s="197">
        <v>514</v>
      </c>
      <c r="DZ13" s="195">
        <v>345</v>
      </c>
      <c r="EA13" s="198">
        <v>1251</v>
      </c>
      <c r="EB13" s="200">
        <v>1251</v>
      </c>
      <c r="EC13" s="37"/>
    </row>
    <row r="14" spans="2:133" ht="20.25" customHeight="1" x14ac:dyDescent="0.2">
      <c r="B14" s="62" t="s">
        <v>10</v>
      </c>
      <c r="C14" s="194">
        <v>0</v>
      </c>
      <c r="D14" s="195">
        <v>0</v>
      </c>
      <c r="E14" s="195">
        <v>0</v>
      </c>
      <c r="F14" s="196">
        <v>17</v>
      </c>
      <c r="G14" s="197">
        <v>48</v>
      </c>
      <c r="H14" s="197">
        <v>377</v>
      </c>
      <c r="I14" s="197">
        <v>519</v>
      </c>
      <c r="J14" s="195">
        <v>481</v>
      </c>
      <c r="K14" s="198">
        <v>1442</v>
      </c>
      <c r="L14" s="199">
        <v>1442</v>
      </c>
      <c r="M14" s="194">
        <v>0</v>
      </c>
      <c r="N14" s="195">
        <v>0</v>
      </c>
      <c r="O14" s="198">
        <v>0</v>
      </c>
      <c r="P14" s="196">
        <v>17</v>
      </c>
      <c r="Q14" s="197">
        <v>48</v>
      </c>
      <c r="R14" s="197">
        <v>374</v>
      </c>
      <c r="S14" s="197">
        <v>516</v>
      </c>
      <c r="T14" s="195">
        <v>474</v>
      </c>
      <c r="U14" s="198">
        <v>1429</v>
      </c>
      <c r="V14" s="200">
        <v>1429</v>
      </c>
      <c r="W14" s="201">
        <v>0</v>
      </c>
      <c r="X14" s="195">
        <v>0</v>
      </c>
      <c r="Y14" s="198">
        <v>0</v>
      </c>
      <c r="Z14" s="201">
        <v>0</v>
      </c>
      <c r="AA14" s="197">
        <v>0</v>
      </c>
      <c r="AB14" s="197">
        <v>3</v>
      </c>
      <c r="AC14" s="197">
        <v>3</v>
      </c>
      <c r="AD14" s="195">
        <v>7</v>
      </c>
      <c r="AE14" s="198">
        <v>13</v>
      </c>
      <c r="AF14" s="202">
        <v>13</v>
      </c>
      <c r="AG14" s="201">
        <v>0</v>
      </c>
      <c r="AH14" s="195">
        <v>0</v>
      </c>
      <c r="AI14" s="198">
        <v>0</v>
      </c>
      <c r="AJ14" s="201">
        <v>101</v>
      </c>
      <c r="AK14" s="197">
        <v>125</v>
      </c>
      <c r="AL14" s="197">
        <v>162</v>
      </c>
      <c r="AM14" s="197">
        <v>171</v>
      </c>
      <c r="AN14" s="195">
        <v>98</v>
      </c>
      <c r="AO14" s="198">
        <v>657</v>
      </c>
      <c r="AP14" s="202">
        <v>657</v>
      </c>
      <c r="AQ14" s="201">
        <v>0</v>
      </c>
      <c r="AR14" s="195">
        <v>0</v>
      </c>
      <c r="AS14" s="198">
        <v>0</v>
      </c>
      <c r="AT14" s="196">
        <v>99</v>
      </c>
      <c r="AU14" s="197">
        <v>123</v>
      </c>
      <c r="AV14" s="197">
        <v>161</v>
      </c>
      <c r="AW14" s="197">
        <v>169</v>
      </c>
      <c r="AX14" s="195">
        <v>94</v>
      </c>
      <c r="AY14" s="198">
        <v>646</v>
      </c>
      <c r="AZ14" s="199">
        <v>646</v>
      </c>
      <c r="BA14" s="194">
        <v>0</v>
      </c>
      <c r="BB14" s="195">
        <v>0</v>
      </c>
      <c r="BC14" s="195">
        <v>0</v>
      </c>
      <c r="BD14" s="196">
        <v>2</v>
      </c>
      <c r="BE14" s="197">
        <v>2</v>
      </c>
      <c r="BF14" s="197">
        <v>1</v>
      </c>
      <c r="BG14" s="197">
        <v>2</v>
      </c>
      <c r="BH14" s="195">
        <v>4</v>
      </c>
      <c r="BI14" s="198">
        <v>11</v>
      </c>
      <c r="BJ14" s="200">
        <v>11</v>
      </c>
      <c r="BK14" s="201">
        <v>0</v>
      </c>
      <c r="BL14" s="195">
        <v>0</v>
      </c>
      <c r="BM14" s="195">
        <v>0</v>
      </c>
      <c r="BN14" s="196">
        <v>0</v>
      </c>
      <c r="BO14" s="197">
        <v>0</v>
      </c>
      <c r="BP14" s="197">
        <v>0</v>
      </c>
      <c r="BQ14" s="197">
        <v>0</v>
      </c>
      <c r="BR14" s="195">
        <v>2</v>
      </c>
      <c r="BS14" s="198">
        <v>2</v>
      </c>
      <c r="BT14" s="199">
        <v>2</v>
      </c>
      <c r="BU14" s="194">
        <v>0</v>
      </c>
      <c r="BV14" s="195">
        <v>0</v>
      </c>
      <c r="BW14" s="195">
        <v>0</v>
      </c>
      <c r="BX14" s="196">
        <v>0</v>
      </c>
      <c r="BY14" s="197">
        <v>0</v>
      </c>
      <c r="BZ14" s="197">
        <v>0</v>
      </c>
      <c r="CA14" s="197">
        <v>0</v>
      </c>
      <c r="CB14" s="195">
        <v>2</v>
      </c>
      <c r="CC14" s="198">
        <v>2</v>
      </c>
      <c r="CD14" s="200">
        <v>2</v>
      </c>
      <c r="CE14" s="201">
        <v>0</v>
      </c>
      <c r="CF14" s="195">
        <v>0</v>
      </c>
      <c r="CG14" s="195">
        <v>0</v>
      </c>
      <c r="CH14" s="196">
        <v>0</v>
      </c>
      <c r="CI14" s="197">
        <v>0</v>
      </c>
      <c r="CJ14" s="197">
        <v>0</v>
      </c>
      <c r="CK14" s="197">
        <v>0</v>
      </c>
      <c r="CL14" s="195">
        <v>0</v>
      </c>
      <c r="CM14" s="198">
        <v>0</v>
      </c>
      <c r="CN14" s="200">
        <v>0</v>
      </c>
      <c r="CO14" s="201">
        <v>0</v>
      </c>
      <c r="CP14" s="195">
        <v>0</v>
      </c>
      <c r="CQ14" s="195">
        <v>0</v>
      </c>
      <c r="CR14" s="196">
        <v>1</v>
      </c>
      <c r="CS14" s="197">
        <v>1</v>
      </c>
      <c r="CT14" s="197">
        <v>0</v>
      </c>
      <c r="CU14" s="197">
        <v>4</v>
      </c>
      <c r="CV14" s="195">
        <v>34</v>
      </c>
      <c r="CW14" s="198">
        <v>40</v>
      </c>
      <c r="CX14" s="199">
        <v>40</v>
      </c>
      <c r="CY14" s="194">
        <v>0</v>
      </c>
      <c r="CZ14" s="195">
        <v>0</v>
      </c>
      <c r="DA14" s="195">
        <v>0</v>
      </c>
      <c r="DB14" s="196">
        <v>1</v>
      </c>
      <c r="DC14" s="197">
        <v>1</v>
      </c>
      <c r="DD14" s="197">
        <v>0</v>
      </c>
      <c r="DE14" s="197">
        <v>4</v>
      </c>
      <c r="DF14" s="195">
        <v>34</v>
      </c>
      <c r="DG14" s="198">
        <v>40</v>
      </c>
      <c r="DH14" s="200">
        <v>40</v>
      </c>
      <c r="DI14" s="201">
        <v>0</v>
      </c>
      <c r="DJ14" s="195">
        <v>0</v>
      </c>
      <c r="DK14" s="195">
        <v>0</v>
      </c>
      <c r="DL14" s="196">
        <v>0</v>
      </c>
      <c r="DM14" s="197">
        <v>0</v>
      </c>
      <c r="DN14" s="197">
        <v>0</v>
      </c>
      <c r="DO14" s="197">
        <v>0</v>
      </c>
      <c r="DP14" s="195">
        <v>0</v>
      </c>
      <c r="DQ14" s="198">
        <v>0</v>
      </c>
      <c r="DR14" s="200">
        <v>0</v>
      </c>
      <c r="DS14" s="201">
        <v>0</v>
      </c>
      <c r="DT14" s="195">
        <v>0</v>
      </c>
      <c r="DU14" s="195">
        <v>0</v>
      </c>
      <c r="DV14" s="196">
        <v>119</v>
      </c>
      <c r="DW14" s="197">
        <v>174</v>
      </c>
      <c r="DX14" s="197">
        <v>539</v>
      </c>
      <c r="DY14" s="197">
        <v>690</v>
      </c>
      <c r="DZ14" s="195">
        <v>613</v>
      </c>
      <c r="EA14" s="198">
        <v>2135</v>
      </c>
      <c r="EB14" s="200">
        <v>2135</v>
      </c>
      <c r="EC14" s="37"/>
    </row>
    <row r="15" spans="2:133" ht="20.25" customHeight="1" x14ac:dyDescent="0.2">
      <c r="B15" s="62" t="s">
        <v>11</v>
      </c>
      <c r="C15" s="194">
        <v>0</v>
      </c>
      <c r="D15" s="195">
        <v>0</v>
      </c>
      <c r="E15" s="195">
        <v>0</v>
      </c>
      <c r="F15" s="196">
        <v>1</v>
      </c>
      <c r="G15" s="197">
        <v>8</v>
      </c>
      <c r="H15" s="197">
        <v>216</v>
      </c>
      <c r="I15" s="197">
        <v>352</v>
      </c>
      <c r="J15" s="195">
        <v>189</v>
      </c>
      <c r="K15" s="198">
        <v>766</v>
      </c>
      <c r="L15" s="199">
        <v>766</v>
      </c>
      <c r="M15" s="194">
        <v>0</v>
      </c>
      <c r="N15" s="195">
        <v>0</v>
      </c>
      <c r="O15" s="198">
        <v>0</v>
      </c>
      <c r="P15" s="196">
        <v>1</v>
      </c>
      <c r="Q15" s="197">
        <v>8</v>
      </c>
      <c r="R15" s="197">
        <v>216</v>
      </c>
      <c r="S15" s="197">
        <v>350</v>
      </c>
      <c r="T15" s="195">
        <v>188</v>
      </c>
      <c r="U15" s="198">
        <v>763</v>
      </c>
      <c r="V15" s="200">
        <v>763</v>
      </c>
      <c r="W15" s="201">
        <v>0</v>
      </c>
      <c r="X15" s="195">
        <v>0</v>
      </c>
      <c r="Y15" s="198">
        <v>0</v>
      </c>
      <c r="Z15" s="201">
        <v>0</v>
      </c>
      <c r="AA15" s="197">
        <v>0</v>
      </c>
      <c r="AB15" s="197">
        <v>0</v>
      </c>
      <c r="AC15" s="197">
        <v>2</v>
      </c>
      <c r="AD15" s="195">
        <v>1</v>
      </c>
      <c r="AE15" s="198">
        <v>3</v>
      </c>
      <c r="AF15" s="202">
        <v>3</v>
      </c>
      <c r="AG15" s="201">
        <v>0</v>
      </c>
      <c r="AH15" s="195">
        <v>0</v>
      </c>
      <c r="AI15" s="198">
        <v>0</v>
      </c>
      <c r="AJ15" s="201">
        <v>71</v>
      </c>
      <c r="AK15" s="197">
        <v>89</v>
      </c>
      <c r="AL15" s="197">
        <v>123</v>
      </c>
      <c r="AM15" s="197">
        <v>165</v>
      </c>
      <c r="AN15" s="195">
        <v>60</v>
      </c>
      <c r="AO15" s="198">
        <v>508</v>
      </c>
      <c r="AP15" s="202">
        <v>508</v>
      </c>
      <c r="AQ15" s="201">
        <v>0</v>
      </c>
      <c r="AR15" s="195">
        <v>0</v>
      </c>
      <c r="AS15" s="198">
        <v>0</v>
      </c>
      <c r="AT15" s="196">
        <v>69</v>
      </c>
      <c r="AU15" s="197">
        <v>88</v>
      </c>
      <c r="AV15" s="197">
        <v>119</v>
      </c>
      <c r="AW15" s="197">
        <v>164</v>
      </c>
      <c r="AX15" s="195">
        <v>60</v>
      </c>
      <c r="AY15" s="198">
        <v>500</v>
      </c>
      <c r="AZ15" s="199">
        <v>500</v>
      </c>
      <c r="BA15" s="194">
        <v>0</v>
      </c>
      <c r="BB15" s="195">
        <v>0</v>
      </c>
      <c r="BC15" s="195">
        <v>0</v>
      </c>
      <c r="BD15" s="196">
        <v>2</v>
      </c>
      <c r="BE15" s="197">
        <v>1</v>
      </c>
      <c r="BF15" s="197">
        <v>4</v>
      </c>
      <c r="BG15" s="197">
        <v>1</v>
      </c>
      <c r="BH15" s="195">
        <v>0</v>
      </c>
      <c r="BI15" s="198">
        <v>8</v>
      </c>
      <c r="BJ15" s="200">
        <v>8</v>
      </c>
      <c r="BK15" s="201">
        <v>0</v>
      </c>
      <c r="BL15" s="195">
        <v>0</v>
      </c>
      <c r="BM15" s="195">
        <v>0</v>
      </c>
      <c r="BN15" s="196">
        <v>0</v>
      </c>
      <c r="BO15" s="197">
        <v>0</v>
      </c>
      <c r="BP15" s="197">
        <v>0</v>
      </c>
      <c r="BQ15" s="197">
        <v>1</v>
      </c>
      <c r="BR15" s="195">
        <v>1</v>
      </c>
      <c r="BS15" s="198">
        <v>2</v>
      </c>
      <c r="BT15" s="199">
        <v>2</v>
      </c>
      <c r="BU15" s="194">
        <v>0</v>
      </c>
      <c r="BV15" s="195">
        <v>0</v>
      </c>
      <c r="BW15" s="195">
        <v>0</v>
      </c>
      <c r="BX15" s="196">
        <v>0</v>
      </c>
      <c r="BY15" s="197">
        <v>0</v>
      </c>
      <c r="BZ15" s="197">
        <v>0</v>
      </c>
      <c r="CA15" s="197">
        <v>1</v>
      </c>
      <c r="CB15" s="195">
        <v>1</v>
      </c>
      <c r="CC15" s="198">
        <v>2</v>
      </c>
      <c r="CD15" s="200">
        <v>2</v>
      </c>
      <c r="CE15" s="201">
        <v>0</v>
      </c>
      <c r="CF15" s="195">
        <v>0</v>
      </c>
      <c r="CG15" s="195">
        <v>0</v>
      </c>
      <c r="CH15" s="196">
        <v>0</v>
      </c>
      <c r="CI15" s="197">
        <v>0</v>
      </c>
      <c r="CJ15" s="197">
        <v>0</v>
      </c>
      <c r="CK15" s="197">
        <v>0</v>
      </c>
      <c r="CL15" s="195">
        <v>0</v>
      </c>
      <c r="CM15" s="198">
        <v>0</v>
      </c>
      <c r="CN15" s="200">
        <v>0</v>
      </c>
      <c r="CO15" s="201">
        <v>0</v>
      </c>
      <c r="CP15" s="195">
        <v>0</v>
      </c>
      <c r="CQ15" s="195">
        <v>0</v>
      </c>
      <c r="CR15" s="196">
        <v>3</v>
      </c>
      <c r="CS15" s="197">
        <v>5</v>
      </c>
      <c r="CT15" s="197">
        <v>5</v>
      </c>
      <c r="CU15" s="197">
        <v>10</v>
      </c>
      <c r="CV15" s="195">
        <v>20</v>
      </c>
      <c r="CW15" s="198">
        <v>43</v>
      </c>
      <c r="CX15" s="199">
        <v>43</v>
      </c>
      <c r="CY15" s="194">
        <v>0</v>
      </c>
      <c r="CZ15" s="195">
        <v>0</v>
      </c>
      <c r="DA15" s="195">
        <v>0</v>
      </c>
      <c r="DB15" s="196">
        <v>2</v>
      </c>
      <c r="DC15" s="197">
        <v>5</v>
      </c>
      <c r="DD15" s="197">
        <v>5</v>
      </c>
      <c r="DE15" s="197">
        <v>10</v>
      </c>
      <c r="DF15" s="195">
        <v>17</v>
      </c>
      <c r="DG15" s="198">
        <v>39</v>
      </c>
      <c r="DH15" s="200">
        <v>39</v>
      </c>
      <c r="DI15" s="201">
        <v>0</v>
      </c>
      <c r="DJ15" s="195">
        <v>0</v>
      </c>
      <c r="DK15" s="195">
        <v>0</v>
      </c>
      <c r="DL15" s="196">
        <v>1</v>
      </c>
      <c r="DM15" s="197">
        <v>0</v>
      </c>
      <c r="DN15" s="197">
        <v>0</v>
      </c>
      <c r="DO15" s="197">
        <v>0</v>
      </c>
      <c r="DP15" s="195">
        <v>3</v>
      </c>
      <c r="DQ15" s="198">
        <v>4</v>
      </c>
      <c r="DR15" s="200">
        <v>4</v>
      </c>
      <c r="DS15" s="201">
        <v>0</v>
      </c>
      <c r="DT15" s="195">
        <v>0</v>
      </c>
      <c r="DU15" s="195">
        <v>0</v>
      </c>
      <c r="DV15" s="196">
        <v>75</v>
      </c>
      <c r="DW15" s="197">
        <v>102</v>
      </c>
      <c r="DX15" s="197">
        <v>344</v>
      </c>
      <c r="DY15" s="197">
        <v>528</v>
      </c>
      <c r="DZ15" s="195">
        <v>270</v>
      </c>
      <c r="EA15" s="198">
        <v>1319</v>
      </c>
      <c r="EB15" s="200">
        <v>1319</v>
      </c>
      <c r="EC15" s="37"/>
    </row>
    <row r="16" spans="2:133" ht="20.25" customHeight="1" x14ac:dyDescent="0.2">
      <c r="B16" s="62" t="s">
        <v>12</v>
      </c>
      <c r="C16" s="194">
        <v>0</v>
      </c>
      <c r="D16" s="195">
        <v>0</v>
      </c>
      <c r="E16" s="195">
        <v>0</v>
      </c>
      <c r="F16" s="196">
        <v>2</v>
      </c>
      <c r="G16" s="197">
        <v>20</v>
      </c>
      <c r="H16" s="197">
        <v>172</v>
      </c>
      <c r="I16" s="197">
        <v>306</v>
      </c>
      <c r="J16" s="195">
        <v>239</v>
      </c>
      <c r="K16" s="198">
        <v>739</v>
      </c>
      <c r="L16" s="199">
        <v>739</v>
      </c>
      <c r="M16" s="194">
        <v>0</v>
      </c>
      <c r="N16" s="195">
        <v>0</v>
      </c>
      <c r="O16" s="198">
        <v>0</v>
      </c>
      <c r="P16" s="196">
        <v>2</v>
      </c>
      <c r="Q16" s="197">
        <v>20</v>
      </c>
      <c r="R16" s="197">
        <v>172</v>
      </c>
      <c r="S16" s="197">
        <v>304</v>
      </c>
      <c r="T16" s="195">
        <v>235</v>
      </c>
      <c r="U16" s="198">
        <v>733</v>
      </c>
      <c r="V16" s="200">
        <v>733</v>
      </c>
      <c r="W16" s="201">
        <v>0</v>
      </c>
      <c r="X16" s="195">
        <v>0</v>
      </c>
      <c r="Y16" s="198">
        <v>0</v>
      </c>
      <c r="Z16" s="201">
        <v>0</v>
      </c>
      <c r="AA16" s="197">
        <v>0</v>
      </c>
      <c r="AB16" s="197">
        <v>0</v>
      </c>
      <c r="AC16" s="197">
        <v>2</v>
      </c>
      <c r="AD16" s="195">
        <v>4</v>
      </c>
      <c r="AE16" s="198">
        <v>6</v>
      </c>
      <c r="AF16" s="202">
        <v>6</v>
      </c>
      <c r="AG16" s="201">
        <v>0</v>
      </c>
      <c r="AH16" s="195">
        <v>0</v>
      </c>
      <c r="AI16" s="198">
        <v>0</v>
      </c>
      <c r="AJ16" s="201">
        <v>45</v>
      </c>
      <c r="AK16" s="197">
        <v>80</v>
      </c>
      <c r="AL16" s="197">
        <v>163</v>
      </c>
      <c r="AM16" s="197">
        <v>173</v>
      </c>
      <c r="AN16" s="195">
        <v>66</v>
      </c>
      <c r="AO16" s="198">
        <v>527</v>
      </c>
      <c r="AP16" s="202">
        <v>527</v>
      </c>
      <c r="AQ16" s="201">
        <v>0</v>
      </c>
      <c r="AR16" s="195">
        <v>0</v>
      </c>
      <c r="AS16" s="198">
        <v>0</v>
      </c>
      <c r="AT16" s="196">
        <v>45</v>
      </c>
      <c r="AU16" s="197">
        <v>79</v>
      </c>
      <c r="AV16" s="197">
        <v>161</v>
      </c>
      <c r="AW16" s="197">
        <v>169</v>
      </c>
      <c r="AX16" s="195">
        <v>66</v>
      </c>
      <c r="AY16" s="198">
        <v>520</v>
      </c>
      <c r="AZ16" s="199">
        <v>520</v>
      </c>
      <c r="BA16" s="194">
        <v>0</v>
      </c>
      <c r="BB16" s="195">
        <v>0</v>
      </c>
      <c r="BC16" s="195">
        <v>0</v>
      </c>
      <c r="BD16" s="196">
        <v>0</v>
      </c>
      <c r="BE16" s="197">
        <v>1</v>
      </c>
      <c r="BF16" s="197">
        <v>2</v>
      </c>
      <c r="BG16" s="197">
        <v>4</v>
      </c>
      <c r="BH16" s="195">
        <v>0</v>
      </c>
      <c r="BI16" s="198">
        <v>7</v>
      </c>
      <c r="BJ16" s="200">
        <v>7</v>
      </c>
      <c r="BK16" s="201">
        <v>0</v>
      </c>
      <c r="BL16" s="195">
        <v>0</v>
      </c>
      <c r="BM16" s="195">
        <v>0</v>
      </c>
      <c r="BN16" s="196">
        <v>0</v>
      </c>
      <c r="BO16" s="197">
        <v>0</v>
      </c>
      <c r="BP16" s="197">
        <v>0</v>
      </c>
      <c r="BQ16" s="197">
        <v>0</v>
      </c>
      <c r="BR16" s="195">
        <v>2</v>
      </c>
      <c r="BS16" s="198">
        <v>2</v>
      </c>
      <c r="BT16" s="199">
        <v>2</v>
      </c>
      <c r="BU16" s="194">
        <v>0</v>
      </c>
      <c r="BV16" s="195">
        <v>0</v>
      </c>
      <c r="BW16" s="195">
        <v>0</v>
      </c>
      <c r="BX16" s="196">
        <v>0</v>
      </c>
      <c r="BY16" s="197">
        <v>0</v>
      </c>
      <c r="BZ16" s="197">
        <v>0</v>
      </c>
      <c r="CA16" s="197">
        <v>0</v>
      </c>
      <c r="CB16" s="195">
        <v>2</v>
      </c>
      <c r="CC16" s="198">
        <v>2</v>
      </c>
      <c r="CD16" s="200">
        <v>2</v>
      </c>
      <c r="CE16" s="201">
        <v>0</v>
      </c>
      <c r="CF16" s="195">
        <v>0</v>
      </c>
      <c r="CG16" s="195">
        <v>0</v>
      </c>
      <c r="CH16" s="196">
        <v>0</v>
      </c>
      <c r="CI16" s="197">
        <v>0</v>
      </c>
      <c r="CJ16" s="197">
        <v>0</v>
      </c>
      <c r="CK16" s="197">
        <v>0</v>
      </c>
      <c r="CL16" s="195">
        <v>0</v>
      </c>
      <c r="CM16" s="198">
        <v>0</v>
      </c>
      <c r="CN16" s="200">
        <v>0</v>
      </c>
      <c r="CO16" s="201">
        <v>0</v>
      </c>
      <c r="CP16" s="195">
        <v>0</v>
      </c>
      <c r="CQ16" s="195">
        <v>0</v>
      </c>
      <c r="CR16" s="196">
        <v>0</v>
      </c>
      <c r="CS16" s="197">
        <v>1</v>
      </c>
      <c r="CT16" s="197">
        <v>2</v>
      </c>
      <c r="CU16" s="197">
        <v>15</v>
      </c>
      <c r="CV16" s="195">
        <v>11</v>
      </c>
      <c r="CW16" s="198">
        <v>29</v>
      </c>
      <c r="CX16" s="199">
        <v>29</v>
      </c>
      <c r="CY16" s="194">
        <v>0</v>
      </c>
      <c r="CZ16" s="195">
        <v>0</v>
      </c>
      <c r="DA16" s="195">
        <v>0</v>
      </c>
      <c r="DB16" s="196">
        <v>0</v>
      </c>
      <c r="DC16" s="197">
        <v>1</v>
      </c>
      <c r="DD16" s="197">
        <v>2</v>
      </c>
      <c r="DE16" s="197">
        <v>15</v>
      </c>
      <c r="DF16" s="195">
        <v>11</v>
      </c>
      <c r="DG16" s="198">
        <v>29</v>
      </c>
      <c r="DH16" s="200">
        <v>29</v>
      </c>
      <c r="DI16" s="201">
        <v>0</v>
      </c>
      <c r="DJ16" s="195">
        <v>0</v>
      </c>
      <c r="DK16" s="195">
        <v>0</v>
      </c>
      <c r="DL16" s="196">
        <v>0</v>
      </c>
      <c r="DM16" s="197">
        <v>0</v>
      </c>
      <c r="DN16" s="197">
        <v>0</v>
      </c>
      <c r="DO16" s="197">
        <v>0</v>
      </c>
      <c r="DP16" s="195">
        <v>0</v>
      </c>
      <c r="DQ16" s="198">
        <v>0</v>
      </c>
      <c r="DR16" s="200">
        <v>0</v>
      </c>
      <c r="DS16" s="201">
        <v>0</v>
      </c>
      <c r="DT16" s="195">
        <v>0</v>
      </c>
      <c r="DU16" s="195">
        <v>0</v>
      </c>
      <c r="DV16" s="196">
        <v>47</v>
      </c>
      <c r="DW16" s="197">
        <v>100</v>
      </c>
      <c r="DX16" s="197">
        <v>335</v>
      </c>
      <c r="DY16" s="197">
        <v>493</v>
      </c>
      <c r="DZ16" s="195">
        <v>317</v>
      </c>
      <c r="EA16" s="198">
        <v>1292</v>
      </c>
      <c r="EB16" s="200">
        <v>1292</v>
      </c>
      <c r="EC16" s="37"/>
    </row>
    <row r="17" spans="2:133" ht="20.25" customHeight="1" x14ac:dyDescent="0.2">
      <c r="B17" s="62" t="s">
        <v>13</v>
      </c>
      <c r="C17" s="194">
        <v>0</v>
      </c>
      <c r="D17" s="195">
        <v>0</v>
      </c>
      <c r="E17" s="195">
        <v>0</v>
      </c>
      <c r="F17" s="196">
        <v>3</v>
      </c>
      <c r="G17" s="197">
        <v>2</v>
      </c>
      <c r="H17" s="197">
        <v>65</v>
      </c>
      <c r="I17" s="197">
        <v>145</v>
      </c>
      <c r="J17" s="195">
        <v>121</v>
      </c>
      <c r="K17" s="198">
        <v>336</v>
      </c>
      <c r="L17" s="199">
        <v>336</v>
      </c>
      <c r="M17" s="194">
        <v>0</v>
      </c>
      <c r="N17" s="195">
        <v>0</v>
      </c>
      <c r="O17" s="198">
        <v>0</v>
      </c>
      <c r="P17" s="196">
        <v>3</v>
      </c>
      <c r="Q17" s="197">
        <v>2</v>
      </c>
      <c r="R17" s="197">
        <v>65</v>
      </c>
      <c r="S17" s="197">
        <v>145</v>
      </c>
      <c r="T17" s="195">
        <v>120</v>
      </c>
      <c r="U17" s="198">
        <v>335</v>
      </c>
      <c r="V17" s="200">
        <v>335</v>
      </c>
      <c r="W17" s="201">
        <v>0</v>
      </c>
      <c r="X17" s="195">
        <v>0</v>
      </c>
      <c r="Y17" s="198">
        <v>0</v>
      </c>
      <c r="Z17" s="201">
        <v>0</v>
      </c>
      <c r="AA17" s="197">
        <v>0</v>
      </c>
      <c r="AB17" s="197">
        <v>0</v>
      </c>
      <c r="AC17" s="197">
        <v>0</v>
      </c>
      <c r="AD17" s="195">
        <v>1</v>
      </c>
      <c r="AE17" s="198">
        <v>1</v>
      </c>
      <c r="AF17" s="202">
        <v>1</v>
      </c>
      <c r="AG17" s="201">
        <v>0</v>
      </c>
      <c r="AH17" s="195">
        <v>0</v>
      </c>
      <c r="AI17" s="198">
        <v>0</v>
      </c>
      <c r="AJ17" s="201">
        <v>15</v>
      </c>
      <c r="AK17" s="197">
        <v>27</v>
      </c>
      <c r="AL17" s="197">
        <v>33</v>
      </c>
      <c r="AM17" s="197">
        <v>26</v>
      </c>
      <c r="AN17" s="195">
        <v>22</v>
      </c>
      <c r="AO17" s="198">
        <v>123</v>
      </c>
      <c r="AP17" s="202">
        <v>123</v>
      </c>
      <c r="AQ17" s="201">
        <v>0</v>
      </c>
      <c r="AR17" s="195">
        <v>0</v>
      </c>
      <c r="AS17" s="198">
        <v>0</v>
      </c>
      <c r="AT17" s="196">
        <v>15</v>
      </c>
      <c r="AU17" s="197">
        <v>27</v>
      </c>
      <c r="AV17" s="197">
        <v>32</v>
      </c>
      <c r="AW17" s="197">
        <v>25</v>
      </c>
      <c r="AX17" s="195">
        <v>21</v>
      </c>
      <c r="AY17" s="198">
        <v>120</v>
      </c>
      <c r="AZ17" s="199">
        <v>120</v>
      </c>
      <c r="BA17" s="194">
        <v>0</v>
      </c>
      <c r="BB17" s="195">
        <v>0</v>
      </c>
      <c r="BC17" s="195">
        <v>0</v>
      </c>
      <c r="BD17" s="196">
        <v>0</v>
      </c>
      <c r="BE17" s="197">
        <v>0</v>
      </c>
      <c r="BF17" s="197">
        <v>1</v>
      </c>
      <c r="BG17" s="197">
        <v>1</v>
      </c>
      <c r="BH17" s="195">
        <v>1</v>
      </c>
      <c r="BI17" s="198">
        <v>3</v>
      </c>
      <c r="BJ17" s="200">
        <v>3</v>
      </c>
      <c r="BK17" s="201">
        <v>0</v>
      </c>
      <c r="BL17" s="195">
        <v>0</v>
      </c>
      <c r="BM17" s="195">
        <v>0</v>
      </c>
      <c r="BN17" s="196">
        <v>0</v>
      </c>
      <c r="BO17" s="197">
        <v>0</v>
      </c>
      <c r="BP17" s="197">
        <v>0</v>
      </c>
      <c r="BQ17" s="197">
        <v>0</v>
      </c>
      <c r="BR17" s="195">
        <v>0</v>
      </c>
      <c r="BS17" s="198">
        <v>0</v>
      </c>
      <c r="BT17" s="199">
        <v>0</v>
      </c>
      <c r="BU17" s="194">
        <v>0</v>
      </c>
      <c r="BV17" s="195">
        <v>0</v>
      </c>
      <c r="BW17" s="195">
        <v>0</v>
      </c>
      <c r="BX17" s="196">
        <v>0</v>
      </c>
      <c r="BY17" s="197">
        <v>0</v>
      </c>
      <c r="BZ17" s="197">
        <v>0</v>
      </c>
      <c r="CA17" s="197">
        <v>0</v>
      </c>
      <c r="CB17" s="195">
        <v>0</v>
      </c>
      <c r="CC17" s="198">
        <v>0</v>
      </c>
      <c r="CD17" s="200">
        <v>0</v>
      </c>
      <c r="CE17" s="201">
        <v>0</v>
      </c>
      <c r="CF17" s="195">
        <v>0</v>
      </c>
      <c r="CG17" s="195">
        <v>0</v>
      </c>
      <c r="CH17" s="196">
        <v>0</v>
      </c>
      <c r="CI17" s="197">
        <v>0</v>
      </c>
      <c r="CJ17" s="197">
        <v>0</v>
      </c>
      <c r="CK17" s="197">
        <v>0</v>
      </c>
      <c r="CL17" s="195">
        <v>0</v>
      </c>
      <c r="CM17" s="198">
        <v>0</v>
      </c>
      <c r="CN17" s="200">
        <v>0</v>
      </c>
      <c r="CO17" s="201">
        <v>0</v>
      </c>
      <c r="CP17" s="195">
        <v>0</v>
      </c>
      <c r="CQ17" s="195">
        <v>0</v>
      </c>
      <c r="CR17" s="196">
        <v>0</v>
      </c>
      <c r="CS17" s="197">
        <v>0</v>
      </c>
      <c r="CT17" s="197">
        <v>0</v>
      </c>
      <c r="CU17" s="197">
        <v>0</v>
      </c>
      <c r="CV17" s="195">
        <v>0</v>
      </c>
      <c r="CW17" s="198">
        <v>0</v>
      </c>
      <c r="CX17" s="199">
        <v>0</v>
      </c>
      <c r="CY17" s="194">
        <v>0</v>
      </c>
      <c r="CZ17" s="195">
        <v>0</v>
      </c>
      <c r="DA17" s="195">
        <v>0</v>
      </c>
      <c r="DB17" s="196">
        <v>0</v>
      </c>
      <c r="DC17" s="197">
        <v>0</v>
      </c>
      <c r="DD17" s="197">
        <v>0</v>
      </c>
      <c r="DE17" s="197">
        <v>0</v>
      </c>
      <c r="DF17" s="195">
        <v>0</v>
      </c>
      <c r="DG17" s="198">
        <v>0</v>
      </c>
      <c r="DH17" s="200">
        <v>0</v>
      </c>
      <c r="DI17" s="201">
        <v>0</v>
      </c>
      <c r="DJ17" s="195">
        <v>0</v>
      </c>
      <c r="DK17" s="195">
        <v>0</v>
      </c>
      <c r="DL17" s="196">
        <v>0</v>
      </c>
      <c r="DM17" s="197">
        <v>0</v>
      </c>
      <c r="DN17" s="197">
        <v>0</v>
      </c>
      <c r="DO17" s="197">
        <v>0</v>
      </c>
      <c r="DP17" s="195">
        <v>0</v>
      </c>
      <c r="DQ17" s="198">
        <v>0</v>
      </c>
      <c r="DR17" s="200">
        <v>0</v>
      </c>
      <c r="DS17" s="201">
        <v>0</v>
      </c>
      <c r="DT17" s="195">
        <v>0</v>
      </c>
      <c r="DU17" s="195">
        <v>0</v>
      </c>
      <c r="DV17" s="196">
        <v>18</v>
      </c>
      <c r="DW17" s="197">
        <v>29</v>
      </c>
      <c r="DX17" s="197">
        <v>98</v>
      </c>
      <c r="DY17" s="197">
        <v>171</v>
      </c>
      <c r="DZ17" s="195">
        <v>143</v>
      </c>
      <c r="EA17" s="198">
        <v>459</v>
      </c>
      <c r="EB17" s="200">
        <v>459</v>
      </c>
      <c r="EC17" s="37"/>
    </row>
    <row r="18" spans="2:133" ht="20.25" customHeight="1" x14ac:dyDescent="0.2">
      <c r="B18" s="62" t="s">
        <v>15</v>
      </c>
      <c r="C18" s="194">
        <v>0</v>
      </c>
      <c r="D18" s="195">
        <v>0</v>
      </c>
      <c r="E18" s="195">
        <v>0</v>
      </c>
      <c r="F18" s="196">
        <v>0</v>
      </c>
      <c r="G18" s="197">
        <v>1</v>
      </c>
      <c r="H18" s="197">
        <v>82</v>
      </c>
      <c r="I18" s="197">
        <v>137</v>
      </c>
      <c r="J18" s="195">
        <v>79</v>
      </c>
      <c r="K18" s="198">
        <v>299</v>
      </c>
      <c r="L18" s="199">
        <v>299</v>
      </c>
      <c r="M18" s="194">
        <v>0</v>
      </c>
      <c r="N18" s="195">
        <v>0</v>
      </c>
      <c r="O18" s="198">
        <v>0</v>
      </c>
      <c r="P18" s="196">
        <v>0</v>
      </c>
      <c r="Q18" s="197">
        <v>1</v>
      </c>
      <c r="R18" s="197">
        <v>82</v>
      </c>
      <c r="S18" s="197">
        <v>136</v>
      </c>
      <c r="T18" s="195">
        <v>77</v>
      </c>
      <c r="U18" s="198">
        <v>296</v>
      </c>
      <c r="V18" s="200">
        <v>296</v>
      </c>
      <c r="W18" s="201">
        <v>0</v>
      </c>
      <c r="X18" s="195">
        <v>0</v>
      </c>
      <c r="Y18" s="198">
        <v>0</v>
      </c>
      <c r="Z18" s="201">
        <v>0</v>
      </c>
      <c r="AA18" s="197">
        <v>0</v>
      </c>
      <c r="AB18" s="197">
        <v>0</v>
      </c>
      <c r="AC18" s="197">
        <v>1</v>
      </c>
      <c r="AD18" s="195">
        <v>2</v>
      </c>
      <c r="AE18" s="198">
        <v>3</v>
      </c>
      <c r="AF18" s="202">
        <v>3</v>
      </c>
      <c r="AG18" s="201">
        <v>0</v>
      </c>
      <c r="AH18" s="195">
        <v>0</v>
      </c>
      <c r="AI18" s="198">
        <v>0</v>
      </c>
      <c r="AJ18" s="201">
        <v>26</v>
      </c>
      <c r="AK18" s="197">
        <v>33</v>
      </c>
      <c r="AL18" s="197">
        <v>45</v>
      </c>
      <c r="AM18" s="197">
        <v>48</v>
      </c>
      <c r="AN18" s="195">
        <v>27</v>
      </c>
      <c r="AO18" s="198">
        <v>179</v>
      </c>
      <c r="AP18" s="202">
        <v>179</v>
      </c>
      <c r="AQ18" s="201">
        <v>0</v>
      </c>
      <c r="AR18" s="195">
        <v>0</v>
      </c>
      <c r="AS18" s="198">
        <v>0</v>
      </c>
      <c r="AT18" s="196">
        <v>25</v>
      </c>
      <c r="AU18" s="197">
        <v>33</v>
      </c>
      <c r="AV18" s="197">
        <v>45</v>
      </c>
      <c r="AW18" s="197">
        <v>46</v>
      </c>
      <c r="AX18" s="195">
        <v>26</v>
      </c>
      <c r="AY18" s="198">
        <v>175</v>
      </c>
      <c r="AZ18" s="199">
        <v>175</v>
      </c>
      <c r="BA18" s="194">
        <v>0</v>
      </c>
      <c r="BB18" s="195">
        <v>0</v>
      </c>
      <c r="BC18" s="195">
        <v>0</v>
      </c>
      <c r="BD18" s="196">
        <v>1</v>
      </c>
      <c r="BE18" s="197">
        <v>0</v>
      </c>
      <c r="BF18" s="197">
        <v>0</v>
      </c>
      <c r="BG18" s="197">
        <v>2</v>
      </c>
      <c r="BH18" s="195">
        <v>1</v>
      </c>
      <c r="BI18" s="198">
        <v>4</v>
      </c>
      <c r="BJ18" s="200">
        <v>4</v>
      </c>
      <c r="BK18" s="201">
        <v>0</v>
      </c>
      <c r="BL18" s="195">
        <v>0</v>
      </c>
      <c r="BM18" s="195">
        <v>0</v>
      </c>
      <c r="BN18" s="196">
        <v>0</v>
      </c>
      <c r="BO18" s="197">
        <v>0</v>
      </c>
      <c r="BP18" s="197">
        <v>0</v>
      </c>
      <c r="BQ18" s="197">
        <v>0</v>
      </c>
      <c r="BR18" s="195">
        <v>1</v>
      </c>
      <c r="BS18" s="198">
        <v>1</v>
      </c>
      <c r="BT18" s="199">
        <v>1</v>
      </c>
      <c r="BU18" s="194">
        <v>0</v>
      </c>
      <c r="BV18" s="195">
        <v>0</v>
      </c>
      <c r="BW18" s="195">
        <v>0</v>
      </c>
      <c r="BX18" s="196">
        <v>0</v>
      </c>
      <c r="BY18" s="197">
        <v>0</v>
      </c>
      <c r="BZ18" s="197">
        <v>0</v>
      </c>
      <c r="CA18" s="197">
        <v>0</v>
      </c>
      <c r="CB18" s="195">
        <v>1</v>
      </c>
      <c r="CC18" s="198">
        <v>1</v>
      </c>
      <c r="CD18" s="200">
        <v>1</v>
      </c>
      <c r="CE18" s="201">
        <v>0</v>
      </c>
      <c r="CF18" s="195">
        <v>0</v>
      </c>
      <c r="CG18" s="195">
        <v>0</v>
      </c>
      <c r="CH18" s="196">
        <v>0</v>
      </c>
      <c r="CI18" s="197">
        <v>0</v>
      </c>
      <c r="CJ18" s="197">
        <v>0</v>
      </c>
      <c r="CK18" s="197">
        <v>0</v>
      </c>
      <c r="CL18" s="195">
        <v>0</v>
      </c>
      <c r="CM18" s="198">
        <v>0</v>
      </c>
      <c r="CN18" s="200">
        <v>0</v>
      </c>
      <c r="CO18" s="201">
        <v>0</v>
      </c>
      <c r="CP18" s="195">
        <v>0</v>
      </c>
      <c r="CQ18" s="195">
        <v>0</v>
      </c>
      <c r="CR18" s="196">
        <v>0</v>
      </c>
      <c r="CS18" s="197">
        <v>0</v>
      </c>
      <c r="CT18" s="197">
        <v>0</v>
      </c>
      <c r="CU18" s="197">
        <v>0</v>
      </c>
      <c r="CV18" s="195">
        <v>0</v>
      </c>
      <c r="CW18" s="198">
        <v>0</v>
      </c>
      <c r="CX18" s="199">
        <v>0</v>
      </c>
      <c r="CY18" s="194">
        <v>0</v>
      </c>
      <c r="CZ18" s="195">
        <v>0</v>
      </c>
      <c r="DA18" s="195">
        <v>0</v>
      </c>
      <c r="DB18" s="196">
        <v>0</v>
      </c>
      <c r="DC18" s="197">
        <v>0</v>
      </c>
      <c r="DD18" s="197">
        <v>0</v>
      </c>
      <c r="DE18" s="197">
        <v>0</v>
      </c>
      <c r="DF18" s="195">
        <v>0</v>
      </c>
      <c r="DG18" s="198">
        <v>0</v>
      </c>
      <c r="DH18" s="200">
        <v>0</v>
      </c>
      <c r="DI18" s="201">
        <v>0</v>
      </c>
      <c r="DJ18" s="195">
        <v>0</v>
      </c>
      <c r="DK18" s="195">
        <v>0</v>
      </c>
      <c r="DL18" s="196">
        <v>0</v>
      </c>
      <c r="DM18" s="197">
        <v>0</v>
      </c>
      <c r="DN18" s="197">
        <v>0</v>
      </c>
      <c r="DO18" s="197">
        <v>0</v>
      </c>
      <c r="DP18" s="195">
        <v>0</v>
      </c>
      <c r="DQ18" s="198">
        <v>0</v>
      </c>
      <c r="DR18" s="200">
        <v>0</v>
      </c>
      <c r="DS18" s="201">
        <v>0</v>
      </c>
      <c r="DT18" s="195">
        <v>0</v>
      </c>
      <c r="DU18" s="195">
        <v>0</v>
      </c>
      <c r="DV18" s="196">
        <v>26</v>
      </c>
      <c r="DW18" s="197">
        <v>34</v>
      </c>
      <c r="DX18" s="197">
        <v>127</v>
      </c>
      <c r="DY18" s="197">
        <v>185</v>
      </c>
      <c r="DZ18" s="195">
        <v>107</v>
      </c>
      <c r="EA18" s="198">
        <v>479</v>
      </c>
      <c r="EB18" s="200">
        <v>479</v>
      </c>
      <c r="EC18" s="37"/>
    </row>
    <row r="19" spans="2:133" ht="20.25" customHeight="1" x14ac:dyDescent="0.2">
      <c r="B19" s="62" t="s">
        <v>16</v>
      </c>
      <c r="C19" s="194">
        <v>0</v>
      </c>
      <c r="D19" s="195">
        <v>0</v>
      </c>
      <c r="E19" s="195">
        <v>0</v>
      </c>
      <c r="F19" s="196">
        <v>6</v>
      </c>
      <c r="G19" s="197">
        <v>24</v>
      </c>
      <c r="H19" s="197">
        <v>193</v>
      </c>
      <c r="I19" s="197">
        <v>286</v>
      </c>
      <c r="J19" s="195">
        <v>202</v>
      </c>
      <c r="K19" s="198">
        <v>711</v>
      </c>
      <c r="L19" s="199">
        <v>711</v>
      </c>
      <c r="M19" s="194">
        <v>0</v>
      </c>
      <c r="N19" s="195">
        <v>0</v>
      </c>
      <c r="O19" s="198">
        <v>0</v>
      </c>
      <c r="P19" s="196">
        <v>6</v>
      </c>
      <c r="Q19" s="197">
        <v>24</v>
      </c>
      <c r="R19" s="197">
        <v>193</v>
      </c>
      <c r="S19" s="197">
        <v>284</v>
      </c>
      <c r="T19" s="195">
        <v>198</v>
      </c>
      <c r="U19" s="198">
        <v>705</v>
      </c>
      <c r="V19" s="200">
        <v>705</v>
      </c>
      <c r="W19" s="201">
        <v>0</v>
      </c>
      <c r="X19" s="195">
        <v>0</v>
      </c>
      <c r="Y19" s="198">
        <v>0</v>
      </c>
      <c r="Z19" s="201">
        <v>0</v>
      </c>
      <c r="AA19" s="197">
        <v>0</v>
      </c>
      <c r="AB19" s="197">
        <v>0</v>
      </c>
      <c r="AC19" s="197">
        <v>2</v>
      </c>
      <c r="AD19" s="195">
        <v>4</v>
      </c>
      <c r="AE19" s="198">
        <v>6</v>
      </c>
      <c r="AF19" s="202">
        <v>6</v>
      </c>
      <c r="AG19" s="201">
        <v>0</v>
      </c>
      <c r="AH19" s="195">
        <v>0</v>
      </c>
      <c r="AI19" s="198">
        <v>0</v>
      </c>
      <c r="AJ19" s="201">
        <v>67</v>
      </c>
      <c r="AK19" s="197">
        <v>95</v>
      </c>
      <c r="AL19" s="197">
        <v>130</v>
      </c>
      <c r="AM19" s="197">
        <v>154</v>
      </c>
      <c r="AN19" s="195">
        <v>49</v>
      </c>
      <c r="AO19" s="198">
        <v>495</v>
      </c>
      <c r="AP19" s="202">
        <v>495</v>
      </c>
      <c r="AQ19" s="201">
        <v>0</v>
      </c>
      <c r="AR19" s="195">
        <v>0</v>
      </c>
      <c r="AS19" s="198">
        <v>0</v>
      </c>
      <c r="AT19" s="196">
        <v>67</v>
      </c>
      <c r="AU19" s="197">
        <v>94</v>
      </c>
      <c r="AV19" s="197">
        <v>129</v>
      </c>
      <c r="AW19" s="197">
        <v>153</v>
      </c>
      <c r="AX19" s="195">
        <v>48</v>
      </c>
      <c r="AY19" s="198">
        <v>491</v>
      </c>
      <c r="AZ19" s="199">
        <v>491</v>
      </c>
      <c r="BA19" s="194">
        <v>0</v>
      </c>
      <c r="BB19" s="195">
        <v>0</v>
      </c>
      <c r="BC19" s="195">
        <v>0</v>
      </c>
      <c r="BD19" s="196">
        <v>0</v>
      </c>
      <c r="BE19" s="197">
        <v>1</v>
      </c>
      <c r="BF19" s="197">
        <v>1</v>
      </c>
      <c r="BG19" s="197">
        <v>1</v>
      </c>
      <c r="BH19" s="195">
        <v>1</v>
      </c>
      <c r="BI19" s="198">
        <v>4</v>
      </c>
      <c r="BJ19" s="200">
        <v>4</v>
      </c>
      <c r="BK19" s="201">
        <v>0</v>
      </c>
      <c r="BL19" s="195">
        <v>0</v>
      </c>
      <c r="BM19" s="195">
        <v>0</v>
      </c>
      <c r="BN19" s="196">
        <v>0</v>
      </c>
      <c r="BO19" s="197">
        <v>0</v>
      </c>
      <c r="BP19" s="197">
        <v>0</v>
      </c>
      <c r="BQ19" s="197">
        <v>0</v>
      </c>
      <c r="BR19" s="195">
        <v>3</v>
      </c>
      <c r="BS19" s="198">
        <v>3</v>
      </c>
      <c r="BT19" s="199">
        <v>3</v>
      </c>
      <c r="BU19" s="194">
        <v>0</v>
      </c>
      <c r="BV19" s="195">
        <v>0</v>
      </c>
      <c r="BW19" s="195">
        <v>0</v>
      </c>
      <c r="BX19" s="196">
        <v>0</v>
      </c>
      <c r="BY19" s="197">
        <v>0</v>
      </c>
      <c r="BZ19" s="197">
        <v>0</v>
      </c>
      <c r="CA19" s="197">
        <v>0</v>
      </c>
      <c r="CB19" s="195">
        <v>3</v>
      </c>
      <c r="CC19" s="198">
        <v>3</v>
      </c>
      <c r="CD19" s="200">
        <v>3</v>
      </c>
      <c r="CE19" s="201">
        <v>0</v>
      </c>
      <c r="CF19" s="195">
        <v>0</v>
      </c>
      <c r="CG19" s="195">
        <v>0</v>
      </c>
      <c r="CH19" s="196">
        <v>0</v>
      </c>
      <c r="CI19" s="197">
        <v>0</v>
      </c>
      <c r="CJ19" s="197">
        <v>0</v>
      </c>
      <c r="CK19" s="197">
        <v>0</v>
      </c>
      <c r="CL19" s="195">
        <v>0</v>
      </c>
      <c r="CM19" s="198">
        <v>0</v>
      </c>
      <c r="CN19" s="200">
        <v>0</v>
      </c>
      <c r="CO19" s="201">
        <v>0</v>
      </c>
      <c r="CP19" s="195">
        <v>0</v>
      </c>
      <c r="CQ19" s="195">
        <v>0</v>
      </c>
      <c r="CR19" s="196">
        <v>1</v>
      </c>
      <c r="CS19" s="197">
        <v>0</v>
      </c>
      <c r="CT19" s="197">
        <v>4</v>
      </c>
      <c r="CU19" s="197">
        <v>14</v>
      </c>
      <c r="CV19" s="195">
        <v>11</v>
      </c>
      <c r="CW19" s="198">
        <v>30</v>
      </c>
      <c r="CX19" s="199">
        <v>30</v>
      </c>
      <c r="CY19" s="194">
        <v>0</v>
      </c>
      <c r="CZ19" s="195">
        <v>0</v>
      </c>
      <c r="DA19" s="195">
        <v>0</v>
      </c>
      <c r="DB19" s="196">
        <v>1</v>
      </c>
      <c r="DC19" s="197">
        <v>0</v>
      </c>
      <c r="DD19" s="197">
        <v>4</v>
      </c>
      <c r="DE19" s="197">
        <v>14</v>
      </c>
      <c r="DF19" s="195">
        <v>11</v>
      </c>
      <c r="DG19" s="198">
        <v>30</v>
      </c>
      <c r="DH19" s="200">
        <v>30</v>
      </c>
      <c r="DI19" s="201">
        <v>0</v>
      </c>
      <c r="DJ19" s="195">
        <v>0</v>
      </c>
      <c r="DK19" s="195">
        <v>0</v>
      </c>
      <c r="DL19" s="196">
        <v>0</v>
      </c>
      <c r="DM19" s="197">
        <v>0</v>
      </c>
      <c r="DN19" s="197">
        <v>0</v>
      </c>
      <c r="DO19" s="197">
        <v>0</v>
      </c>
      <c r="DP19" s="195">
        <v>0</v>
      </c>
      <c r="DQ19" s="198">
        <v>0</v>
      </c>
      <c r="DR19" s="200">
        <v>0</v>
      </c>
      <c r="DS19" s="201">
        <v>0</v>
      </c>
      <c r="DT19" s="195">
        <v>0</v>
      </c>
      <c r="DU19" s="195">
        <v>0</v>
      </c>
      <c r="DV19" s="196">
        <v>74</v>
      </c>
      <c r="DW19" s="197">
        <v>119</v>
      </c>
      <c r="DX19" s="197">
        <v>326</v>
      </c>
      <c r="DY19" s="197">
        <v>451</v>
      </c>
      <c r="DZ19" s="195">
        <v>263</v>
      </c>
      <c r="EA19" s="198">
        <v>1233</v>
      </c>
      <c r="EB19" s="200">
        <v>1233</v>
      </c>
      <c r="EC19" s="37"/>
    </row>
    <row r="20" spans="2:133" ht="20.25" customHeight="1" x14ac:dyDescent="0.2">
      <c r="B20" s="62" t="s">
        <v>17</v>
      </c>
      <c r="C20" s="194">
        <v>0</v>
      </c>
      <c r="D20" s="195">
        <v>0</v>
      </c>
      <c r="E20" s="195">
        <v>0</v>
      </c>
      <c r="F20" s="196">
        <v>5</v>
      </c>
      <c r="G20" s="197">
        <v>17</v>
      </c>
      <c r="H20" s="197">
        <v>202</v>
      </c>
      <c r="I20" s="197">
        <v>271</v>
      </c>
      <c r="J20" s="195">
        <v>199</v>
      </c>
      <c r="K20" s="198">
        <v>694</v>
      </c>
      <c r="L20" s="199">
        <v>694</v>
      </c>
      <c r="M20" s="194">
        <v>0</v>
      </c>
      <c r="N20" s="195">
        <v>0</v>
      </c>
      <c r="O20" s="198">
        <v>0</v>
      </c>
      <c r="P20" s="196">
        <v>5</v>
      </c>
      <c r="Q20" s="197">
        <v>17</v>
      </c>
      <c r="R20" s="197">
        <v>201</v>
      </c>
      <c r="S20" s="197">
        <v>270</v>
      </c>
      <c r="T20" s="195">
        <v>197</v>
      </c>
      <c r="U20" s="198">
        <v>690</v>
      </c>
      <c r="V20" s="200">
        <v>690</v>
      </c>
      <c r="W20" s="201">
        <v>0</v>
      </c>
      <c r="X20" s="195">
        <v>0</v>
      </c>
      <c r="Y20" s="198">
        <v>0</v>
      </c>
      <c r="Z20" s="201">
        <v>0</v>
      </c>
      <c r="AA20" s="197">
        <v>0</v>
      </c>
      <c r="AB20" s="197">
        <v>1</v>
      </c>
      <c r="AC20" s="197">
        <v>1</v>
      </c>
      <c r="AD20" s="195">
        <v>2</v>
      </c>
      <c r="AE20" s="198">
        <v>4</v>
      </c>
      <c r="AF20" s="202">
        <v>4</v>
      </c>
      <c r="AG20" s="201">
        <v>0</v>
      </c>
      <c r="AH20" s="195">
        <v>0</v>
      </c>
      <c r="AI20" s="198">
        <v>0</v>
      </c>
      <c r="AJ20" s="201">
        <v>41</v>
      </c>
      <c r="AK20" s="197">
        <v>96</v>
      </c>
      <c r="AL20" s="197">
        <v>128</v>
      </c>
      <c r="AM20" s="197">
        <v>112</v>
      </c>
      <c r="AN20" s="195">
        <v>69</v>
      </c>
      <c r="AO20" s="198">
        <v>446</v>
      </c>
      <c r="AP20" s="202">
        <v>446</v>
      </c>
      <c r="AQ20" s="201">
        <v>0</v>
      </c>
      <c r="AR20" s="195">
        <v>0</v>
      </c>
      <c r="AS20" s="198">
        <v>0</v>
      </c>
      <c r="AT20" s="196">
        <v>40</v>
      </c>
      <c r="AU20" s="197">
        <v>95</v>
      </c>
      <c r="AV20" s="197">
        <v>126</v>
      </c>
      <c r="AW20" s="197">
        <v>109</v>
      </c>
      <c r="AX20" s="195">
        <v>68</v>
      </c>
      <c r="AY20" s="198">
        <v>438</v>
      </c>
      <c r="AZ20" s="199">
        <v>438</v>
      </c>
      <c r="BA20" s="194">
        <v>0</v>
      </c>
      <c r="BB20" s="195">
        <v>0</v>
      </c>
      <c r="BC20" s="195">
        <v>0</v>
      </c>
      <c r="BD20" s="196">
        <v>1</v>
      </c>
      <c r="BE20" s="197">
        <v>1</v>
      </c>
      <c r="BF20" s="197">
        <v>2</v>
      </c>
      <c r="BG20" s="197">
        <v>3</v>
      </c>
      <c r="BH20" s="195">
        <v>1</v>
      </c>
      <c r="BI20" s="198">
        <v>8</v>
      </c>
      <c r="BJ20" s="200">
        <v>8</v>
      </c>
      <c r="BK20" s="201">
        <v>0</v>
      </c>
      <c r="BL20" s="195">
        <v>0</v>
      </c>
      <c r="BM20" s="195">
        <v>0</v>
      </c>
      <c r="BN20" s="196">
        <v>0</v>
      </c>
      <c r="BO20" s="197">
        <v>0</v>
      </c>
      <c r="BP20" s="197">
        <v>0</v>
      </c>
      <c r="BQ20" s="197">
        <v>0</v>
      </c>
      <c r="BR20" s="195">
        <v>4</v>
      </c>
      <c r="BS20" s="198">
        <v>4</v>
      </c>
      <c r="BT20" s="199">
        <v>4</v>
      </c>
      <c r="BU20" s="194">
        <v>0</v>
      </c>
      <c r="BV20" s="195">
        <v>0</v>
      </c>
      <c r="BW20" s="195">
        <v>0</v>
      </c>
      <c r="BX20" s="196">
        <v>0</v>
      </c>
      <c r="BY20" s="197">
        <v>0</v>
      </c>
      <c r="BZ20" s="197">
        <v>0</v>
      </c>
      <c r="CA20" s="197">
        <v>0</v>
      </c>
      <c r="CB20" s="195">
        <v>4</v>
      </c>
      <c r="CC20" s="198">
        <v>4</v>
      </c>
      <c r="CD20" s="200">
        <v>4</v>
      </c>
      <c r="CE20" s="201">
        <v>0</v>
      </c>
      <c r="CF20" s="195">
        <v>0</v>
      </c>
      <c r="CG20" s="195">
        <v>0</v>
      </c>
      <c r="CH20" s="196">
        <v>0</v>
      </c>
      <c r="CI20" s="197">
        <v>0</v>
      </c>
      <c r="CJ20" s="197">
        <v>0</v>
      </c>
      <c r="CK20" s="197">
        <v>0</v>
      </c>
      <c r="CL20" s="195">
        <v>0</v>
      </c>
      <c r="CM20" s="198">
        <v>0</v>
      </c>
      <c r="CN20" s="200">
        <v>0</v>
      </c>
      <c r="CO20" s="201">
        <v>0</v>
      </c>
      <c r="CP20" s="195">
        <v>0</v>
      </c>
      <c r="CQ20" s="195">
        <v>0</v>
      </c>
      <c r="CR20" s="196">
        <v>0</v>
      </c>
      <c r="CS20" s="197">
        <v>0</v>
      </c>
      <c r="CT20" s="197">
        <v>1</v>
      </c>
      <c r="CU20" s="197">
        <v>4</v>
      </c>
      <c r="CV20" s="195">
        <v>14</v>
      </c>
      <c r="CW20" s="198">
        <v>19</v>
      </c>
      <c r="CX20" s="199">
        <v>19</v>
      </c>
      <c r="CY20" s="194">
        <v>0</v>
      </c>
      <c r="CZ20" s="195">
        <v>0</v>
      </c>
      <c r="DA20" s="195">
        <v>0</v>
      </c>
      <c r="DB20" s="196">
        <v>0</v>
      </c>
      <c r="DC20" s="197">
        <v>0</v>
      </c>
      <c r="DD20" s="197">
        <v>1</v>
      </c>
      <c r="DE20" s="197">
        <v>4</v>
      </c>
      <c r="DF20" s="195">
        <v>13</v>
      </c>
      <c r="DG20" s="198">
        <v>18</v>
      </c>
      <c r="DH20" s="200">
        <v>18</v>
      </c>
      <c r="DI20" s="201">
        <v>0</v>
      </c>
      <c r="DJ20" s="195">
        <v>0</v>
      </c>
      <c r="DK20" s="195">
        <v>0</v>
      </c>
      <c r="DL20" s="196">
        <v>0</v>
      </c>
      <c r="DM20" s="197">
        <v>0</v>
      </c>
      <c r="DN20" s="197">
        <v>0</v>
      </c>
      <c r="DO20" s="197">
        <v>0</v>
      </c>
      <c r="DP20" s="195">
        <v>1</v>
      </c>
      <c r="DQ20" s="198">
        <v>1</v>
      </c>
      <c r="DR20" s="200">
        <v>1</v>
      </c>
      <c r="DS20" s="201">
        <v>0</v>
      </c>
      <c r="DT20" s="195">
        <v>0</v>
      </c>
      <c r="DU20" s="195">
        <v>0</v>
      </c>
      <c r="DV20" s="196">
        <v>46</v>
      </c>
      <c r="DW20" s="197">
        <v>113</v>
      </c>
      <c r="DX20" s="197">
        <v>331</v>
      </c>
      <c r="DY20" s="197">
        <v>387</v>
      </c>
      <c r="DZ20" s="195">
        <v>286</v>
      </c>
      <c r="EA20" s="198">
        <v>1163</v>
      </c>
      <c r="EB20" s="200">
        <v>1163</v>
      </c>
      <c r="EC20" s="37"/>
    </row>
    <row r="21" spans="2:133" ht="20.25" customHeight="1" x14ac:dyDescent="0.2">
      <c r="B21" s="62" t="s">
        <v>18</v>
      </c>
      <c r="C21" s="194">
        <v>0</v>
      </c>
      <c r="D21" s="195">
        <v>0</v>
      </c>
      <c r="E21" s="195">
        <v>0</v>
      </c>
      <c r="F21" s="196">
        <v>5</v>
      </c>
      <c r="G21" s="197">
        <v>16</v>
      </c>
      <c r="H21" s="197">
        <v>181</v>
      </c>
      <c r="I21" s="197">
        <v>388</v>
      </c>
      <c r="J21" s="195">
        <v>267</v>
      </c>
      <c r="K21" s="198">
        <v>857</v>
      </c>
      <c r="L21" s="199">
        <v>857</v>
      </c>
      <c r="M21" s="194">
        <v>0</v>
      </c>
      <c r="N21" s="195">
        <v>0</v>
      </c>
      <c r="O21" s="198">
        <v>0</v>
      </c>
      <c r="P21" s="196">
        <v>5</v>
      </c>
      <c r="Q21" s="197">
        <v>16</v>
      </c>
      <c r="R21" s="197">
        <v>177</v>
      </c>
      <c r="S21" s="197">
        <v>386</v>
      </c>
      <c r="T21" s="195">
        <v>263</v>
      </c>
      <c r="U21" s="198">
        <v>847</v>
      </c>
      <c r="V21" s="200">
        <v>847</v>
      </c>
      <c r="W21" s="201">
        <v>0</v>
      </c>
      <c r="X21" s="195">
        <v>0</v>
      </c>
      <c r="Y21" s="198">
        <v>0</v>
      </c>
      <c r="Z21" s="201">
        <v>0</v>
      </c>
      <c r="AA21" s="197">
        <v>0</v>
      </c>
      <c r="AB21" s="197">
        <v>4</v>
      </c>
      <c r="AC21" s="197">
        <v>2</v>
      </c>
      <c r="AD21" s="195">
        <v>4</v>
      </c>
      <c r="AE21" s="198">
        <v>10</v>
      </c>
      <c r="AF21" s="202">
        <v>10</v>
      </c>
      <c r="AG21" s="201">
        <v>0</v>
      </c>
      <c r="AH21" s="195">
        <v>0</v>
      </c>
      <c r="AI21" s="198">
        <v>0</v>
      </c>
      <c r="AJ21" s="201">
        <v>33</v>
      </c>
      <c r="AK21" s="197">
        <v>72</v>
      </c>
      <c r="AL21" s="197">
        <v>108</v>
      </c>
      <c r="AM21" s="197">
        <v>122</v>
      </c>
      <c r="AN21" s="195">
        <v>83</v>
      </c>
      <c r="AO21" s="198">
        <v>418</v>
      </c>
      <c r="AP21" s="202">
        <v>418</v>
      </c>
      <c r="AQ21" s="201">
        <v>0</v>
      </c>
      <c r="AR21" s="195">
        <v>0</v>
      </c>
      <c r="AS21" s="198">
        <v>0</v>
      </c>
      <c r="AT21" s="196">
        <v>32</v>
      </c>
      <c r="AU21" s="197">
        <v>70</v>
      </c>
      <c r="AV21" s="197">
        <v>105</v>
      </c>
      <c r="AW21" s="197">
        <v>121</v>
      </c>
      <c r="AX21" s="195">
        <v>82</v>
      </c>
      <c r="AY21" s="198">
        <v>410</v>
      </c>
      <c r="AZ21" s="199">
        <v>410</v>
      </c>
      <c r="BA21" s="194">
        <v>0</v>
      </c>
      <c r="BB21" s="195">
        <v>0</v>
      </c>
      <c r="BC21" s="195">
        <v>0</v>
      </c>
      <c r="BD21" s="196">
        <v>1</v>
      </c>
      <c r="BE21" s="197">
        <v>2</v>
      </c>
      <c r="BF21" s="197">
        <v>3</v>
      </c>
      <c r="BG21" s="197">
        <v>1</v>
      </c>
      <c r="BH21" s="195">
        <v>1</v>
      </c>
      <c r="BI21" s="198">
        <v>8</v>
      </c>
      <c r="BJ21" s="200">
        <v>8</v>
      </c>
      <c r="BK21" s="201">
        <v>0</v>
      </c>
      <c r="BL21" s="195">
        <v>0</v>
      </c>
      <c r="BM21" s="195">
        <v>0</v>
      </c>
      <c r="BN21" s="196">
        <v>0</v>
      </c>
      <c r="BO21" s="197">
        <v>0</v>
      </c>
      <c r="BP21" s="197">
        <v>0</v>
      </c>
      <c r="BQ21" s="197">
        <v>2</v>
      </c>
      <c r="BR21" s="195">
        <v>8</v>
      </c>
      <c r="BS21" s="198">
        <v>10</v>
      </c>
      <c r="BT21" s="199">
        <v>10</v>
      </c>
      <c r="BU21" s="194">
        <v>0</v>
      </c>
      <c r="BV21" s="195">
        <v>0</v>
      </c>
      <c r="BW21" s="195">
        <v>0</v>
      </c>
      <c r="BX21" s="196">
        <v>0</v>
      </c>
      <c r="BY21" s="197">
        <v>0</v>
      </c>
      <c r="BZ21" s="197">
        <v>0</v>
      </c>
      <c r="CA21" s="197">
        <v>2</v>
      </c>
      <c r="CB21" s="195">
        <v>8</v>
      </c>
      <c r="CC21" s="198">
        <v>10</v>
      </c>
      <c r="CD21" s="200">
        <v>10</v>
      </c>
      <c r="CE21" s="201">
        <v>0</v>
      </c>
      <c r="CF21" s="195">
        <v>0</v>
      </c>
      <c r="CG21" s="195">
        <v>0</v>
      </c>
      <c r="CH21" s="196">
        <v>0</v>
      </c>
      <c r="CI21" s="197">
        <v>0</v>
      </c>
      <c r="CJ21" s="197">
        <v>0</v>
      </c>
      <c r="CK21" s="197">
        <v>0</v>
      </c>
      <c r="CL21" s="195">
        <v>0</v>
      </c>
      <c r="CM21" s="198">
        <v>0</v>
      </c>
      <c r="CN21" s="200">
        <v>0</v>
      </c>
      <c r="CO21" s="201">
        <v>0</v>
      </c>
      <c r="CP21" s="195">
        <v>0</v>
      </c>
      <c r="CQ21" s="195">
        <v>0</v>
      </c>
      <c r="CR21" s="196">
        <v>0</v>
      </c>
      <c r="CS21" s="197">
        <v>0</v>
      </c>
      <c r="CT21" s="197">
        <v>1</v>
      </c>
      <c r="CU21" s="197">
        <v>11</v>
      </c>
      <c r="CV21" s="195">
        <v>18</v>
      </c>
      <c r="CW21" s="198">
        <v>30</v>
      </c>
      <c r="CX21" s="199">
        <v>30</v>
      </c>
      <c r="CY21" s="194">
        <v>0</v>
      </c>
      <c r="CZ21" s="195">
        <v>0</v>
      </c>
      <c r="DA21" s="195">
        <v>0</v>
      </c>
      <c r="DB21" s="196">
        <v>0</v>
      </c>
      <c r="DC21" s="197">
        <v>0</v>
      </c>
      <c r="DD21" s="197">
        <v>1</v>
      </c>
      <c r="DE21" s="197">
        <v>11</v>
      </c>
      <c r="DF21" s="195">
        <v>17</v>
      </c>
      <c r="DG21" s="198">
        <v>29</v>
      </c>
      <c r="DH21" s="200">
        <v>29</v>
      </c>
      <c r="DI21" s="201">
        <v>0</v>
      </c>
      <c r="DJ21" s="195">
        <v>0</v>
      </c>
      <c r="DK21" s="195">
        <v>0</v>
      </c>
      <c r="DL21" s="196">
        <v>0</v>
      </c>
      <c r="DM21" s="197">
        <v>0</v>
      </c>
      <c r="DN21" s="197">
        <v>0</v>
      </c>
      <c r="DO21" s="197">
        <v>0</v>
      </c>
      <c r="DP21" s="195">
        <v>1</v>
      </c>
      <c r="DQ21" s="198">
        <v>1</v>
      </c>
      <c r="DR21" s="200">
        <v>1</v>
      </c>
      <c r="DS21" s="201">
        <v>0</v>
      </c>
      <c r="DT21" s="195">
        <v>0</v>
      </c>
      <c r="DU21" s="195">
        <v>0</v>
      </c>
      <c r="DV21" s="196">
        <v>38</v>
      </c>
      <c r="DW21" s="197">
        <v>87</v>
      </c>
      <c r="DX21" s="197">
        <v>290</v>
      </c>
      <c r="DY21" s="197">
        <v>521</v>
      </c>
      <c r="DZ21" s="195">
        <v>376</v>
      </c>
      <c r="EA21" s="198">
        <v>1312</v>
      </c>
      <c r="EB21" s="200">
        <v>1312</v>
      </c>
      <c r="EC21" s="37"/>
    </row>
    <row r="22" spans="2:133" ht="20.25" customHeight="1" x14ac:dyDescent="0.2">
      <c r="B22" s="62" t="s">
        <v>19</v>
      </c>
      <c r="C22" s="194">
        <v>0</v>
      </c>
      <c r="D22" s="195">
        <v>0</v>
      </c>
      <c r="E22" s="195">
        <v>0</v>
      </c>
      <c r="F22" s="196">
        <v>0</v>
      </c>
      <c r="G22" s="197">
        <v>8</v>
      </c>
      <c r="H22" s="197">
        <v>112</v>
      </c>
      <c r="I22" s="197">
        <v>146</v>
      </c>
      <c r="J22" s="195">
        <v>89</v>
      </c>
      <c r="K22" s="198">
        <v>355</v>
      </c>
      <c r="L22" s="199">
        <v>355</v>
      </c>
      <c r="M22" s="194">
        <v>0</v>
      </c>
      <c r="N22" s="195">
        <v>0</v>
      </c>
      <c r="O22" s="198">
        <v>0</v>
      </c>
      <c r="P22" s="196">
        <v>0</v>
      </c>
      <c r="Q22" s="197">
        <v>8</v>
      </c>
      <c r="R22" s="197">
        <v>111</v>
      </c>
      <c r="S22" s="197">
        <v>146</v>
      </c>
      <c r="T22" s="195">
        <v>89</v>
      </c>
      <c r="U22" s="198">
        <v>354</v>
      </c>
      <c r="V22" s="200">
        <v>354</v>
      </c>
      <c r="W22" s="201">
        <v>0</v>
      </c>
      <c r="X22" s="195">
        <v>0</v>
      </c>
      <c r="Y22" s="198">
        <v>0</v>
      </c>
      <c r="Z22" s="201">
        <v>0</v>
      </c>
      <c r="AA22" s="197">
        <v>0</v>
      </c>
      <c r="AB22" s="197">
        <v>1</v>
      </c>
      <c r="AC22" s="197">
        <v>0</v>
      </c>
      <c r="AD22" s="195">
        <v>0</v>
      </c>
      <c r="AE22" s="198">
        <v>1</v>
      </c>
      <c r="AF22" s="202">
        <v>1</v>
      </c>
      <c r="AG22" s="201">
        <v>0</v>
      </c>
      <c r="AH22" s="195">
        <v>0</v>
      </c>
      <c r="AI22" s="198">
        <v>0</v>
      </c>
      <c r="AJ22" s="201">
        <v>19</v>
      </c>
      <c r="AK22" s="197">
        <v>49</v>
      </c>
      <c r="AL22" s="197">
        <v>72</v>
      </c>
      <c r="AM22" s="197">
        <v>56</v>
      </c>
      <c r="AN22" s="195">
        <v>35</v>
      </c>
      <c r="AO22" s="198">
        <v>231</v>
      </c>
      <c r="AP22" s="202">
        <v>231</v>
      </c>
      <c r="AQ22" s="201">
        <v>0</v>
      </c>
      <c r="AR22" s="195">
        <v>0</v>
      </c>
      <c r="AS22" s="198">
        <v>0</v>
      </c>
      <c r="AT22" s="196">
        <v>19</v>
      </c>
      <c r="AU22" s="197">
        <v>49</v>
      </c>
      <c r="AV22" s="197">
        <v>70</v>
      </c>
      <c r="AW22" s="197">
        <v>55</v>
      </c>
      <c r="AX22" s="195">
        <v>35</v>
      </c>
      <c r="AY22" s="198">
        <v>228</v>
      </c>
      <c r="AZ22" s="199">
        <v>228</v>
      </c>
      <c r="BA22" s="194">
        <v>0</v>
      </c>
      <c r="BB22" s="195">
        <v>0</v>
      </c>
      <c r="BC22" s="195">
        <v>0</v>
      </c>
      <c r="BD22" s="196">
        <v>0</v>
      </c>
      <c r="BE22" s="197">
        <v>0</v>
      </c>
      <c r="BF22" s="197">
        <v>2</v>
      </c>
      <c r="BG22" s="197">
        <v>1</v>
      </c>
      <c r="BH22" s="195">
        <v>0</v>
      </c>
      <c r="BI22" s="198">
        <v>3</v>
      </c>
      <c r="BJ22" s="200">
        <v>3</v>
      </c>
      <c r="BK22" s="201">
        <v>0</v>
      </c>
      <c r="BL22" s="195">
        <v>0</v>
      </c>
      <c r="BM22" s="195">
        <v>0</v>
      </c>
      <c r="BN22" s="196">
        <v>0</v>
      </c>
      <c r="BO22" s="197">
        <v>0</v>
      </c>
      <c r="BP22" s="197">
        <v>0</v>
      </c>
      <c r="BQ22" s="197">
        <v>0</v>
      </c>
      <c r="BR22" s="195">
        <v>0</v>
      </c>
      <c r="BS22" s="198">
        <v>0</v>
      </c>
      <c r="BT22" s="199">
        <v>0</v>
      </c>
      <c r="BU22" s="194">
        <v>0</v>
      </c>
      <c r="BV22" s="195">
        <v>0</v>
      </c>
      <c r="BW22" s="195">
        <v>0</v>
      </c>
      <c r="BX22" s="196">
        <v>0</v>
      </c>
      <c r="BY22" s="197">
        <v>0</v>
      </c>
      <c r="BZ22" s="197">
        <v>0</v>
      </c>
      <c r="CA22" s="197">
        <v>0</v>
      </c>
      <c r="CB22" s="195">
        <v>0</v>
      </c>
      <c r="CC22" s="198">
        <v>0</v>
      </c>
      <c r="CD22" s="200">
        <v>0</v>
      </c>
      <c r="CE22" s="201">
        <v>0</v>
      </c>
      <c r="CF22" s="195">
        <v>0</v>
      </c>
      <c r="CG22" s="195">
        <v>0</v>
      </c>
      <c r="CH22" s="196">
        <v>0</v>
      </c>
      <c r="CI22" s="197">
        <v>0</v>
      </c>
      <c r="CJ22" s="197">
        <v>0</v>
      </c>
      <c r="CK22" s="197">
        <v>0</v>
      </c>
      <c r="CL22" s="195">
        <v>0</v>
      </c>
      <c r="CM22" s="198">
        <v>0</v>
      </c>
      <c r="CN22" s="200">
        <v>0</v>
      </c>
      <c r="CO22" s="201">
        <v>0</v>
      </c>
      <c r="CP22" s="195">
        <v>0</v>
      </c>
      <c r="CQ22" s="195">
        <v>0</v>
      </c>
      <c r="CR22" s="196">
        <v>0</v>
      </c>
      <c r="CS22" s="197">
        <v>0</v>
      </c>
      <c r="CT22" s="197">
        <v>0</v>
      </c>
      <c r="CU22" s="197">
        <v>3</v>
      </c>
      <c r="CV22" s="195">
        <v>5</v>
      </c>
      <c r="CW22" s="198">
        <v>8</v>
      </c>
      <c r="CX22" s="199">
        <v>8</v>
      </c>
      <c r="CY22" s="194">
        <v>0</v>
      </c>
      <c r="CZ22" s="195">
        <v>0</v>
      </c>
      <c r="DA22" s="195">
        <v>0</v>
      </c>
      <c r="DB22" s="196">
        <v>0</v>
      </c>
      <c r="DC22" s="197">
        <v>0</v>
      </c>
      <c r="DD22" s="197">
        <v>0</v>
      </c>
      <c r="DE22" s="197">
        <v>3</v>
      </c>
      <c r="DF22" s="195">
        <v>4</v>
      </c>
      <c r="DG22" s="198">
        <v>7</v>
      </c>
      <c r="DH22" s="200">
        <v>7</v>
      </c>
      <c r="DI22" s="201">
        <v>0</v>
      </c>
      <c r="DJ22" s="195">
        <v>0</v>
      </c>
      <c r="DK22" s="195">
        <v>0</v>
      </c>
      <c r="DL22" s="196">
        <v>0</v>
      </c>
      <c r="DM22" s="197">
        <v>0</v>
      </c>
      <c r="DN22" s="197">
        <v>0</v>
      </c>
      <c r="DO22" s="197">
        <v>0</v>
      </c>
      <c r="DP22" s="195">
        <v>1</v>
      </c>
      <c r="DQ22" s="198">
        <v>1</v>
      </c>
      <c r="DR22" s="200">
        <v>1</v>
      </c>
      <c r="DS22" s="201">
        <v>0</v>
      </c>
      <c r="DT22" s="195">
        <v>0</v>
      </c>
      <c r="DU22" s="195">
        <v>0</v>
      </c>
      <c r="DV22" s="196">
        <v>19</v>
      </c>
      <c r="DW22" s="197">
        <v>57</v>
      </c>
      <c r="DX22" s="197">
        <v>184</v>
      </c>
      <c r="DY22" s="197">
        <v>202</v>
      </c>
      <c r="DZ22" s="195">
        <v>126</v>
      </c>
      <c r="EA22" s="198">
        <v>588</v>
      </c>
      <c r="EB22" s="200">
        <v>588</v>
      </c>
      <c r="EC22" s="37"/>
    </row>
    <row r="23" spans="2:133" ht="20.25" customHeight="1" x14ac:dyDescent="0.2">
      <c r="B23" s="62" t="s">
        <v>20</v>
      </c>
      <c r="C23" s="194">
        <v>0</v>
      </c>
      <c r="D23" s="195">
        <v>0</v>
      </c>
      <c r="E23" s="195">
        <v>0</v>
      </c>
      <c r="F23" s="196">
        <v>4</v>
      </c>
      <c r="G23" s="197">
        <v>24</v>
      </c>
      <c r="H23" s="197">
        <v>151</v>
      </c>
      <c r="I23" s="197">
        <v>191</v>
      </c>
      <c r="J23" s="195">
        <v>107</v>
      </c>
      <c r="K23" s="198">
        <v>477</v>
      </c>
      <c r="L23" s="199">
        <v>477</v>
      </c>
      <c r="M23" s="194">
        <v>0</v>
      </c>
      <c r="N23" s="195">
        <v>0</v>
      </c>
      <c r="O23" s="198">
        <v>0</v>
      </c>
      <c r="P23" s="196">
        <v>4</v>
      </c>
      <c r="Q23" s="197">
        <v>24</v>
      </c>
      <c r="R23" s="197">
        <v>150</v>
      </c>
      <c r="S23" s="197">
        <v>189</v>
      </c>
      <c r="T23" s="195">
        <v>105</v>
      </c>
      <c r="U23" s="198">
        <v>472</v>
      </c>
      <c r="V23" s="200">
        <v>472</v>
      </c>
      <c r="W23" s="201">
        <v>0</v>
      </c>
      <c r="X23" s="195">
        <v>0</v>
      </c>
      <c r="Y23" s="198">
        <v>0</v>
      </c>
      <c r="Z23" s="201">
        <v>0</v>
      </c>
      <c r="AA23" s="197">
        <v>0</v>
      </c>
      <c r="AB23" s="197">
        <v>1</v>
      </c>
      <c r="AC23" s="197">
        <v>2</v>
      </c>
      <c r="AD23" s="195">
        <v>2</v>
      </c>
      <c r="AE23" s="198">
        <v>5</v>
      </c>
      <c r="AF23" s="202">
        <v>5</v>
      </c>
      <c r="AG23" s="201">
        <v>0</v>
      </c>
      <c r="AH23" s="195">
        <v>0</v>
      </c>
      <c r="AI23" s="198">
        <v>0</v>
      </c>
      <c r="AJ23" s="201">
        <v>22</v>
      </c>
      <c r="AK23" s="197">
        <v>33</v>
      </c>
      <c r="AL23" s="197">
        <v>43</v>
      </c>
      <c r="AM23" s="197">
        <v>48</v>
      </c>
      <c r="AN23" s="195">
        <v>20</v>
      </c>
      <c r="AO23" s="198">
        <v>166</v>
      </c>
      <c r="AP23" s="202">
        <v>166</v>
      </c>
      <c r="AQ23" s="201">
        <v>0</v>
      </c>
      <c r="AR23" s="195">
        <v>0</v>
      </c>
      <c r="AS23" s="198">
        <v>0</v>
      </c>
      <c r="AT23" s="196">
        <v>22</v>
      </c>
      <c r="AU23" s="197">
        <v>33</v>
      </c>
      <c r="AV23" s="197">
        <v>42</v>
      </c>
      <c r="AW23" s="197">
        <v>47</v>
      </c>
      <c r="AX23" s="195">
        <v>20</v>
      </c>
      <c r="AY23" s="198">
        <v>164</v>
      </c>
      <c r="AZ23" s="199">
        <v>164</v>
      </c>
      <c r="BA23" s="194">
        <v>0</v>
      </c>
      <c r="BB23" s="195">
        <v>0</v>
      </c>
      <c r="BC23" s="195">
        <v>0</v>
      </c>
      <c r="BD23" s="196">
        <v>0</v>
      </c>
      <c r="BE23" s="197">
        <v>0</v>
      </c>
      <c r="BF23" s="197">
        <v>1</v>
      </c>
      <c r="BG23" s="197">
        <v>1</v>
      </c>
      <c r="BH23" s="195">
        <v>0</v>
      </c>
      <c r="BI23" s="198">
        <v>2</v>
      </c>
      <c r="BJ23" s="200">
        <v>2</v>
      </c>
      <c r="BK23" s="201">
        <v>0</v>
      </c>
      <c r="BL23" s="195">
        <v>0</v>
      </c>
      <c r="BM23" s="195">
        <v>0</v>
      </c>
      <c r="BN23" s="196">
        <v>0</v>
      </c>
      <c r="BO23" s="197">
        <v>0</v>
      </c>
      <c r="BP23" s="197">
        <v>0</v>
      </c>
      <c r="BQ23" s="197">
        <v>1</v>
      </c>
      <c r="BR23" s="195">
        <v>2</v>
      </c>
      <c r="BS23" s="198">
        <v>3</v>
      </c>
      <c r="BT23" s="199">
        <v>3</v>
      </c>
      <c r="BU23" s="194">
        <v>0</v>
      </c>
      <c r="BV23" s="195">
        <v>0</v>
      </c>
      <c r="BW23" s="195">
        <v>0</v>
      </c>
      <c r="BX23" s="196">
        <v>0</v>
      </c>
      <c r="BY23" s="197">
        <v>0</v>
      </c>
      <c r="BZ23" s="197">
        <v>0</v>
      </c>
      <c r="CA23" s="197">
        <v>1</v>
      </c>
      <c r="CB23" s="195">
        <v>2</v>
      </c>
      <c r="CC23" s="198">
        <v>3</v>
      </c>
      <c r="CD23" s="200">
        <v>3</v>
      </c>
      <c r="CE23" s="201">
        <v>0</v>
      </c>
      <c r="CF23" s="195">
        <v>0</v>
      </c>
      <c r="CG23" s="195">
        <v>0</v>
      </c>
      <c r="CH23" s="196">
        <v>0</v>
      </c>
      <c r="CI23" s="197">
        <v>0</v>
      </c>
      <c r="CJ23" s="197">
        <v>0</v>
      </c>
      <c r="CK23" s="197">
        <v>0</v>
      </c>
      <c r="CL23" s="195">
        <v>0</v>
      </c>
      <c r="CM23" s="198">
        <v>0</v>
      </c>
      <c r="CN23" s="200">
        <v>0</v>
      </c>
      <c r="CO23" s="201">
        <v>0</v>
      </c>
      <c r="CP23" s="195">
        <v>0</v>
      </c>
      <c r="CQ23" s="195">
        <v>0</v>
      </c>
      <c r="CR23" s="196">
        <v>0</v>
      </c>
      <c r="CS23" s="197">
        <v>0</v>
      </c>
      <c r="CT23" s="197">
        <v>1</v>
      </c>
      <c r="CU23" s="197">
        <v>1</v>
      </c>
      <c r="CV23" s="195">
        <v>8</v>
      </c>
      <c r="CW23" s="198">
        <v>10</v>
      </c>
      <c r="CX23" s="199">
        <v>10</v>
      </c>
      <c r="CY23" s="194">
        <v>0</v>
      </c>
      <c r="CZ23" s="195">
        <v>0</v>
      </c>
      <c r="DA23" s="195">
        <v>0</v>
      </c>
      <c r="DB23" s="196">
        <v>0</v>
      </c>
      <c r="DC23" s="197">
        <v>0</v>
      </c>
      <c r="DD23" s="197">
        <v>1</v>
      </c>
      <c r="DE23" s="197">
        <v>1</v>
      </c>
      <c r="DF23" s="195">
        <v>8</v>
      </c>
      <c r="DG23" s="198">
        <v>10</v>
      </c>
      <c r="DH23" s="200">
        <v>10</v>
      </c>
      <c r="DI23" s="201">
        <v>0</v>
      </c>
      <c r="DJ23" s="195">
        <v>0</v>
      </c>
      <c r="DK23" s="195">
        <v>0</v>
      </c>
      <c r="DL23" s="196">
        <v>0</v>
      </c>
      <c r="DM23" s="197">
        <v>0</v>
      </c>
      <c r="DN23" s="197">
        <v>0</v>
      </c>
      <c r="DO23" s="197">
        <v>0</v>
      </c>
      <c r="DP23" s="195">
        <v>0</v>
      </c>
      <c r="DQ23" s="198">
        <v>0</v>
      </c>
      <c r="DR23" s="200">
        <v>0</v>
      </c>
      <c r="DS23" s="201">
        <v>0</v>
      </c>
      <c r="DT23" s="195">
        <v>0</v>
      </c>
      <c r="DU23" s="195">
        <v>0</v>
      </c>
      <c r="DV23" s="196">
        <v>26</v>
      </c>
      <c r="DW23" s="197">
        <v>57</v>
      </c>
      <c r="DX23" s="197">
        <v>195</v>
      </c>
      <c r="DY23" s="197">
        <v>240</v>
      </c>
      <c r="DZ23" s="195">
        <v>137</v>
      </c>
      <c r="EA23" s="198">
        <v>655</v>
      </c>
      <c r="EB23" s="200">
        <v>655</v>
      </c>
      <c r="EC23" s="37"/>
    </row>
    <row r="24" spans="2:133" ht="20.25" customHeight="1" x14ac:dyDescent="0.2">
      <c r="B24" s="62" t="s">
        <v>21</v>
      </c>
      <c r="C24" s="194">
        <v>0</v>
      </c>
      <c r="D24" s="195">
        <v>0</v>
      </c>
      <c r="E24" s="195">
        <v>0</v>
      </c>
      <c r="F24" s="196">
        <v>3</v>
      </c>
      <c r="G24" s="197">
        <v>14</v>
      </c>
      <c r="H24" s="197">
        <v>178</v>
      </c>
      <c r="I24" s="197">
        <v>174</v>
      </c>
      <c r="J24" s="195">
        <v>143</v>
      </c>
      <c r="K24" s="198">
        <v>512</v>
      </c>
      <c r="L24" s="199">
        <v>512</v>
      </c>
      <c r="M24" s="194">
        <v>0</v>
      </c>
      <c r="N24" s="195">
        <v>0</v>
      </c>
      <c r="O24" s="198">
        <v>0</v>
      </c>
      <c r="P24" s="196">
        <v>3</v>
      </c>
      <c r="Q24" s="197">
        <v>14</v>
      </c>
      <c r="R24" s="197">
        <v>177</v>
      </c>
      <c r="S24" s="197">
        <v>174</v>
      </c>
      <c r="T24" s="195">
        <v>141</v>
      </c>
      <c r="U24" s="198">
        <v>509</v>
      </c>
      <c r="V24" s="200">
        <v>509</v>
      </c>
      <c r="W24" s="201">
        <v>0</v>
      </c>
      <c r="X24" s="195">
        <v>0</v>
      </c>
      <c r="Y24" s="198">
        <v>0</v>
      </c>
      <c r="Z24" s="201">
        <v>0</v>
      </c>
      <c r="AA24" s="197">
        <v>0</v>
      </c>
      <c r="AB24" s="197">
        <v>1</v>
      </c>
      <c r="AC24" s="197">
        <v>0</v>
      </c>
      <c r="AD24" s="195">
        <v>2</v>
      </c>
      <c r="AE24" s="198">
        <v>3</v>
      </c>
      <c r="AF24" s="202">
        <v>3</v>
      </c>
      <c r="AG24" s="201">
        <v>0</v>
      </c>
      <c r="AH24" s="195">
        <v>0</v>
      </c>
      <c r="AI24" s="198">
        <v>0</v>
      </c>
      <c r="AJ24" s="201">
        <v>22</v>
      </c>
      <c r="AK24" s="197">
        <v>29</v>
      </c>
      <c r="AL24" s="197">
        <v>30</v>
      </c>
      <c r="AM24" s="197">
        <v>42</v>
      </c>
      <c r="AN24" s="195">
        <v>26</v>
      </c>
      <c r="AO24" s="198">
        <v>149</v>
      </c>
      <c r="AP24" s="202">
        <v>149</v>
      </c>
      <c r="AQ24" s="201">
        <v>0</v>
      </c>
      <c r="AR24" s="195">
        <v>0</v>
      </c>
      <c r="AS24" s="198">
        <v>0</v>
      </c>
      <c r="AT24" s="196">
        <v>22</v>
      </c>
      <c r="AU24" s="197">
        <v>28</v>
      </c>
      <c r="AV24" s="197">
        <v>30</v>
      </c>
      <c r="AW24" s="197">
        <v>40</v>
      </c>
      <c r="AX24" s="195">
        <v>22</v>
      </c>
      <c r="AY24" s="198">
        <v>142</v>
      </c>
      <c r="AZ24" s="199">
        <v>142</v>
      </c>
      <c r="BA24" s="194">
        <v>0</v>
      </c>
      <c r="BB24" s="195">
        <v>0</v>
      </c>
      <c r="BC24" s="195">
        <v>0</v>
      </c>
      <c r="BD24" s="196">
        <v>0</v>
      </c>
      <c r="BE24" s="197">
        <v>1</v>
      </c>
      <c r="BF24" s="197">
        <v>0</v>
      </c>
      <c r="BG24" s="197">
        <v>2</v>
      </c>
      <c r="BH24" s="195">
        <v>4</v>
      </c>
      <c r="BI24" s="198">
        <v>7</v>
      </c>
      <c r="BJ24" s="200">
        <v>7</v>
      </c>
      <c r="BK24" s="201">
        <v>0</v>
      </c>
      <c r="BL24" s="195">
        <v>0</v>
      </c>
      <c r="BM24" s="195">
        <v>0</v>
      </c>
      <c r="BN24" s="196">
        <v>0</v>
      </c>
      <c r="BO24" s="197">
        <v>0</v>
      </c>
      <c r="BP24" s="197">
        <v>1</v>
      </c>
      <c r="BQ24" s="197">
        <v>1</v>
      </c>
      <c r="BR24" s="195">
        <v>1</v>
      </c>
      <c r="BS24" s="198">
        <v>3</v>
      </c>
      <c r="BT24" s="199">
        <v>3</v>
      </c>
      <c r="BU24" s="194">
        <v>0</v>
      </c>
      <c r="BV24" s="195">
        <v>0</v>
      </c>
      <c r="BW24" s="195">
        <v>0</v>
      </c>
      <c r="BX24" s="196">
        <v>0</v>
      </c>
      <c r="BY24" s="197">
        <v>0</v>
      </c>
      <c r="BZ24" s="197">
        <v>1</v>
      </c>
      <c r="CA24" s="197">
        <v>1</v>
      </c>
      <c r="CB24" s="195">
        <v>1</v>
      </c>
      <c r="CC24" s="198">
        <v>3</v>
      </c>
      <c r="CD24" s="200">
        <v>3</v>
      </c>
      <c r="CE24" s="201">
        <v>0</v>
      </c>
      <c r="CF24" s="195">
        <v>0</v>
      </c>
      <c r="CG24" s="195">
        <v>0</v>
      </c>
      <c r="CH24" s="196">
        <v>0</v>
      </c>
      <c r="CI24" s="197">
        <v>0</v>
      </c>
      <c r="CJ24" s="197">
        <v>0</v>
      </c>
      <c r="CK24" s="197">
        <v>0</v>
      </c>
      <c r="CL24" s="195">
        <v>0</v>
      </c>
      <c r="CM24" s="198">
        <v>0</v>
      </c>
      <c r="CN24" s="200">
        <v>0</v>
      </c>
      <c r="CO24" s="201">
        <v>0</v>
      </c>
      <c r="CP24" s="195">
        <v>0</v>
      </c>
      <c r="CQ24" s="195">
        <v>0</v>
      </c>
      <c r="CR24" s="196">
        <v>0</v>
      </c>
      <c r="CS24" s="197">
        <v>0</v>
      </c>
      <c r="CT24" s="197">
        <v>1</v>
      </c>
      <c r="CU24" s="197">
        <v>11</v>
      </c>
      <c r="CV24" s="195">
        <v>13</v>
      </c>
      <c r="CW24" s="198">
        <v>25</v>
      </c>
      <c r="CX24" s="199">
        <v>25</v>
      </c>
      <c r="CY24" s="194">
        <v>0</v>
      </c>
      <c r="CZ24" s="195">
        <v>0</v>
      </c>
      <c r="DA24" s="195">
        <v>0</v>
      </c>
      <c r="DB24" s="196">
        <v>0</v>
      </c>
      <c r="DC24" s="197">
        <v>0</v>
      </c>
      <c r="DD24" s="197">
        <v>1</v>
      </c>
      <c r="DE24" s="197">
        <v>11</v>
      </c>
      <c r="DF24" s="195">
        <v>12</v>
      </c>
      <c r="DG24" s="198">
        <v>24</v>
      </c>
      <c r="DH24" s="200">
        <v>24</v>
      </c>
      <c r="DI24" s="201">
        <v>0</v>
      </c>
      <c r="DJ24" s="195">
        <v>0</v>
      </c>
      <c r="DK24" s="195">
        <v>0</v>
      </c>
      <c r="DL24" s="196">
        <v>0</v>
      </c>
      <c r="DM24" s="197">
        <v>0</v>
      </c>
      <c r="DN24" s="197">
        <v>0</v>
      </c>
      <c r="DO24" s="197">
        <v>0</v>
      </c>
      <c r="DP24" s="195">
        <v>1</v>
      </c>
      <c r="DQ24" s="198">
        <v>1</v>
      </c>
      <c r="DR24" s="200">
        <v>1</v>
      </c>
      <c r="DS24" s="201">
        <v>0</v>
      </c>
      <c r="DT24" s="195">
        <v>0</v>
      </c>
      <c r="DU24" s="195">
        <v>0</v>
      </c>
      <c r="DV24" s="196">
        <v>25</v>
      </c>
      <c r="DW24" s="197">
        <v>43</v>
      </c>
      <c r="DX24" s="197">
        <v>210</v>
      </c>
      <c r="DY24" s="197">
        <v>227</v>
      </c>
      <c r="DZ24" s="195">
        <v>182</v>
      </c>
      <c r="EA24" s="198">
        <v>687</v>
      </c>
      <c r="EB24" s="200">
        <v>687</v>
      </c>
      <c r="EC24" s="37"/>
    </row>
    <row r="25" spans="2:133" ht="20.25" customHeight="1" x14ac:dyDescent="0.2">
      <c r="B25" s="62" t="s">
        <v>22</v>
      </c>
      <c r="C25" s="194">
        <v>0</v>
      </c>
      <c r="D25" s="195">
        <v>0</v>
      </c>
      <c r="E25" s="195">
        <v>0</v>
      </c>
      <c r="F25" s="196">
        <v>2</v>
      </c>
      <c r="G25" s="197">
        <v>2</v>
      </c>
      <c r="H25" s="197">
        <v>48</v>
      </c>
      <c r="I25" s="197">
        <v>60</v>
      </c>
      <c r="J25" s="195">
        <v>34</v>
      </c>
      <c r="K25" s="198">
        <v>146</v>
      </c>
      <c r="L25" s="199">
        <v>146</v>
      </c>
      <c r="M25" s="194">
        <v>0</v>
      </c>
      <c r="N25" s="195">
        <v>0</v>
      </c>
      <c r="O25" s="198">
        <v>0</v>
      </c>
      <c r="P25" s="196">
        <v>2</v>
      </c>
      <c r="Q25" s="197">
        <v>2</v>
      </c>
      <c r="R25" s="197">
        <v>48</v>
      </c>
      <c r="S25" s="197">
        <v>60</v>
      </c>
      <c r="T25" s="195">
        <v>32</v>
      </c>
      <c r="U25" s="198">
        <v>144</v>
      </c>
      <c r="V25" s="200">
        <v>144</v>
      </c>
      <c r="W25" s="201">
        <v>0</v>
      </c>
      <c r="X25" s="195">
        <v>0</v>
      </c>
      <c r="Y25" s="198">
        <v>0</v>
      </c>
      <c r="Z25" s="201">
        <v>0</v>
      </c>
      <c r="AA25" s="197">
        <v>0</v>
      </c>
      <c r="AB25" s="197">
        <v>0</v>
      </c>
      <c r="AC25" s="197">
        <v>0</v>
      </c>
      <c r="AD25" s="195">
        <v>2</v>
      </c>
      <c r="AE25" s="198">
        <v>2</v>
      </c>
      <c r="AF25" s="202">
        <v>2</v>
      </c>
      <c r="AG25" s="201">
        <v>0</v>
      </c>
      <c r="AH25" s="195">
        <v>0</v>
      </c>
      <c r="AI25" s="198">
        <v>0</v>
      </c>
      <c r="AJ25" s="201">
        <v>9</v>
      </c>
      <c r="AK25" s="197">
        <v>25</v>
      </c>
      <c r="AL25" s="197">
        <v>33</v>
      </c>
      <c r="AM25" s="197">
        <v>37</v>
      </c>
      <c r="AN25" s="195">
        <v>20</v>
      </c>
      <c r="AO25" s="198">
        <v>124</v>
      </c>
      <c r="AP25" s="202">
        <v>124</v>
      </c>
      <c r="AQ25" s="201">
        <v>0</v>
      </c>
      <c r="AR25" s="195">
        <v>0</v>
      </c>
      <c r="AS25" s="198">
        <v>0</v>
      </c>
      <c r="AT25" s="196">
        <v>9</v>
      </c>
      <c r="AU25" s="197">
        <v>25</v>
      </c>
      <c r="AV25" s="197">
        <v>33</v>
      </c>
      <c r="AW25" s="197">
        <v>36</v>
      </c>
      <c r="AX25" s="195">
        <v>20</v>
      </c>
      <c r="AY25" s="198">
        <v>123</v>
      </c>
      <c r="AZ25" s="199">
        <v>123</v>
      </c>
      <c r="BA25" s="194">
        <v>0</v>
      </c>
      <c r="BB25" s="195">
        <v>0</v>
      </c>
      <c r="BC25" s="195">
        <v>0</v>
      </c>
      <c r="BD25" s="196">
        <v>0</v>
      </c>
      <c r="BE25" s="197">
        <v>0</v>
      </c>
      <c r="BF25" s="197">
        <v>0</v>
      </c>
      <c r="BG25" s="197">
        <v>1</v>
      </c>
      <c r="BH25" s="195">
        <v>0</v>
      </c>
      <c r="BI25" s="198">
        <v>1</v>
      </c>
      <c r="BJ25" s="200">
        <v>1</v>
      </c>
      <c r="BK25" s="201">
        <v>0</v>
      </c>
      <c r="BL25" s="195">
        <v>0</v>
      </c>
      <c r="BM25" s="195">
        <v>0</v>
      </c>
      <c r="BN25" s="196">
        <v>0</v>
      </c>
      <c r="BO25" s="197">
        <v>0</v>
      </c>
      <c r="BP25" s="197">
        <v>0</v>
      </c>
      <c r="BQ25" s="197">
        <v>0</v>
      </c>
      <c r="BR25" s="195">
        <v>4</v>
      </c>
      <c r="BS25" s="198">
        <v>4</v>
      </c>
      <c r="BT25" s="199">
        <v>4</v>
      </c>
      <c r="BU25" s="194">
        <v>0</v>
      </c>
      <c r="BV25" s="195">
        <v>0</v>
      </c>
      <c r="BW25" s="195">
        <v>0</v>
      </c>
      <c r="BX25" s="196">
        <v>0</v>
      </c>
      <c r="BY25" s="197">
        <v>0</v>
      </c>
      <c r="BZ25" s="197">
        <v>0</v>
      </c>
      <c r="CA25" s="197">
        <v>0</v>
      </c>
      <c r="CB25" s="195">
        <v>4</v>
      </c>
      <c r="CC25" s="198">
        <v>4</v>
      </c>
      <c r="CD25" s="200">
        <v>4</v>
      </c>
      <c r="CE25" s="201">
        <v>0</v>
      </c>
      <c r="CF25" s="195">
        <v>0</v>
      </c>
      <c r="CG25" s="195">
        <v>0</v>
      </c>
      <c r="CH25" s="196">
        <v>0</v>
      </c>
      <c r="CI25" s="197">
        <v>0</v>
      </c>
      <c r="CJ25" s="197">
        <v>0</v>
      </c>
      <c r="CK25" s="197">
        <v>0</v>
      </c>
      <c r="CL25" s="195">
        <v>0</v>
      </c>
      <c r="CM25" s="198">
        <v>0</v>
      </c>
      <c r="CN25" s="200">
        <v>0</v>
      </c>
      <c r="CO25" s="201">
        <v>0</v>
      </c>
      <c r="CP25" s="195">
        <v>0</v>
      </c>
      <c r="CQ25" s="195">
        <v>0</v>
      </c>
      <c r="CR25" s="196">
        <v>0</v>
      </c>
      <c r="CS25" s="197">
        <v>0</v>
      </c>
      <c r="CT25" s="197">
        <v>0</v>
      </c>
      <c r="CU25" s="197">
        <v>3</v>
      </c>
      <c r="CV25" s="195">
        <v>3</v>
      </c>
      <c r="CW25" s="198">
        <v>6</v>
      </c>
      <c r="CX25" s="199">
        <v>6</v>
      </c>
      <c r="CY25" s="194">
        <v>0</v>
      </c>
      <c r="CZ25" s="195">
        <v>0</v>
      </c>
      <c r="DA25" s="195">
        <v>0</v>
      </c>
      <c r="DB25" s="196">
        <v>0</v>
      </c>
      <c r="DC25" s="197">
        <v>0</v>
      </c>
      <c r="DD25" s="197">
        <v>0</v>
      </c>
      <c r="DE25" s="197">
        <v>3</v>
      </c>
      <c r="DF25" s="195">
        <v>3</v>
      </c>
      <c r="DG25" s="198">
        <v>6</v>
      </c>
      <c r="DH25" s="200">
        <v>6</v>
      </c>
      <c r="DI25" s="201">
        <v>0</v>
      </c>
      <c r="DJ25" s="195">
        <v>0</v>
      </c>
      <c r="DK25" s="195">
        <v>0</v>
      </c>
      <c r="DL25" s="196">
        <v>0</v>
      </c>
      <c r="DM25" s="197">
        <v>0</v>
      </c>
      <c r="DN25" s="197">
        <v>0</v>
      </c>
      <c r="DO25" s="197">
        <v>0</v>
      </c>
      <c r="DP25" s="195">
        <v>0</v>
      </c>
      <c r="DQ25" s="198">
        <v>0</v>
      </c>
      <c r="DR25" s="200">
        <v>0</v>
      </c>
      <c r="DS25" s="201">
        <v>0</v>
      </c>
      <c r="DT25" s="195">
        <v>0</v>
      </c>
      <c r="DU25" s="195">
        <v>0</v>
      </c>
      <c r="DV25" s="196">
        <v>11</v>
      </c>
      <c r="DW25" s="197">
        <v>27</v>
      </c>
      <c r="DX25" s="197">
        <v>81</v>
      </c>
      <c r="DY25" s="197">
        <v>99</v>
      </c>
      <c r="DZ25" s="195">
        <v>60</v>
      </c>
      <c r="EA25" s="198">
        <v>278</v>
      </c>
      <c r="EB25" s="200">
        <v>278</v>
      </c>
      <c r="EC25" s="37"/>
    </row>
    <row r="26" spans="2:133" ht="20.25" customHeight="1" x14ac:dyDescent="0.2">
      <c r="B26" s="62" t="s">
        <v>23</v>
      </c>
      <c r="C26" s="194">
        <v>0</v>
      </c>
      <c r="D26" s="195">
        <v>0</v>
      </c>
      <c r="E26" s="195">
        <v>0</v>
      </c>
      <c r="F26" s="196">
        <v>3</v>
      </c>
      <c r="G26" s="197">
        <v>14</v>
      </c>
      <c r="H26" s="197">
        <v>80</v>
      </c>
      <c r="I26" s="197">
        <v>131</v>
      </c>
      <c r="J26" s="195">
        <v>105</v>
      </c>
      <c r="K26" s="198">
        <v>333</v>
      </c>
      <c r="L26" s="199">
        <v>333</v>
      </c>
      <c r="M26" s="194">
        <v>0</v>
      </c>
      <c r="N26" s="195">
        <v>0</v>
      </c>
      <c r="O26" s="198">
        <v>0</v>
      </c>
      <c r="P26" s="196">
        <v>3</v>
      </c>
      <c r="Q26" s="197">
        <v>14</v>
      </c>
      <c r="R26" s="197">
        <v>80</v>
      </c>
      <c r="S26" s="197">
        <v>130</v>
      </c>
      <c r="T26" s="195">
        <v>104</v>
      </c>
      <c r="U26" s="198">
        <v>331</v>
      </c>
      <c r="V26" s="200">
        <v>331</v>
      </c>
      <c r="W26" s="201">
        <v>0</v>
      </c>
      <c r="X26" s="195">
        <v>0</v>
      </c>
      <c r="Y26" s="198">
        <v>0</v>
      </c>
      <c r="Z26" s="201">
        <v>0</v>
      </c>
      <c r="AA26" s="197">
        <v>0</v>
      </c>
      <c r="AB26" s="197">
        <v>0</v>
      </c>
      <c r="AC26" s="197">
        <v>1</v>
      </c>
      <c r="AD26" s="195">
        <v>1</v>
      </c>
      <c r="AE26" s="198">
        <v>2</v>
      </c>
      <c r="AF26" s="202">
        <v>2</v>
      </c>
      <c r="AG26" s="201">
        <v>0</v>
      </c>
      <c r="AH26" s="195">
        <v>0</v>
      </c>
      <c r="AI26" s="198">
        <v>0</v>
      </c>
      <c r="AJ26" s="201">
        <v>16</v>
      </c>
      <c r="AK26" s="197">
        <v>32</v>
      </c>
      <c r="AL26" s="197">
        <v>37</v>
      </c>
      <c r="AM26" s="197">
        <v>53</v>
      </c>
      <c r="AN26" s="195">
        <v>30</v>
      </c>
      <c r="AO26" s="198">
        <v>168</v>
      </c>
      <c r="AP26" s="202">
        <v>168</v>
      </c>
      <c r="AQ26" s="201">
        <v>0</v>
      </c>
      <c r="AR26" s="195">
        <v>0</v>
      </c>
      <c r="AS26" s="198">
        <v>0</v>
      </c>
      <c r="AT26" s="196">
        <v>15</v>
      </c>
      <c r="AU26" s="197">
        <v>32</v>
      </c>
      <c r="AV26" s="197">
        <v>37</v>
      </c>
      <c r="AW26" s="197">
        <v>53</v>
      </c>
      <c r="AX26" s="195">
        <v>28</v>
      </c>
      <c r="AY26" s="198">
        <v>165</v>
      </c>
      <c r="AZ26" s="199">
        <v>165</v>
      </c>
      <c r="BA26" s="194">
        <v>0</v>
      </c>
      <c r="BB26" s="195">
        <v>0</v>
      </c>
      <c r="BC26" s="195">
        <v>0</v>
      </c>
      <c r="BD26" s="196">
        <v>1</v>
      </c>
      <c r="BE26" s="197">
        <v>0</v>
      </c>
      <c r="BF26" s="197">
        <v>0</v>
      </c>
      <c r="BG26" s="197">
        <v>0</v>
      </c>
      <c r="BH26" s="195">
        <v>2</v>
      </c>
      <c r="BI26" s="198">
        <v>3</v>
      </c>
      <c r="BJ26" s="200">
        <v>3</v>
      </c>
      <c r="BK26" s="201">
        <v>0</v>
      </c>
      <c r="BL26" s="195">
        <v>0</v>
      </c>
      <c r="BM26" s="195">
        <v>0</v>
      </c>
      <c r="BN26" s="196">
        <v>0</v>
      </c>
      <c r="BO26" s="197">
        <v>0</v>
      </c>
      <c r="BP26" s="197">
        <v>0</v>
      </c>
      <c r="BQ26" s="197">
        <v>2</v>
      </c>
      <c r="BR26" s="195">
        <v>1</v>
      </c>
      <c r="BS26" s="198">
        <v>3</v>
      </c>
      <c r="BT26" s="199">
        <v>3</v>
      </c>
      <c r="BU26" s="194">
        <v>0</v>
      </c>
      <c r="BV26" s="195">
        <v>0</v>
      </c>
      <c r="BW26" s="195">
        <v>0</v>
      </c>
      <c r="BX26" s="196">
        <v>0</v>
      </c>
      <c r="BY26" s="197">
        <v>0</v>
      </c>
      <c r="BZ26" s="197">
        <v>0</v>
      </c>
      <c r="CA26" s="197">
        <v>2</v>
      </c>
      <c r="CB26" s="195">
        <v>1</v>
      </c>
      <c r="CC26" s="198">
        <v>3</v>
      </c>
      <c r="CD26" s="200">
        <v>3</v>
      </c>
      <c r="CE26" s="201">
        <v>0</v>
      </c>
      <c r="CF26" s="195">
        <v>0</v>
      </c>
      <c r="CG26" s="195">
        <v>0</v>
      </c>
      <c r="CH26" s="196">
        <v>0</v>
      </c>
      <c r="CI26" s="197">
        <v>0</v>
      </c>
      <c r="CJ26" s="197">
        <v>0</v>
      </c>
      <c r="CK26" s="197">
        <v>0</v>
      </c>
      <c r="CL26" s="195">
        <v>0</v>
      </c>
      <c r="CM26" s="198">
        <v>0</v>
      </c>
      <c r="CN26" s="200">
        <v>0</v>
      </c>
      <c r="CO26" s="201">
        <v>0</v>
      </c>
      <c r="CP26" s="195">
        <v>0</v>
      </c>
      <c r="CQ26" s="195">
        <v>0</v>
      </c>
      <c r="CR26" s="196">
        <v>0</v>
      </c>
      <c r="CS26" s="197">
        <v>0</v>
      </c>
      <c r="CT26" s="197">
        <v>1</v>
      </c>
      <c r="CU26" s="197">
        <v>3</v>
      </c>
      <c r="CV26" s="195">
        <v>5</v>
      </c>
      <c r="CW26" s="198">
        <v>9</v>
      </c>
      <c r="CX26" s="199">
        <v>9</v>
      </c>
      <c r="CY26" s="194">
        <v>0</v>
      </c>
      <c r="CZ26" s="195">
        <v>0</v>
      </c>
      <c r="DA26" s="195">
        <v>0</v>
      </c>
      <c r="DB26" s="196">
        <v>0</v>
      </c>
      <c r="DC26" s="197">
        <v>0</v>
      </c>
      <c r="DD26" s="197">
        <v>1</v>
      </c>
      <c r="DE26" s="197">
        <v>3</v>
      </c>
      <c r="DF26" s="195">
        <v>5</v>
      </c>
      <c r="DG26" s="198">
        <v>9</v>
      </c>
      <c r="DH26" s="200">
        <v>9</v>
      </c>
      <c r="DI26" s="201">
        <v>0</v>
      </c>
      <c r="DJ26" s="195">
        <v>0</v>
      </c>
      <c r="DK26" s="195">
        <v>0</v>
      </c>
      <c r="DL26" s="196">
        <v>0</v>
      </c>
      <c r="DM26" s="197">
        <v>0</v>
      </c>
      <c r="DN26" s="197">
        <v>0</v>
      </c>
      <c r="DO26" s="197">
        <v>0</v>
      </c>
      <c r="DP26" s="195">
        <v>0</v>
      </c>
      <c r="DQ26" s="198">
        <v>0</v>
      </c>
      <c r="DR26" s="200">
        <v>0</v>
      </c>
      <c r="DS26" s="201">
        <v>0</v>
      </c>
      <c r="DT26" s="195">
        <v>0</v>
      </c>
      <c r="DU26" s="195">
        <v>0</v>
      </c>
      <c r="DV26" s="196">
        <v>19</v>
      </c>
      <c r="DW26" s="197">
        <v>46</v>
      </c>
      <c r="DX26" s="197">
        <v>118</v>
      </c>
      <c r="DY26" s="197">
        <v>189</v>
      </c>
      <c r="DZ26" s="195">
        <v>141</v>
      </c>
      <c r="EA26" s="198">
        <v>513</v>
      </c>
      <c r="EB26" s="200">
        <v>513</v>
      </c>
      <c r="EC26" s="37"/>
    </row>
    <row r="27" spans="2:133" ht="20.25" customHeight="1" x14ac:dyDescent="0.2">
      <c r="B27" s="62" t="s">
        <v>24</v>
      </c>
      <c r="C27" s="194">
        <v>0</v>
      </c>
      <c r="D27" s="195">
        <v>0</v>
      </c>
      <c r="E27" s="195">
        <v>0</v>
      </c>
      <c r="F27" s="196">
        <v>0</v>
      </c>
      <c r="G27" s="197">
        <v>0</v>
      </c>
      <c r="H27" s="197">
        <v>34</v>
      </c>
      <c r="I27" s="197">
        <v>77</v>
      </c>
      <c r="J27" s="195">
        <v>60</v>
      </c>
      <c r="K27" s="198">
        <v>171</v>
      </c>
      <c r="L27" s="199">
        <v>171</v>
      </c>
      <c r="M27" s="194">
        <v>0</v>
      </c>
      <c r="N27" s="195">
        <v>0</v>
      </c>
      <c r="O27" s="198">
        <v>0</v>
      </c>
      <c r="P27" s="196">
        <v>0</v>
      </c>
      <c r="Q27" s="197">
        <v>0</v>
      </c>
      <c r="R27" s="197">
        <v>34</v>
      </c>
      <c r="S27" s="197">
        <v>77</v>
      </c>
      <c r="T27" s="195">
        <v>60</v>
      </c>
      <c r="U27" s="198">
        <v>171</v>
      </c>
      <c r="V27" s="200">
        <v>171</v>
      </c>
      <c r="W27" s="201">
        <v>0</v>
      </c>
      <c r="X27" s="195">
        <v>0</v>
      </c>
      <c r="Y27" s="198">
        <v>0</v>
      </c>
      <c r="Z27" s="201">
        <v>0</v>
      </c>
      <c r="AA27" s="197">
        <v>0</v>
      </c>
      <c r="AB27" s="197">
        <v>0</v>
      </c>
      <c r="AC27" s="197">
        <v>0</v>
      </c>
      <c r="AD27" s="195">
        <v>0</v>
      </c>
      <c r="AE27" s="198">
        <v>0</v>
      </c>
      <c r="AF27" s="202">
        <v>0</v>
      </c>
      <c r="AG27" s="201">
        <v>0</v>
      </c>
      <c r="AH27" s="195">
        <v>0</v>
      </c>
      <c r="AI27" s="198">
        <v>0</v>
      </c>
      <c r="AJ27" s="201">
        <v>10</v>
      </c>
      <c r="AK27" s="197">
        <v>15</v>
      </c>
      <c r="AL27" s="197">
        <v>20</v>
      </c>
      <c r="AM27" s="197">
        <v>36</v>
      </c>
      <c r="AN27" s="195">
        <v>6</v>
      </c>
      <c r="AO27" s="198">
        <v>87</v>
      </c>
      <c r="AP27" s="202">
        <v>87</v>
      </c>
      <c r="AQ27" s="201">
        <v>0</v>
      </c>
      <c r="AR27" s="195">
        <v>0</v>
      </c>
      <c r="AS27" s="198">
        <v>0</v>
      </c>
      <c r="AT27" s="196">
        <v>10</v>
      </c>
      <c r="AU27" s="197">
        <v>15</v>
      </c>
      <c r="AV27" s="197">
        <v>20</v>
      </c>
      <c r="AW27" s="197">
        <v>35</v>
      </c>
      <c r="AX27" s="195">
        <v>6</v>
      </c>
      <c r="AY27" s="198">
        <v>86</v>
      </c>
      <c r="AZ27" s="199">
        <v>86</v>
      </c>
      <c r="BA27" s="194">
        <v>0</v>
      </c>
      <c r="BB27" s="195">
        <v>0</v>
      </c>
      <c r="BC27" s="195">
        <v>0</v>
      </c>
      <c r="BD27" s="196">
        <v>0</v>
      </c>
      <c r="BE27" s="197">
        <v>0</v>
      </c>
      <c r="BF27" s="197">
        <v>0</v>
      </c>
      <c r="BG27" s="197">
        <v>1</v>
      </c>
      <c r="BH27" s="195">
        <v>0</v>
      </c>
      <c r="BI27" s="198">
        <v>1</v>
      </c>
      <c r="BJ27" s="200">
        <v>1</v>
      </c>
      <c r="BK27" s="201">
        <v>0</v>
      </c>
      <c r="BL27" s="195">
        <v>0</v>
      </c>
      <c r="BM27" s="195">
        <v>0</v>
      </c>
      <c r="BN27" s="196">
        <v>0</v>
      </c>
      <c r="BO27" s="197">
        <v>0</v>
      </c>
      <c r="BP27" s="197">
        <v>0</v>
      </c>
      <c r="BQ27" s="197">
        <v>0</v>
      </c>
      <c r="BR27" s="195">
        <v>0</v>
      </c>
      <c r="BS27" s="198">
        <v>0</v>
      </c>
      <c r="BT27" s="199">
        <v>0</v>
      </c>
      <c r="BU27" s="194">
        <v>0</v>
      </c>
      <c r="BV27" s="195">
        <v>0</v>
      </c>
      <c r="BW27" s="195">
        <v>0</v>
      </c>
      <c r="BX27" s="196">
        <v>0</v>
      </c>
      <c r="BY27" s="197">
        <v>0</v>
      </c>
      <c r="BZ27" s="197">
        <v>0</v>
      </c>
      <c r="CA27" s="197">
        <v>0</v>
      </c>
      <c r="CB27" s="195">
        <v>0</v>
      </c>
      <c r="CC27" s="198">
        <v>0</v>
      </c>
      <c r="CD27" s="200">
        <v>0</v>
      </c>
      <c r="CE27" s="201">
        <v>0</v>
      </c>
      <c r="CF27" s="195">
        <v>0</v>
      </c>
      <c r="CG27" s="195">
        <v>0</v>
      </c>
      <c r="CH27" s="196">
        <v>0</v>
      </c>
      <c r="CI27" s="197">
        <v>0</v>
      </c>
      <c r="CJ27" s="197">
        <v>0</v>
      </c>
      <c r="CK27" s="197">
        <v>0</v>
      </c>
      <c r="CL27" s="195">
        <v>0</v>
      </c>
      <c r="CM27" s="198">
        <v>0</v>
      </c>
      <c r="CN27" s="200">
        <v>0</v>
      </c>
      <c r="CO27" s="201">
        <v>0</v>
      </c>
      <c r="CP27" s="195">
        <v>0</v>
      </c>
      <c r="CQ27" s="195">
        <v>0</v>
      </c>
      <c r="CR27" s="196">
        <v>0</v>
      </c>
      <c r="CS27" s="197">
        <v>0</v>
      </c>
      <c r="CT27" s="197">
        <v>0</v>
      </c>
      <c r="CU27" s="197">
        <v>0</v>
      </c>
      <c r="CV27" s="195">
        <v>0</v>
      </c>
      <c r="CW27" s="198">
        <v>0</v>
      </c>
      <c r="CX27" s="199">
        <v>0</v>
      </c>
      <c r="CY27" s="194">
        <v>0</v>
      </c>
      <c r="CZ27" s="195">
        <v>0</v>
      </c>
      <c r="DA27" s="195">
        <v>0</v>
      </c>
      <c r="DB27" s="196">
        <v>0</v>
      </c>
      <c r="DC27" s="197">
        <v>0</v>
      </c>
      <c r="DD27" s="197">
        <v>0</v>
      </c>
      <c r="DE27" s="197">
        <v>0</v>
      </c>
      <c r="DF27" s="195">
        <v>0</v>
      </c>
      <c r="DG27" s="198">
        <v>0</v>
      </c>
      <c r="DH27" s="200">
        <v>0</v>
      </c>
      <c r="DI27" s="201">
        <v>0</v>
      </c>
      <c r="DJ27" s="195">
        <v>0</v>
      </c>
      <c r="DK27" s="195">
        <v>0</v>
      </c>
      <c r="DL27" s="196">
        <v>0</v>
      </c>
      <c r="DM27" s="197">
        <v>0</v>
      </c>
      <c r="DN27" s="197">
        <v>0</v>
      </c>
      <c r="DO27" s="197">
        <v>0</v>
      </c>
      <c r="DP27" s="195">
        <v>0</v>
      </c>
      <c r="DQ27" s="198">
        <v>0</v>
      </c>
      <c r="DR27" s="200">
        <v>0</v>
      </c>
      <c r="DS27" s="201">
        <v>0</v>
      </c>
      <c r="DT27" s="195">
        <v>0</v>
      </c>
      <c r="DU27" s="195">
        <v>0</v>
      </c>
      <c r="DV27" s="196">
        <v>10</v>
      </c>
      <c r="DW27" s="197">
        <v>15</v>
      </c>
      <c r="DX27" s="197">
        <v>53</v>
      </c>
      <c r="DY27" s="197">
        <v>113</v>
      </c>
      <c r="DZ27" s="195">
        <v>66</v>
      </c>
      <c r="EA27" s="198">
        <v>257</v>
      </c>
      <c r="EB27" s="200">
        <v>257</v>
      </c>
      <c r="EC27" s="37"/>
    </row>
    <row r="28" spans="2:133" ht="20.25" customHeight="1" x14ac:dyDescent="0.2">
      <c r="B28" s="62" t="s">
        <v>25</v>
      </c>
      <c r="C28" s="194">
        <v>0</v>
      </c>
      <c r="D28" s="195">
        <v>0</v>
      </c>
      <c r="E28" s="195">
        <v>0</v>
      </c>
      <c r="F28" s="196">
        <v>3</v>
      </c>
      <c r="G28" s="197">
        <v>8</v>
      </c>
      <c r="H28" s="197">
        <v>62</v>
      </c>
      <c r="I28" s="197">
        <v>76</v>
      </c>
      <c r="J28" s="195">
        <v>57</v>
      </c>
      <c r="K28" s="198">
        <v>206</v>
      </c>
      <c r="L28" s="199">
        <v>206</v>
      </c>
      <c r="M28" s="194">
        <v>0</v>
      </c>
      <c r="N28" s="195">
        <v>0</v>
      </c>
      <c r="O28" s="198">
        <v>0</v>
      </c>
      <c r="P28" s="196">
        <v>3</v>
      </c>
      <c r="Q28" s="197">
        <v>8</v>
      </c>
      <c r="R28" s="197">
        <v>62</v>
      </c>
      <c r="S28" s="197">
        <v>75</v>
      </c>
      <c r="T28" s="195">
        <v>53</v>
      </c>
      <c r="U28" s="198">
        <v>201</v>
      </c>
      <c r="V28" s="200">
        <v>201</v>
      </c>
      <c r="W28" s="201">
        <v>0</v>
      </c>
      <c r="X28" s="195">
        <v>0</v>
      </c>
      <c r="Y28" s="198">
        <v>0</v>
      </c>
      <c r="Z28" s="201">
        <v>0</v>
      </c>
      <c r="AA28" s="197">
        <v>0</v>
      </c>
      <c r="AB28" s="197">
        <v>0</v>
      </c>
      <c r="AC28" s="197">
        <v>1</v>
      </c>
      <c r="AD28" s="195">
        <v>4</v>
      </c>
      <c r="AE28" s="198">
        <v>5</v>
      </c>
      <c r="AF28" s="202">
        <v>5</v>
      </c>
      <c r="AG28" s="201">
        <v>0</v>
      </c>
      <c r="AH28" s="195">
        <v>0</v>
      </c>
      <c r="AI28" s="198">
        <v>0</v>
      </c>
      <c r="AJ28" s="201">
        <v>9</v>
      </c>
      <c r="AK28" s="197">
        <v>20</v>
      </c>
      <c r="AL28" s="197">
        <v>25</v>
      </c>
      <c r="AM28" s="197">
        <v>45</v>
      </c>
      <c r="AN28" s="195">
        <v>19</v>
      </c>
      <c r="AO28" s="198">
        <v>118</v>
      </c>
      <c r="AP28" s="202">
        <v>118</v>
      </c>
      <c r="AQ28" s="201">
        <v>0</v>
      </c>
      <c r="AR28" s="195">
        <v>0</v>
      </c>
      <c r="AS28" s="198">
        <v>0</v>
      </c>
      <c r="AT28" s="196">
        <v>9</v>
      </c>
      <c r="AU28" s="197">
        <v>20</v>
      </c>
      <c r="AV28" s="197">
        <v>25</v>
      </c>
      <c r="AW28" s="197">
        <v>44</v>
      </c>
      <c r="AX28" s="195">
        <v>19</v>
      </c>
      <c r="AY28" s="198">
        <v>117</v>
      </c>
      <c r="AZ28" s="199">
        <v>117</v>
      </c>
      <c r="BA28" s="194">
        <v>0</v>
      </c>
      <c r="BB28" s="195">
        <v>0</v>
      </c>
      <c r="BC28" s="195">
        <v>0</v>
      </c>
      <c r="BD28" s="196">
        <v>0</v>
      </c>
      <c r="BE28" s="197">
        <v>0</v>
      </c>
      <c r="BF28" s="197">
        <v>0</v>
      </c>
      <c r="BG28" s="197">
        <v>1</v>
      </c>
      <c r="BH28" s="195">
        <v>0</v>
      </c>
      <c r="BI28" s="198">
        <v>1</v>
      </c>
      <c r="BJ28" s="200">
        <v>1</v>
      </c>
      <c r="BK28" s="201">
        <v>0</v>
      </c>
      <c r="BL28" s="195">
        <v>0</v>
      </c>
      <c r="BM28" s="195">
        <v>0</v>
      </c>
      <c r="BN28" s="196">
        <v>0</v>
      </c>
      <c r="BO28" s="197">
        <v>0</v>
      </c>
      <c r="BP28" s="197">
        <v>0</v>
      </c>
      <c r="BQ28" s="197">
        <v>0</v>
      </c>
      <c r="BR28" s="195">
        <v>0</v>
      </c>
      <c r="BS28" s="198">
        <v>0</v>
      </c>
      <c r="BT28" s="199">
        <v>0</v>
      </c>
      <c r="BU28" s="194">
        <v>0</v>
      </c>
      <c r="BV28" s="195">
        <v>0</v>
      </c>
      <c r="BW28" s="195">
        <v>0</v>
      </c>
      <c r="BX28" s="196">
        <v>0</v>
      </c>
      <c r="BY28" s="197">
        <v>0</v>
      </c>
      <c r="BZ28" s="197">
        <v>0</v>
      </c>
      <c r="CA28" s="197">
        <v>0</v>
      </c>
      <c r="CB28" s="195">
        <v>0</v>
      </c>
      <c r="CC28" s="198">
        <v>0</v>
      </c>
      <c r="CD28" s="200">
        <v>0</v>
      </c>
      <c r="CE28" s="201">
        <v>0</v>
      </c>
      <c r="CF28" s="195">
        <v>0</v>
      </c>
      <c r="CG28" s="195">
        <v>0</v>
      </c>
      <c r="CH28" s="196">
        <v>0</v>
      </c>
      <c r="CI28" s="197">
        <v>0</v>
      </c>
      <c r="CJ28" s="197">
        <v>0</v>
      </c>
      <c r="CK28" s="197">
        <v>0</v>
      </c>
      <c r="CL28" s="195">
        <v>0</v>
      </c>
      <c r="CM28" s="198">
        <v>0</v>
      </c>
      <c r="CN28" s="200">
        <v>0</v>
      </c>
      <c r="CO28" s="201">
        <v>0</v>
      </c>
      <c r="CP28" s="195">
        <v>0</v>
      </c>
      <c r="CQ28" s="195">
        <v>0</v>
      </c>
      <c r="CR28" s="196">
        <v>0</v>
      </c>
      <c r="CS28" s="197">
        <v>0</v>
      </c>
      <c r="CT28" s="197">
        <v>0</v>
      </c>
      <c r="CU28" s="197">
        <v>1</v>
      </c>
      <c r="CV28" s="195">
        <v>1</v>
      </c>
      <c r="CW28" s="198">
        <v>2</v>
      </c>
      <c r="CX28" s="199">
        <v>2</v>
      </c>
      <c r="CY28" s="194">
        <v>0</v>
      </c>
      <c r="CZ28" s="195">
        <v>0</v>
      </c>
      <c r="DA28" s="195">
        <v>0</v>
      </c>
      <c r="DB28" s="196">
        <v>0</v>
      </c>
      <c r="DC28" s="197">
        <v>0</v>
      </c>
      <c r="DD28" s="197">
        <v>0</v>
      </c>
      <c r="DE28" s="197">
        <v>1</v>
      </c>
      <c r="DF28" s="195">
        <v>1</v>
      </c>
      <c r="DG28" s="198">
        <v>2</v>
      </c>
      <c r="DH28" s="200">
        <v>2</v>
      </c>
      <c r="DI28" s="201">
        <v>0</v>
      </c>
      <c r="DJ28" s="195">
        <v>0</v>
      </c>
      <c r="DK28" s="195">
        <v>0</v>
      </c>
      <c r="DL28" s="196">
        <v>0</v>
      </c>
      <c r="DM28" s="197">
        <v>0</v>
      </c>
      <c r="DN28" s="197">
        <v>0</v>
      </c>
      <c r="DO28" s="197">
        <v>0</v>
      </c>
      <c r="DP28" s="195">
        <v>0</v>
      </c>
      <c r="DQ28" s="198">
        <v>0</v>
      </c>
      <c r="DR28" s="200">
        <v>0</v>
      </c>
      <c r="DS28" s="201">
        <v>0</v>
      </c>
      <c r="DT28" s="195">
        <v>0</v>
      </c>
      <c r="DU28" s="195">
        <v>0</v>
      </c>
      <c r="DV28" s="196">
        <v>12</v>
      </c>
      <c r="DW28" s="197">
        <v>28</v>
      </c>
      <c r="DX28" s="197">
        <v>86</v>
      </c>
      <c r="DY28" s="197">
        <v>120</v>
      </c>
      <c r="DZ28" s="195">
        <v>77</v>
      </c>
      <c r="EA28" s="198">
        <v>323</v>
      </c>
      <c r="EB28" s="200">
        <v>323</v>
      </c>
      <c r="EC28" s="37"/>
    </row>
    <row r="29" spans="2:133" ht="20.25" customHeight="1" x14ac:dyDescent="0.2">
      <c r="B29" s="62" t="s">
        <v>26</v>
      </c>
      <c r="C29" s="194">
        <v>0</v>
      </c>
      <c r="D29" s="195">
        <v>0</v>
      </c>
      <c r="E29" s="195">
        <v>0</v>
      </c>
      <c r="F29" s="196">
        <v>0</v>
      </c>
      <c r="G29" s="197">
        <v>8</v>
      </c>
      <c r="H29" s="197">
        <v>33</v>
      </c>
      <c r="I29" s="197">
        <v>77</v>
      </c>
      <c r="J29" s="195">
        <v>48</v>
      </c>
      <c r="K29" s="198">
        <v>166</v>
      </c>
      <c r="L29" s="199">
        <v>166</v>
      </c>
      <c r="M29" s="194">
        <v>0</v>
      </c>
      <c r="N29" s="195">
        <v>0</v>
      </c>
      <c r="O29" s="198">
        <v>0</v>
      </c>
      <c r="P29" s="196">
        <v>0</v>
      </c>
      <c r="Q29" s="197">
        <v>8</v>
      </c>
      <c r="R29" s="197">
        <v>32</v>
      </c>
      <c r="S29" s="197">
        <v>76</v>
      </c>
      <c r="T29" s="195">
        <v>48</v>
      </c>
      <c r="U29" s="198">
        <v>164</v>
      </c>
      <c r="V29" s="200">
        <v>164</v>
      </c>
      <c r="W29" s="201">
        <v>0</v>
      </c>
      <c r="X29" s="195">
        <v>0</v>
      </c>
      <c r="Y29" s="198">
        <v>0</v>
      </c>
      <c r="Z29" s="201">
        <v>0</v>
      </c>
      <c r="AA29" s="197">
        <v>0</v>
      </c>
      <c r="AB29" s="197">
        <v>1</v>
      </c>
      <c r="AC29" s="197">
        <v>1</v>
      </c>
      <c r="AD29" s="195">
        <v>0</v>
      </c>
      <c r="AE29" s="198">
        <v>2</v>
      </c>
      <c r="AF29" s="202">
        <v>2</v>
      </c>
      <c r="AG29" s="201">
        <v>0</v>
      </c>
      <c r="AH29" s="195">
        <v>0</v>
      </c>
      <c r="AI29" s="198">
        <v>0</v>
      </c>
      <c r="AJ29" s="201">
        <v>10</v>
      </c>
      <c r="AK29" s="197">
        <v>21</v>
      </c>
      <c r="AL29" s="197">
        <v>19</v>
      </c>
      <c r="AM29" s="197">
        <v>21</v>
      </c>
      <c r="AN29" s="195">
        <v>12</v>
      </c>
      <c r="AO29" s="198">
        <v>83</v>
      </c>
      <c r="AP29" s="202">
        <v>83</v>
      </c>
      <c r="AQ29" s="201">
        <v>0</v>
      </c>
      <c r="AR29" s="195">
        <v>0</v>
      </c>
      <c r="AS29" s="198">
        <v>0</v>
      </c>
      <c r="AT29" s="196">
        <v>10</v>
      </c>
      <c r="AU29" s="197">
        <v>21</v>
      </c>
      <c r="AV29" s="197">
        <v>19</v>
      </c>
      <c r="AW29" s="197">
        <v>20</v>
      </c>
      <c r="AX29" s="195">
        <v>12</v>
      </c>
      <c r="AY29" s="198">
        <v>82</v>
      </c>
      <c r="AZ29" s="199">
        <v>82</v>
      </c>
      <c r="BA29" s="194">
        <v>0</v>
      </c>
      <c r="BB29" s="195">
        <v>0</v>
      </c>
      <c r="BC29" s="195">
        <v>0</v>
      </c>
      <c r="BD29" s="196">
        <v>0</v>
      </c>
      <c r="BE29" s="197">
        <v>0</v>
      </c>
      <c r="BF29" s="197">
        <v>0</v>
      </c>
      <c r="BG29" s="197">
        <v>1</v>
      </c>
      <c r="BH29" s="195">
        <v>0</v>
      </c>
      <c r="BI29" s="198">
        <v>1</v>
      </c>
      <c r="BJ29" s="200">
        <v>1</v>
      </c>
      <c r="BK29" s="201">
        <v>0</v>
      </c>
      <c r="BL29" s="195">
        <v>0</v>
      </c>
      <c r="BM29" s="195">
        <v>0</v>
      </c>
      <c r="BN29" s="196">
        <v>0</v>
      </c>
      <c r="BO29" s="197">
        <v>0</v>
      </c>
      <c r="BP29" s="197">
        <v>0</v>
      </c>
      <c r="BQ29" s="197">
        <v>0</v>
      </c>
      <c r="BR29" s="195">
        <v>0</v>
      </c>
      <c r="BS29" s="198">
        <v>0</v>
      </c>
      <c r="BT29" s="199">
        <v>0</v>
      </c>
      <c r="BU29" s="194">
        <v>0</v>
      </c>
      <c r="BV29" s="195">
        <v>0</v>
      </c>
      <c r="BW29" s="195">
        <v>0</v>
      </c>
      <c r="BX29" s="196">
        <v>0</v>
      </c>
      <c r="BY29" s="197">
        <v>0</v>
      </c>
      <c r="BZ29" s="197">
        <v>0</v>
      </c>
      <c r="CA29" s="197">
        <v>0</v>
      </c>
      <c r="CB29" s="195">
        <v>0</v>
      </c>
      <c r="CC29" s="198">
        <v>0</v>
      </c>
      <c r="CD29" s="200">
        <v>0</v>
      </c>
      <c r="CE29" s="201">
        <v>0</v>
      </c>
      <c r="CF29" s="195">
        <v>0</v>
      </c>
      <c r="CG29" s="195">
        <v>0</v>
      </c>
      <c r="CH29" s="196">
        <v>0</v>
      </c>
      <c r="CI29" s="197">
        <v>0</v>
      </c>
      <c r="CJ29" s="197">
        <v>0</v>
      </c>
      <c r="CK29" s="197">
        <v>0</v>
      </c>
      <c r="CL29" s="195">
        <v>0</v>
      </c>
      <c r="CM29" s="198">
        <v>0</v>
      </c>
      <c r="CN29" s="200">
        <v>0</v>
      </c>
      <c r="CO29" s="201">
        <v>0</v>
      </c>
      <c r="CP29" s="195">
        <v>0</v>
      </c>
      <c r="CQ29" s="195">
        <v>0</v>
      </c>
      <c r="CR29" s="196">
        <v>0</v>
      </c>
      <c r="CS29" s="197">
        <v>0</v>
      </c>
      <c r="CT29" s="197">
        <v>0</v>
      </c>
      <c r="CU29" s="197">
        <v>1</v>
      </c>
      <c r="CV29" s="195">
        <v>2</v>
      </c>
      <c r="CW29" s="198">
        <v>3</v>
      </c>
      <c r="CX29" s="199">
        <v>3</v>
      </c>
      <c r="CY29" s="194">
        <v>0</v>
      </c>
      <c r="CZ29" s="195">
        <v>0</v>
      </c>
      <c r="DA29" s="195">
        <v>0</v>
      </c>
      <c r="DB29" s="196">
        <v>0</v>
      </c>
      <c r="DC29" s="197">
        <v>0</v>
      </c>
      <c r="DD29" s="197">
        <v>0</v>
      </c>
      <c r="DE29" s="197">
        <v>1</v>
      </c>
      <c r="DF29" s="195">
        <v>2</v>
      </c>
      <c r="DG29" s="198">
        <v>3</v>
      </c>
      <c r="DH29" s="200">
        <v>3</v>
      </c>
      <c r="DI29" s="201">
        <v>0</v>
      </c>
      <c r="DJ29" s="195">
        <v>0</v>
      </c>
      <c r="DK29" s="195">
        <v>0</v>
      </c>
      <c r="DL29" s="196">
        <v>0</v>
      </c>
      <c r="DM29" s="197">
        <v>0</v>
      </c>
      <c r="DN29" s="197">
        <v>0</v>
      </c>
      <c r="DO29" s="197">
        <v>0</v>
      </c>
      <c r="DP29" s="195">
        <v>0</v>
      </c>
      <c r="DQ29" s="198">
        <v>0</v>
      </c>
      <c r="DR29" s="200">
        <v>0</v>
      </c>
      <c r="DS29" s="201">
        <v>0</v>
      </c>
      <c r="DT29" s="195">
        <v>0</v>
      </c>
      <c r="DU29" s="195">
        <v>0</v>
      </c>
      <c r="DV29" s="196">
        <v>10</v>
      </c>
      <c r="DW29" s="197">
        <v>29</v>
      </c>
      <c r="DX29" s="197">
        <v>52</v>
      </c>
      <c r="DY29" s="197">
        <v>99</v>
      </c>
      <c r="DZ29" s="195">
        <v>62</v>
      </c>
      <c r="EA29" s="198">
        <v>252</v>
      </c>
      <c r="EB29" s="200">
        <v>252</v>
      </c>
      <c r="EC29" s="37"/>
    </row>
    <row r="30" spans="2:133" ht="20.25" customHeight="1" x14ac:dyDescent="0.2">
      <c r="B30" s="62" t="s">
        <v>27</v>
      </c>
      <c r="C30" s="194">
        <v>0</v>
      </c>
      <c r="D30" s="195">
        <v>0</v>
      </c>
      <c r="E30" s="195">
        <v>0</v>
      </c>
      <c r="F30" s="196">
        <v>2</v>
      </c>
      <c r="G30" s="197">
        <v>2</v>
      </c>
      <c r="H30" s="197">
        <v>37</v>
      </c>
      <c r="I30" s="197">
        <v>52</v>
      </c>
      <c r="J30" s="195">
        <v>44</v>
      </c>
      <c r="K30" s="198">
        <v>137</v>
      </c>
      <c r="L30" s="199">
        <v>137</v>
      </c>
      <c r="M30" s="194">
        <v>0</v>
      </c>
      <c r="N30" s="195">
        <v>0</v>
      </c>
      <c r="O30" s="198">
        <v>0</v>
      </c>
      <c r="P30" s="196">
        <v>2</v>
      </c>
      <c r="Q30" s="197">
        <v>2</v>
      </c>
      <c r="R30" s="197">
        <v>35</v>
      </c>
      <c r="S30" s="197">
        <v>52</v>
      </c>
      <c r="T30" s="195">
        <v>44</v>
      </c>
      <c r="U30" s="198">
        <v>135</v>
      </c>
      <c r="V30" s="200">
        <v>135</v>
      </c>
      <c r="W30" s="201">
        <v>0</v>
      </c>
      <c r="X30" s="195">
        <v>0</v>
      </c>
      <c r="Y30" s="198">
        <v>0</v>
      </c>
      <c r="Z30" s="201">
        <v>0</v>
      </c>
      <c r="AA30" s="197">
        <v>0</v>
      </c>
      <c r="AB30" s="197">
        <v>2</v>
      </c>
      <c r="AC30" s="197">
        <v>0</v>
      </c>
      <c r="AD30" s="195">
        <v>0</v>
      </c>
      <c r="AE30" s="198">
        <v>2</v>
      </c>
      <c r="AF30" s="202">
        <v>2</v>
      </c>
      <c r="AG30" s="201">
        <v>0</v>
      </c>
      <c r="AH30" s="195">
        <v>0</v>
      </c>
      <c r="AI30" s="198">
        <v>0</v>
      </c>
      <c r="AJ30" s="201">
        <v>8</v>
      </c>
      <c r="AK30" s="197">
        <v>15</v>
      </c>
      <c r="AL30" s="197">
        <v>27</v>
      </c>
      <c r="AM30" s="197">
        <v>21</v>
      </c>
      <c r="AN30" s="195">
        <v>10</v>
      </c>
      <c r="AO30" s="198">
        <v>81</v>
      </c>
      <c r="AP30" s="202">
        <v>81</v>
      </c>
      <c r="AQ30" s="201">
        <v>0</v>
      </c>
      <c r="AR30" s="195">
        <v>0</v>
      </c>
      <c r="AS30" s="198">
        <v>0</v>
      </c>
      <c r="AT30" s="196">
        <v>8</v>
      </c>
      <c r="AU30" s="197">
        <v>14</v>
      </c>
      <c r="AV30" s="197">
        <v>26</v>
      </c>
      <c r="AW30" s="197">
        <v>21</v>
      </c>
      <c r="AX30" s="195">
        <v>10</v>
      </c>
      <c r="AY30" s="198">
        <v>79</v>
      </c>
      <c r="AZ30" s="199">
        <v>79</v>
      </c>
      <c r="BA30" s="194">
        <v>0</v>
      </c>
      <c r="BB30" s="195">
        <v>0</v>
      </c>
      <c r="BC30" s="195">
        <v>0</v>
      </c>
      <c r="BD30" s="196">
        <v>0</v>
      </c>
      <c r="BE30" s="197">
        <v>1</v>
      </c>
      <c r="BF30" s="197">
        <v>1</v>
      </c>
      <c r="BG30" s="197">
        <v>0</v>
      </c>
      <c r="BH30" s="195">
        <v>0</v>
      </c>
      <c r="BI30" s="198">
        <v>2</v>
      </c>
      <c r="BJ30" s="200">
        <v>2</v>
      </c>
      <c r="BK30" s="201">
        <v>0</v>
      </c>
      <c r="BL30" s="195">
        <v>0</v>
      </c>
      <c r="BM30" s="195">
        <v>0</v>
      </c>
      <c r="BN30" s="196">
        <v>0</v>
      </c>
      <c r="BO30" s="197">
        <v>0</v>
      </c>
      <c r="BP30" s="197">
        <v>0</v>
      </c>
      <c r="BQ30" s="197">
        <v>0</v>
      </c>
      <c r="BR30" s="195">
        <v>0</v>
      </c>
      <c r="BS30" s="198">
        <v>0</v>
      </c>
      <c r="BT30" s="199">
        <v>0</v>
      </c>
      <c r="BU30" s="194">
        <v>0</v>
      </c>
      <c r="BV30" s="195">
        <v>0</v>
      </c>
      <c r="BW30" s="195">
        <v>0</v>
      </c>
      <c r="BX30" s="196">
        <v>0</v>
      </c>
      <c r="BY30" s="197">
        <v>0</v>
      </c>
      <c r="BZ30" s="197">
        <v>0</v>
      </c>
      <c r="CA30" s="197">
        <v>0</v>
      </c>
      <c r="CB30" s="195">
        <v>0</v>
      </c>
      <c r="CC30" s="198">
        <v>0</v>
      </c>
      <c r="CD30" s="200">
        <v>0</v>
      </c>
      <c r="CE30" s="201">
        <v>0</v>
      </c>
      <c r="CF30" s="195">
        <v>0</v>
      </c>
      <c r="CG30" s="195">
        <v>0</v>
      </c>
      <c r="CH30" s="196">
        <v>0</v>
      </c>
      <c r="CI30" s="197">
        <v>0</v>
      </c>
      <c r="CJ30" s="197">
        <v>0</v>
      </c>
      <c r="CK30" s="197">
        <v>0</v>
      </c>
      <c r="CL30" s="195">
        <v>0</v>
      </c>
      <c r="CM30" s="198">
        <v>0</v>
      </c>
      <c r="CN30" s="200">
        <v>0</v>
      </c>
      <c r="CO30" s="201">
        <v>0</v>
      </c>
      <c r="CP30" s="195">
        <v>0</v>
      </c>
      <c r="CQ30" s="195">
        <v>0</v>
      </c>
      <c r="CR30" s="196">
        <v>0</v>
      </c>
      <c r="CS30" s="197">
        <v>0</v>
      </c>
      <c r="CT30" s="197">
        <v>0</v>
      </c>
      <c r="CU30" s="197">
        <v>4</v>
      </c>
      <c r="CV30" s="195">
        <v>1</v>
      </c>
      <c r="CW30" s="198">
        <v>5</v>
      </c>
      <c r="CX30" s="199">
        <v>5</v>
      </c>
      <c r="CY30" s="194">
        <v>0</v>
      </c>
      <c r="CZ30" s="195">
        <v>0</v>
      </c>
      <c r="DA30" s="195">
        <v>0</v>
      </c>
      <c r="DB30" s="196">
        <v>0</v>
      </c>
      <c r="DC30" s="197">
        <v>0</v>
      </c>
      <c r="DD30" s="197">
        <v>0</v>
      </c>
      <c r="DE30" s="197">
        <v>4</v>
      </c>
      <c r="DF30" s="195">
        <v>0</v>
      </c>
      <c r="DG30" s="198">
        <v>4</v>
      </c>
      <c r="DH30" s="200">
        <v>4</v>
      </c>
      <c r="DI30" s="201">
        <v>0</v>
      </c>
      <c r="DJ30" s="195">
        <v>0</v>
      </c>
      <c r="DK30" s="195">
        <v>0</v>
      </c>
      <c r="DL30" s="196">
        <v>0</v>
      </c>
      <c r="DM30" s="197">
        <v>0</v>
      </c>
      <c r="DN30" s="197">
        <v>0</v>
      </c>
      <c r="DO30" s="197">
        <v>0</v>
      </c>
      <c r="DP30" s="195">
        <v>1</v>
      </c>
      <c r="DQ30" s="198">
        <v>1</v>
      </c>
      <c r="DR30" s="200">
        <v>1</v>
      </c>
      <c r="DS30" s="201">
        <v>0</v>
      </c>
      <c r="DT30" s="195">
        <v>0</v>
      </c>
      <c r="DU30" s="195">
        <v>0</v>
      </c>
      <c r="DV30" s="196">
        <v>10</v>
      </c>
      <c r="DW30" s="197">
        <v>17</v>
      </c>
      <c r="DX30" s="197">
        <v>64</v>
      </c>
      <c r="DY30" s="197">
        <v>77</v>
      </c>
      <c r="DZ30" s="195">
        <v>55</v>
      </c>
      <c r="EA30" s="198">
        <v>223</v>
      </c>
      <c r="EB30" s="200">
        <v>223</v>
      </c>
      <c r="EC30" s="37"/>
    </row>
    <row r="31" spans="2:133" ht="20.25" customHeight="1" x14ac:dyDescent="0.2">
      <c r="B31" s="62" t="s">
        <v>28</v>
      </c>
      <c r="C31" s="194">
        <v>0</v>
      </c>
      <c r="D31" s="195">
        <v>0</v>
      </c>
      <c r="E31" s="195">
        <v>0</v>
      </c>
      <c r="F31" s="196">
        <v>0</v>
      </c>
      <c r="G31" s="197">
        <v>1</v>
      </c>
      <c r="H31" s="197">
        <v>14</v>
      </c>
      <c r="I31" s="197">
        <v>19</v>
      </c>
      <c r="J31" s="195">
        <v>11</v>
      </c>
      <c r="K31" s="198">
        <v>45</v>
      </c>
      <c r="L31" s="199">
        <v>45</v>
      </c>
      <c r="M31" s="194">
        <v>0</v>
      </c>
      <c r="N31" s="195">
        <v>0</v>
      </c>
      <c r="O31" s="198">
        <v>0</v>
      </c>
      <c r="P31" s="196">
        <v>0</v>
      </c>
      <c r="Q31" s="197">
        <v>1</v>
      </c>
      <c r="R31" s="197">
        <v>14</v>
      </c>
      <c r="S31" s="197">
        <v>19</v>
      </c>
      <c r="T31" s="195">
        <v>11</v>
      </c>
      <c r="U31" s="198">
        <v>45</v>
      </c>
      <c r="V31" s="200">
        <v>45</v>
      </c>
      <c r="W31" s="201">
        <v>0</v>
      </c>
      <c r="X31" s="195">
        <v>0</v>
      </c>
      <c r="Y31" s="198">
        <v>0</v>
      </c>
      <c r="Z31" s="201">
        <v>0</v>
      </c>
      <c r="AA31" s="197">
        <v>0</v>
      </c>
      <c r="AB31" s="197">
        <v>0</v>
      </c>
      <c r="AC31" s="197">
        <v>0</v>
      </c>
      <c r="AD31" s="195">
        <v>0</v>
      </c>
      <c r="AE31" s="198">
        <v>0</v>
      </c>
      <c r="AF31" s="202">
        <v>0</v>
      </c>
      <c r="AG31" s="201">
        <v>0</v>
      </c>
      <c r="AH31" s="195">
        <v>0</v>
      </c>
      <c r="AI31" s="198">
        <v>0</v>
      </c>
      <c r="AJ31" s="201">
        <v>1</v>
      </c>
      <c r="AK31" s="197">
        <v>8</v>
      </c>
      <c r="AL31" s="197">
        <v>10</v>
      </c>
      <c r="AM31" s="197">
        <v>14</v>
      </c>
      <c r="AN31" s="195">
        <v>4</v>
      </c>
      <c r="AO31" s="198">
        <v>37</v>
      </c>
      <c r="AP31" s="202">
        <v>37</v>
      </c>
      <c r="AQ31" s="201">
        <v>0</v>
      </c>
      <c r="AR31" s="195">
        <v>0</v>
      </c>
      <c r="AS31" s="198">
        <v>0</v>
      </c>
      <c r="AT31" s="196">
        <v>1</v>
      </c>
      <c r="AU31" s="197">
        <v>8</v>
      </c>
      <c r="AV31" s="197">
        <v>10</v>
      </c>
      <c r="AW31" s="197">
        <v>14</v>
      </c>
      <c r="AX31" s="195">
        <v>3</v>
      </c>
      <c r="AY31" s="198">
        <v>36</v>
      </c>
      <c r="AZ31" s="199">
        <v>36</v>
      </c>
      <c r="BA31" s="194">
        <v>0</v>
      </c>
      <c r="BB31" s="195">
        <v>0</v>
      </c>
      <c r="BC31" s="195">
        <v>0</v>
      </c>
      <c r="BD31" s="196">
        <v>0</v>
      </c>
      <c r="BE31" s="197">
        <v>0</v>
      </c>
      <c r="BF31" s="197">
        <v>0</v>
      </c>
      <c r="BG31" s="197">
        <v>0</v>
      </c>
      <c r="BH31" s="195">
        <v>1</v>
      </c>
      <c r="BI31" s="198">
        <v>1</v>
      </c>
      <c r="BJ31" s="200">
        <v>1</v>
      </c>
      <c r="BK31" s="201">
        <v>0</v>
      </c>
      <c r="BL31" s="195">
        <v>0</v>
      </c>
      <c r="BM31" s="195">
        <v>0</v>
      </c>
      <c r="BN31" s="196">
        <v>0</v>
      </c>
      <c r="BO31" s="197">
        <v>0</v>
      </c>
      <c r="BP31" s="197">
        <v>0</v>
      </c>
      <c r="BQ31" s="197">
        <v>0</v>
      </c>
      <c r="BR31" s="195">
        <v>0</v>
      </c>
      <c r="BS31" s="198">
        <v>0</v>
      </c>
      <c r="BT31" s="199">
        <v>0</v>
      </c>
      <c r="BU31" s="194">
        <v>0</v>
      </c>
      <c r="BV31" s="195">
        <v>0</v>
      </c>
      <c r="BW31" s="195">
        <v>0</v>
      </c>
      <c r="BX31" s="196">
        <v>0</v>
      </c>
      <c r="BY31" s="197">
        <v>0</v>
      </c>
      <c r="BZ31" s="197">
        <v>0</v>
      </c>
      <c r="CA31" s="197">
        <v>0</v>
      </c>
      <c r="CB31" s="195">
        <v>0</v>
      </c>
      <c r="CC31" s="198">
        <v>0</v>
      </c>
      <c r="CD31" s="200">
        <v>0</v>
      </c>
      <c r="CE31" s="201">
        <v>0</v>
      </c>
      <c r="CF31" s="195">
        <v>0</v>
      </c>
      <c r="CG31" s="195">
        <v>0</v>
      </c>
      <c r="CH31" s="196">
        <v>0</v>
      </c>
      <c r="CI31" s="197">
        <v>0</v>
      </c>
      <c r="CJ31" s="197">
        <v>0</v>
      </c>
      <c r="CK31" s="197">
        <v>0</v>
      </c>
      <c r="CL31" s="195">
        <v>0</v>
      </c>
      <c r="CM31" s="198">
        <v>0</v>
      </c>
      <c r="CN31" s="200">
        <v>0</v>
      </c>
      <c r="CO31" s="201">
        <v>0</v>
      </c>
      <c r="CP31" s="195">
        <v>0</v>
      </c>
      <c r="CQ31" s="195">
        <v>0</v>
      </c>
      <c r="CR31" s="196">
        <v>0</v>
      </c>
      <c r="CS31" s="197">
        <v>0</v>
      </c>
      <c r="CT31" s="197">
        <v>0</v>
      </c>
      <c r="CU31" s="197">
        <v>0</v>
      </c>
      <c r="CV31" s="195">
        <v>0</v>
      </c>
      <c r="CW31" s="198">
        <v>0</v>
      </c>
      <c r="CX31" s="199">
        <v>0</v>
      </c>
      <c r="CY31" s="194">
        <v>0</v>
      </c>
      <c r="CZ31" s="195">
        <v>0</v>
      </c>
      <c r="DA31" s="195">
        <v>0</v>
      </c>
      <c r="DB31" s="196">
        <v>0</v>
      </c>
      <c r="DC31" s="197">
        <v>0</v>
      </c>
      <c r="DD31" s="197">
        <v>0</v>
      </c>
      <c r="DE31" s="197">
        <v>0</v>
      </c>
      <c r="DF31" s="195">
        <v>0</v>
      </c>
      <c r="DG31" s="198">
        <v>0</v>
      </c>
      <c r="DH31" s="200">
        <v>0</v>
      </c>
      <c r="DI31" s="201">
        <v>0</v>
      </c>
      <c r="DJ31" s="195">
        <v>0</v>
      </c>
      <c r="DK31" s="195">
        <v>0</v>
      </c>
      <c r="DL31" s="196">
        <v>0</v>
      </c>
      <c r="DM31" s="197">
        <v>0</v>
      </c>
      <c r="DN31" s="197">
        <v>0</v>
      </c>
      <c r="DO31" s="197">
        <v>0</v>
      </c>
      <c r="DP31" s="195">
        <v>0</v>
      </c>
      <c r="DQ31" s="198">
        <v>0</v>
      </c>
      <c r="DR31" s="200">
        <v>0</v>
      </c>
      <c r="DS31" s="201">
        <v>0</v>
      </c>
      <c r="DT31" s="195">
        <v>0</v>
      </c>
      <c r="DU31" s="195">
        <v>0</v>
      </c>
      <c r="DV31" s="196">
        <v>1</v>
      </c>
      <c r="DW31" s="197">
        <v>9</v>
      </c>
      <c r="DX31" s="197">
        <v>24</v>
      </c>
      <c r="DY31" s="197">
        <v>32</v>
      </c>
      <c r="DZ31" s="195">
        <v>15</v>
      </c>
      <c r="EA31" s="198">
        <v>81</v>
      </c>
      <c r="EB31" s="200">
        <v>81</v>
      </c>
      <c r="EC31" s="37"/>
    </row>
    <row r="32" spans="2:133" ht="20.25" customHeight="1" x14ac:dyDescent="0.2">
      <c r="B32" s="62" t="s">
        <v>29</v>
      </c>
      <c r="C32" s="194">
        <v>0</v>
      </c>
      <c r="D32" s="195">
        <v>0</v>
      </c>
      <c r="E32" s="195">
        <v>0</v>
      </c>
      <c r="F32" s="196">
        <v>0</v>
      </c>
      <c r="G32" s="197">
        <v>3</v>
      </c>
      <c r="H32" s="197">
        <v>16</v>
      </c>
      <c r="I32" s="197">
        <v>35</v>
      </c>
      <c r="J32" s="195">
        <v>19</v>
      </c>
      <c r="K32" s="198">
        <v>73</v>
      </c>
      <c r="L32" s="199">
        <v>73</v>
      </c>
      <c r="M32" s="194">
        <v>0</v>
      </c>
      <c r="N32" s="195">
        <v>0</v>
      </c>
      <c r="O32" s="198">
        <v>0</v>
      </c>
      <c r="P32" s="196">
        <v>0</v>
      </c>
      <c r="Q32" s="197">
        <v>3</v>
      </c>
      <c r="R32" s="197">
        <v>16</v>
      </c>
      <c r="S32" s="197">
        <v>35</v>
      </c>
      <c r="T32" s="195">
        <v>19</v>
      </c>
      <c r="U32" s="198">
        <v>73</v>
      </c>
      <c r="V32" s="200">
        <v>73</v>
      </c>
      <c r="W32" s="201">
        <v>0</v>
      </c>
      <c r="X32" s="195">
        <v>0</v>
      </c>
      <c r="Y32" s="198">
        <v>0</v>
      </c>
      <c r="Z32" s="201">
        <v>0</v>
      </c>
      <c r="AA32" s="197">
        <v>0</v>
      </c>
      <c r="AB32" s="197">
        <v>0</v>
      </c>
      <c r="AC32" s="197">
        <v>0</v>
      </c>
      <c r="AD32" s="195">
        <v>0</v>
      </c>
      <c r="AE32" s="198">
        <v>0</v>
      </c>
      <c r="AF32" s="202">
        <v>0</v>
      </c>
      <c r="AG32" s="201">
        <v>0</v>
      </c>
      <c r="AH32" s="195">
        <v>0</v>
      </c>
      <c r="AI32" s="198">
        <v>0</v>
      </c>
      <c r="AJ32" s="201">
        <v>4</v>
      </c>
      <c r="AK32" s="197">
        <v>8</v>
      </c>
      <c r="AL32" s="197">
        <v>7</v>
      </c>
      <c r="AM32" s="197">
        <v>13</v>
      </c>
      <c r="AN32" s="195">
        <v>10</v>
      </c>
      <c r="AO32" s="198">
        <v>42</v>
      </c>
      <c r="AP32" s="202">
        <v>42</v>
      </c>
      <c r="AQ32" s="201">
        <v>0</v>
      </c>
      <c r="AR32" s="195">
        <v>0</v>
      </c>
      <c r="AS32" s="198">
        <v>0</v>
      </c>
      <c r="AT32" s="196">
        <v>4</v>
      </c>
      <c r="AU32" s="197">
        <v>7</v>
      </c>
      <c r="AV32" s="197">
        <v>7</v>
      </c>
      <c r="AW32" s="197">
        <v>13</v>
      </c>
      <c r="AX32" s="195">
        <v>9</v>
      </c>
      <c r="AY32" s="198">
        <v>40</v>
      </c>
      <c r="AZ32" s="199">
        <v>40</v>
      </c>
      <c r="BA32" s="194">
        <v>0</v>
      </c>
      <c r="BB32" s="195">
        <v>0</v>
      </c>
      <c r="BC32" s="195">
        <v>0</v>
      </c>
      <c r="BD32" s="196">
        <v>0</v>
      </c>
      <c r="BE32" s="197">
        <v>1</v>
      </c>
      <c r="BF32" s="197">
        <v>0</v>
      </c>
      <c r="BG32" s="197">
        <v>0</v>
      </c>
      <c r="BH32" s="195">
        <v>1</v>
      </c>
      <c r="BI32" s="198">
        <v>2</v>
      </c>
      <c r="BJ32" s="200">
        <v>2</v>
      </c>
      <c r="BK32" s="201">
        <v>0</v>
      </c>
      <c r="BL32" s="195">
        <v>0</v>
      </c>
      <c r="BM32" s="195">
        <v>0</v>
      </c>
      <c r="BN32" s="196">
        <v>0</v>
      </c>
      <c r="BO32" s="197">
        <v>0</v>
      </c>
      <c r="BP32" s="197">
        <v>0</v>
      </c>
      <c r="BQ32" s="197">
        <v>0</v>
      </c>
      <c r="BR32" s="195">
        <v>1</v>
      </c>
      <c r="BS32" s="198">
        <v>1</v>
      </c>
      <c r="BT32" s="199">
        <v>1</v>
      </c>
      <c r="BU32" s="194">
        <v>0</v>
      </c>
      <c r="BV32" s="195">
        <v>0</v>
      </c>
      <c r="BW32" s="195">
        <v>0</v>
      </c>
      <c r="BX32" s="196">
        <v>0</v>
      </c>
      <c r="BY32" s="197">
        <v>0</v>
      </c>
      <c r="BZ32" s="197">
        <v>0</v>
      </c>
      <c r="CA32" s="197">
        <v>0</v>
      </c>
      <c r="CB32" s="195">
        <v>1</v>
      </c>
      <c r="CC32" s="198">
        <v>1</v>
      </c>
      <c r="CD32" s="200">
        <v>1</v>
      </c>
      <c r="CE32" s="201">
        <v>0</v>
      </c>
      <c r="CF32" s="195">
        <v>0</v>
      </c>
      <c r="CG32" s="195">
        <v>0</v>
      </c>
      <c r="CH32" s="196">
        <v>0</v>
      </c>
      <c r="CI32" s="197">
        <v>0</v>
      </c>
      <c r="CJ32" s="197">
        <v>0</v>
      </c>
      <c r="CK32" s="197">
        <v>0</v>
      </c>
      <c r="CL32" s="195">
        <v>0</v>
      </c>
      <c r="CM32" s="198">
        <v>0</v>
      </c>
      <c r="CN32" s="200">
        <v>0</v>
      </c>
      <c r="CO32" s="201">
        <v>0</v>
      </c>
      <c r="CP32" s="195">
        <v>0</v>
      </c>
      <c r="CQ32" s="195">
        <v>0</v>
      </c>
      <c r="CR32" s="196">
        <v>0</v>
      </c>
      <c r="CS32" s="197">
        <v>0</v>
      </c>
      <c r="CT32" s="197">
        <v>0</v>
      </c>
      <c r="CU32" s="197">
        <v>1</v>
      </c>
      <c r="CV32" s="195">
        <v>0</v>
      </c>
      <c r="CW32" s="198">
        <v>1</v>
      </c>
      <c r="CX32" s="199">
        <v>1</v>
      </c>
      <c r="CY32" s="194">
        <v>0</v>
      </c>
      <c r="CZ32" s="195">
        <v>0</v>
      </c>
      <c r="DA32" s="195">
        <v>0</v>
      </c>
      <c r="DB32" s="196">
        <v>0</v>
      </c>
      <c r="DC32" s="197">
        <v>0</v>
      </c>
      <c r="DD32" s="197">
        <v>0</v>
      </c>
      <c r="DE32" s="197">
        <v>1</v>
      </c>
      <c r="DF32" s="195">
        <v>0</v>
      </c>
      <c r="DG32" s="198">
        <v>1</v>
      </c>
      <c r="DH32" s="200">
        <v>1</v>
      </c>
      <c r="DI32" s="201">
        <v>0</v>
      </c>
      <c r="DJ32" s="195">
        <v>0</v>
      </c>
      <c r="DK32" s="195">
        <v>0</v>
      </c>
      <c r="DL32" s="196">
        <v>0</v>
      </c>
      <c r="DM32" s="197">
        <v>0</v>
      </c>
      <c r="DN32" s="197">
        <v>0</v>
      </c>
      <c r="DO32" s="197">
        <v>0</v>
      </c>
      <c r="DP32" s="195">
        <v>0</v>
      </c>
      <c r="DQ32" s="198">
        <v>0</v>
      </c>
      <c r="DR32" s="200">
        <v>0</v>
      </c>
      <c r="DS32" s="201">
        <v>0</v>
      </c>
      <c r="DT32" s="195">
        <v>0</v>
      </c>
      <c r="DU32" s="195">
        <v>0</v>
      </c>
      <c r="DV32" s="196">
        <v>4</v>
      </c>
      <c r="DW32" s="197">
        <v>11</v>
      </c>
      <c r="DX32" s="197">
        <v>23</v>
      </c>
      <c r="DY32" s="197">
        <v>48</v>
      </c>
      <c r="DZ32" s="195">
        <v>30</v>
      </c>
      <c r="EA32" s="198">
        <v>116</v>
      </c>
      <c r="EB32" s="200">
        <v>116</v>
      </c>
      <c r="EC32" s="37"/>
    </row>
    <row r="33" spans="2:133" ht="20.25" customHeight="1" x14ac:dyDescent="0.2">
      <c r="B33" s="62" t="s">
        <v>30</v>
      </c>
      <c r="C33" s="194">
        <v>0</v>
      </c>
      <c r="D33" s="195">
        <v>0</v>
      </c>
      <c r="E33" s="195">
        <v>0</v>
      </c>
      <c r="F33" s="196">
        <v>1</v>
      </c>
      <c r="G33" s="197">
        <v>1</v>
      </c>
      <c r="H33" s="197">
        <v>22</v>
      </c>
      <c r="I33" s="197">
        <v>21</v>
      </c>
      <c r="J33" s="195">
        <v>18</v>
      </c>
      <c r="K33" s="198">
        <v>63</v>
      </c>
      <c r="L33" s="199">
        <v>63</v>
      </c>
      <c r="M33" s="194">
        <v>0</v>
      </c>
      <c r="N33" s="195">
        <v>0</v>
      </c>
      <c r="O33" s="198">
        <v>0</v>
      </c>
      <c r="P33" s="196">
        <v>1</v>
      </c>
      <c r="Q33" s="197">
        <v>1</v>
      </c>
      <c r="R33" s="197">
        <v>22</v>
      </c>
      <c r="S33" s="197">
        <v>21</v>
      </c>
      <c r="T33" s="195">
        <v>18</v>
      </c>
      <c r="U33" s="198">
        <v>63</v>
      </c>
      <c r="V33" s="200">
        <v>63</v>
      </c>
      <c r="W33" s="201">
        <v>0</v>
      </c>
      <c r="X33" s="195">
        <v>0</v>
      </c>
      <c r="Y33" s="198">
        <v>0</v>
      </c>
      <c r="Z33" s="201">
        <v>0</v>
      </c>
      <c r="AA33" s="197">
        <v>0</v>
      </c>
      <c r="AB33" s="197">
        <v>0</v>
      </c>
      <c r="AC33" s="197">
        <v>0</v>
      </c>
      <c r="AD33" s="195">
        <v>0</v>
      </c>
      <c r="AE33" s="198">
        <v>0</v>
      </c>
      <c r="AF33" s="202">
        <v>0</v>
      </c>
      <c r="AG33" s="201">
        <v>0</v>
      </c>
      <c r="AH33" s="195">
        <v>0</v>
      </c>
      <c r="AI33" s="198">
        <v>0</v>
      </c>
      <c r="AJ33" s="201">
        <v>6</v>
      </c>
      <c r="AK33" s="197">
        <v>3</v>
      </c>
      <c r="AL33" s="197">
        <v>14</v>
      </c>
      <c r="AM33" s="197">
        <v>20</v>
      </c>
      <c r="AN33" s="195">
        <v>5</v>
      </c>
      <c r="AO33" s="198">
        <v>48</v>
      </c>
      <c r="AP33" s="202">
        <v>48</v>
      </c>
      <c r="AQ33" s="201">
        <v>0</v>
      </c>
      <c r="AR33" s="195">
        <v>0</v>
      </c>
      <c r="AS33" s="198">
        <v>0</v>
      </c>
      <c r="AT33" s="196">
        <v>6</v>
      </c>
      <c r="AU33" s="197">
        <v>3</v>
      </c>
      <c r="AV33" s="197">
        <v>13</v>
      </c>
      <c r="AW33" s="197">
        <v>20</v>
      </c>
      <c r="AX33" s="195">
        <v>5</v>
      </c>
      <c r="AY33" s="198">
        <v>47</v>
      </c>
      <c r="AZ33" s="199">
        <v>47</v>
      </c>
      <c r="BA33" s="194">
        <v>0</v>
      </c>
      <c r="BB33" s="195">
        <v>0</v>
      </c>
      <c r="BC33" s="195">
        <v>0</v>
      </c>
      <c r="BD33" s="196">
        <v>0</v>
      </c>
      <c r="BE33" s="197">
        <v>0</v>
      </c>
      <c r="BF33" s="197">
        <v>1</v>
      </c>
      <c r="BG33" s="197">
        <v>0</v>
      </c>
      <c r="BH33" s="195">
        <v>0</v>
      </c>
      <c r="BI33" s="198">
        <v>1</v>
      </c>
      <c r="BJ33" s="200">
        <v>1</v>
      </c>
      <c r="BK33" s="201">
        <v>0</v>
      </c>
      <c r="BL33" s="195">
        <v>0</v>
      </c>
      <c r="BM33" s="195">
        <v>0</v>
      </c>
      <c r="BN33" s="196">
        <v>0</v>
      </c>
      <c r="BO33" s="197">
        <v>0</v>
      </c>
      <c r="BP33" s="197">
        <v>0</v>
      </c>
      <c r="BQ33" s="197">
        <v>0</v>
      </c>
      <c r="BR33" s="195">
        <v>0</v>
      </c>
      <c r="BS33" s="198">
        <v>0</v>
      </c>
      <c r="BT33" s="199">
        <v>0</v>
      </c>
      <c r="BU33" s="194">
        <v>0</v>
      </c>
      <c r="BV33" s="195">
        <v>0</v>
      </c>
      <c r="BW33" s="195">
        <v>0</v>
      </c>
      <c r="BX33" s="196">
        <v>0</v>
      </c>
      <c r="BY33" s="197">
        <v>0</v>
      </c>
      <c r="BZ33" s="197">
        <v>0</v>
      </c>
      <c r="CA33" s="197">
        <v>0</v>
      </c>
      <c r="CB33" s="195">
        <v>0</v>
      </c>
      <c r="CC33" s="198">
        <v>0</v>
      </c>
      <c r="CD33" s="200">
        <v>0</v>
      </c>
      <c r="CE33" s="201">
        <v>0</v>
      </c>
      <c r="CF33" s="195">
        <v>0</v>
      </c>
      <c r="CG33" s="195">
        <v>0</v>
      </c>
      <c r="CH33" s="196">
        <v>0</v>
      </c>
      <c r="CI33" s="197">
        <v>0</v>
      </c>
      <c r="CJ33" s="197">
        <v>0</v>
      </c>
      <c r="CK33" s="197">
        <v>0</v>
      </c>
      <c r="CL33" s="195">
        <v>0</v>
      </c>
      <c r="CM33" s="198">
        <v>0</v>
      </c>
      <c r="CN33" s="200">
        <v>0</v>
      </c>
      <c r="CO33" s="201">
        <v>0</v>
      </c>
      <c r="CP33" s="195">
        <v>0</v>
      </c>
      <c r="CQ33" s="195">
        <v>0</v>
      </c>
      <c r="CR33" s="196">
        <v>0</v>
      </c>
      <c r="CS33" s="197">
        <v>1</v>
      </c>
      <c r="CT33" s="197">
        <v>0</v>
      </c>
      <c r="CU33" s="197">
        <v>0</v>
      </c>
      <c r="CV33" s="195">
        <v>3</v>
      </c>
      <c r="CW33" s="198">
        <v>4</v>
      </c>
      <c r="CX33" s="199">
        <v>4</v>
      </c>
      <c r="CY33" s="194">
        <v>0</v>
      </c>
      <c r="CZ33" s="195">
        <v>0</v>
      </c>
      <c r="DA33" s="195">
        <v>0</v>
      </c>
      <c r="DB33" s="196">
        <v>0</v>
      </c>
      <c r="DC33" s="197">
        <v>1</v>
      </c>
      <c r="DD33" s="197">
        <v>0</v>
      </c>
      <c r="DE33" s="197">
        <v>0</v>
      </c>
      <c r="DF33" s="195">
        <v>2</v>
      </c>
      <c r="DG33" s="198">
        <v>3</v>
      </c>
      <c r="DH33" s="200">
        <v>3</v>
      </c>
      <c r="DI33" s="201">
        <v>0</v>
      </c>
      <c r="DJ33" s="195">
        <v>0</v>
      </c>
      <c r="DK33" s="195">
        <v>0</v>
      </c>
      <c r="DL33" s="196">
        <v>0</v>
      </c>
      <c r="DM33" s="197">
        <v>0</v>
      </c>
      <c r="DN33" s="197">
        <v>0</v>
      </c>
      <c r="DO33" s="197">
        <v>0</v>
      </c>
      <c r="DP33" s="195">
        <v>1</v>
      </c>
      <c r="DQ33" s="198">
        <v>1</v>
      </c>
      <c r="DR33" s="200">
        <v>1</v>
      </c>
      <c r="DS33" s="201">
        <v>0</v>
      </c>
      <c r="DT33" s="195">
        <v>0</v>
      </c>
      <c r="DU33" s="195">
        <v>0</v>
      </c>
      <c r="DV33" s="196">
        <v>7</v>
      </c>
      <c r="DW33" s="197">
        <v>5</v>
      </c>
      <c r="DX33" s="197">
        <v>36</v>
      </c>
      <c r="DY33" s="197">
        <v>41</v>
      </c>
      <c r="DZ33" s="195">
        <v>26</v>
      </c>
      <c r="EA33" s="198">
        <v>115</v>
      </c>
      <c r="EB33" s="200">
        <v>115</v>
      </c>
      <c r="EC33" s="37"/>
    </row>
    <row r="34" spans="2:133" ht="20.25" customHeight="1" x14ac:dyDescent="0.2">
      <c r="B34" s="62" t="s">
        <v>31</v>
      </c>
      <c r="C34" s="194">
        <v>0</v>
      </c>
      <c r="D34" s="195">
        <v>0</v>
      </c>
      <c r="E34" s="195">
        <v>0</v>
      </c>
      <c r="F34" s="196">
        <v>0</v>
      </c>
      <c r="G34" s="197">
        <v>2</v>
      </c>
      <c r="H34" s="197">
        <v>30</v>
      </c>
      <c r="I34" s="197">
        <v>26</v>
      </c>
      <c r="J34" s="195">
        <v>24</v>
      </c>
      <c r="K34" s="198">
        <v>82</v>
      </c>
      <c r="L34" s="199">
        <v>82</v>
      </c>
      <c r="M34" s="194">
        <v>0</v>
      </c>
      <c r="N34" s="195">
        <v>0</v>
      </c>
      <c r="O34" s="198">
        <v>0</v>
      </c>
      <c r="P34" s="196">
        <v>0</v>
      </c>
      <c r="Q34" s="197">
        <v>2</v>
      </c>
      <c r="R34" s="197">
        <v>29</v>
      </c>
      <c r="S34" s="197">
        <v>26</v>
      </c>
      <c r="T34" s="195">
        <v>24</v>
      </c>
      <c r="U34" s="198">
        <v>81</v>
      </c>
      <c r="V34" s="200">
        <v>81</v>
      </c>
      <c r="W34" s="201">
        <v>0</v>
      </c>
      <c r="X34" s="195">
        <v>0</v>
      </c>
      <c r="Y34" s="198">
        <v>0</v>
      </c>
      <c r="Z34" s="201">
        <v>0</v>
      </c>
      <c r="AA34" s="197">
        <v>0</v>
      </c>
      <c r="AB34" s="197">
        <v>1</v>
      </c>
      <c r="AC34" s="197">
        <v>0</v>
      </c>
      <c r="AD34" s="195">
        <v>0</v>
      </c>
      <c r="AE34" s="198">
        <v>1</v>
      </c>
      <c r="AF34" s="202">
        <v>1</v>
      </c>
      <c r="AG34" s="201">
        <v>0</v>
      </c>
      <c r="AH34" s="195">
        <v>0</v>
      </c>
      <c r="AI34" s="198">
        <v>0</v>
      </c>
      <c r="AJ34" s="201">
        <v>3</v>
      </c>
      <c r="AK34" s="197">
        <v>12</v>
      </c>
      <c r="AL34" s="197">
        <v>10</v>
      </c>
      <c r="AM34" s="197">
        <v>7</v>
      </c>
      <c r="AN34" s="195">
        <v>6</v>
      </c>
      <c r="AO34" s="198">
        <v>38</v>
      </c>
      <c r="AP34" s="202">
        <v>38</v>
      </c>
      <c r="AQ34" s="201">
        <v>0</v>
      </c>
      <c r="AR34" s="195">
        <v>0</v>
      </c>
      <c r="AS34" s="198">
        <v>0</v>
      </c>
      <c r="AT34" s="196">
        <v>3</v>
      </c>
      <c r="AU34" s="197">
        <v>12</v>
      </c>
      <c r="AV34" s="197">
        <v>10</v>
      </c>
      <c r="AW34" s="197">
        <v>7</v>
      </c>
      <c r="AX34" s="195">
        <v>6</v>
      </c>
      <c r="AY34" s="198">
        <v>38</v>
      </c>
      <c r="AZ34" s="199">
        <v>38</v>
      </c>
      <c r="BA34" s="194">
        <v>0</v>
      </c>
      <c r="BB34" s="195">
        <v>0</v>
      </c>
      <c r="BC34" s="195">
        <v>0</v>
      </c>
      <c r="BD34" s="196">
        <v>0</v>
      </c>
      <c r="BE34" s="197">
        <v>0</v>
      </c>
      <c r="BF34" s="197">
        <v>0</v>
      </c>
      <c r="BG34" s="197">
        <v>0</v>
      </c>
      <c r="BH34" s="195">
        <v>0</v>
      </c>
      <c r="BI34" s="198">
        <v>0</v>
      </c>
      <c r="BJ34" s="200">
        <v>0</v>
      </c>
      <c r="BK34" s="201">
        <v>0</v>
      </c>
      <c r="BL34" s="195">
        <v>0</v>
      </c>
      <c r="BM34" s="195">
        <v>0</v>
      </c>
      <c r="BN34" s="196">
        <v>0</v>
      </c>
      <c r="BO34" s="197">
        <v>0</v>
      </c>
      <c r="BP34" s="197">
        <v>0</v>
      </c>
      <c r="BQ34" s="197">
        <v>1</v>
      </c>
      <c r="BR34" s="195">
        <v>0</v>
      </c>
      <c r="BS34" s="198">
        <v>1</v>
      </c>
      <c r="BT34" s="199">
        <v>1</v>
      </c>
      <c r="BU34" s="194">
        <v>0</v>
      </c>
      <c r="BV34" s="195">
        <v>0</v>
      </c>
      <c r="BW34" s="195">
        <v>0</v>
      </c>
      <c r="BX34" s="196">
        <v>0</v>
      </c>
      <c r="BY34" s="197">
        <v>0</v>
      </c>
      <c r="BZ34" s="197">
        <v>0</v>
      </c>
      <c r="CA34" s="197">
        <v>1</v>
      </c>
      <c r="CB34" s="195">
        <v>0</v>
      </c>
      <c r="CC34" s="198">
        <v>1</v>
      </c>
      <c r="CD34" s="200">
        <v>1</v>
      </c>
      <c r="CE34" s="201">
        <v>0</v>
      </c>
      <c r="CF34" s="195">
        <v>0</v>
      </c>
      <c r="CG34" s="195">
        <v>0</v>
      </c>
      <c r="CH34" s="196">
        <v>0</v>
      </c>
      <c r="CI34" s="197">
        <v>0</v>
      </c>
      <c r="CJ34" s="197">
        <v>0</v>
      </c>
      <c r="CK34" s="197">
        <v>0</v>
      </c>
      <c r="CL34" s="195">
        <v>0</v>
      </c>
      <c r="CM34" s="198">
        <v>0</v>
      </c>
      <c r="CN34" s="200">
        <v>0</v>
      </c>
      <c r="CO34" s="201">
        <v>0</v>
      </c>
      <c r="CP34" s="195">
        <v>0</v>
      </c>
      <c r="CQ34" s="195">
        <v>0</v>
      </c>
      <c r="CR34" s="196">
        <v>0</v>
      </c>
      <c r="CS34" s="197">
        <v>0</v>
      </c>
      <c r="CT34" s="197">
        <v>0</v>
      </c>
      <c r="CU34" s="197">
        <v>0</v>
      </c>
      <c r="CV34" s="195">
        <v>1</v>
      </c>
      <c r="CW34" s="198">
        <v>1</v>
      </c>
      <c r="CX34" s="199">
        <v>1</v>
      </c>
      <c r="CY34" s="194">
        <v>0</v>
      </c>
      <c r="CZ34" s="195">
        <v>0</v>
      </c>
      <c r="DA34" s="195">
        <v>0</v>
      </c>
      <c r="DB34" s="196">
        <v>0</v>
      </c>
      <c r="DC34" s="197">
        <v>0</v>
      </c>
      <c r="DD34" s="197">
        <v>0</v>
      </c>
      <c r="DE34" s="197">
        <v>0</v>
      </c>
      <c r="DF34" s="195">
        <v>1</v>
      </c>
      <c r="DG34" s="198">
        <v>1</v>
      </c>
      <c r="DH34" s="200">
        <v>1</v>
      </c>
      <c r="DI34" s="201">
        <v>0</v>
      </c>
      <c r="DJ34" s="195">
        <v>0</v>
      </c>
      <c r="DK34" s="195">
        <v>0</v>
      </c>
      <c r="DL34" s="196">
        <v>0</v>
      </c>
      <c r="DM34" s="197">
        <v>0</v>
      </c>
      <c r="DN34" s="197">
        <v>0</v>
      </c>
      <c r="DO34" s="197">
        <v>0</v>
      </c>
      <c r="DP34" s="195">
        <v>0</v>
      </c>
      <c r="DQ34" s="198">
        <v>0</v>
      </c>
      <c r="DR34" s="200">
        <v>0</v>
      </c>
      <c r="DS34" s="201">
        <v>0</v>
      </c>
      <c r="DT34" s="195">
        <v>0</v>
      </c>
      <c r="DU34" s="195">
        <v>0</v>
      </c>
      <c r="DV34" s="196">
        <v>3</v>
      </c>
      <c r="DW34" s="197">
        <v>14</v>
      </c>
      <c r="DX34" s="197">
        <v>40</v>
      </c>
      <c r="DY34" s="197">
        <v>33</v>
      </c>
      <c r="DZ34" s="195">
        <v>31</v>
      </c>
      <c r="EA34" s="198">
        <v>121</v>
      </c>
      <c r="EB34" s="200">
        <v>121</v>
      </c>
      <c r="EC34" s="37"/>
    </row>
    <row r="35" spans="2:133" ht="20.25" customHeight="1" x14ac:dyDescent="0.2">
      <c r="B35" s="62" t="s">
        <v>32</v>
      </c>
      <c r="C35" s="194">
        <v>0</v>
      </c>
      <c r="D35" s="195">
        <v>0</v>
      </c>
      <c r="E35" s="195">
        <v>0</v>
      </c>
      <c r="F35" s="196">
        <v>1</v>
      </c>
      <c r="G35" s="197">
        <v>1</v>
      </c>
      <c r="H35" s="197">
        <v>11</v>
      </c>
      <c r="I35" s="197">
        <v>20</v>
      </c>
      <c r="J35" s="195">
        <v>11</v>
      </c>
      <c r="K35" s="198">
        <v>44</v>
      </c>
      <c r="L35" s="199">
        <v>44</v>
      </c>
      <c r="M35" s="194">
        <v>0</v>
      </c>
      <c r="N35" s="195">
        <v>0</v>
      </c>
      <c r="O35" s="198">
        <v>0</v>
      </c>
      <c r="P35" s="196">
        <v>1</v>
      </c>
      <c r="Q35" s="197">
        <v>1</v>
      </c>
      <c r="R35" s="197">
        <v>11</v>
      </c>
      <c r="S35" s="197">
        <v>20</v>
      </c>
      <c r="T35" s="195">
        <v>10</v>
      </c>
      <c r="U35" s="198">
        <v>43</v>
      </c>
      <c r="V35" s="200">
        <v>43</v>
      </c>
      <c r="W35" s="201">
        <v>0</v>
      </c>
      <c r="X35" s="195">
        <v>0</v>
      </c>
      <c r="Y35" s="198">
        <v>0</v>
      </c>
      <c r="Z35" s="201">
        <v>0</v>
      </c>
      <c r="AA35" s="197">
        <v>0</v>
      </c>
      <c r="AB35" s="197">
        <v>0</v>
      </c>
      <c r="AC35" s="197">
        <v>0</v>
      </c>
      <c r="AD35" s="195">
        <v>1</v>
      </c>
      <c r="AE35" s="198">
        <v>1</v>
      </c>
      <c r="AF35" s="202">
        <v>1</v>
      </c>
      <c r="AG35" s="201">
        <v>0</v>
      </c>
      <c r="AH35" s="195">
        <v>0</v>
      </c>
      <c r="AI35" s="198">
        <v>0</v>
      </c>
      <c r="AJ35" s="201">
        <v>2</v>
      </c>
      <c r="AK35" s="197">
        <v>12</v>
      </c>
      <c r="AL35" s="197">
        <v>13</v>
      </c>
      <c r="AM35" s="197">
        <v>13</v>
      </c>
      <c r="AN35" s="195">
        <v>6</v>
      </c>
      <c r="AO35" s="198">
        <v>46</v>
      </c>
      <c r="AP35" s="202">
        <v>46</v>
      </c>
      <c r="AQ35" s="201">
        <v>0</v>
      </c>
      <c r="AR35" s="195">
        <v>0</v>
      </c>
      <c r="AS35" s="198">
        <v>0</v>
      </c>
      <c r="AT35" s="196">
        <v>2</v>
      </c>
      <c r="AU35" s="197">
        <v>12</v>
      </c>
      <c r="AV35" s="197">
        <v>13</v>
      </c>
      <c r="AW35" s="197">
        <v>13</v>
      </c>
      <c r="AX35" s="195">
        <v>6</v>
      </c>
      <c r="AY35" s="198">
        <v>46</v>
      </c>
      <c r="AZ35" s="199">
        <v>46</v>
      </c>
      <c r="BA35" s="194">
        <v>0</v>
      </c>
      <c r="BB35" s="195">
        <v>0</v>
      </c>
      <c r="BC35" s="195">
        <v>0</v>
      </c>
      <c r="BD35" s="196">
        <v>0</v>
      </c>
      <c r="BE35" s="197">
        <v>0</v>
      </c>
      <c r="BF35" s="197">
        <v>0</v>
      </c>
      <c r="BG35" s="197">
        <v>0</v>
      </c>
      <c r="BH35" s="195">
        <v>0</v>
      </c>
      <c r="BI35" s="198">
        <v>0</v>
      </c>
      <c r="BJ35" s="200">
        <v>0</v>
      </c>
      <c r="BK35" s="201">
        <v>0</v>
      </c>
      <c r="BL35" s="195">
        <v>0</v>
      </c>
      <c r="BM35" s="195">
        <v>0</v>
      </c>
      <c r="BN35" s="196">
        <v>0</v>
      </c>
      <c r="BO35" s="197">
        <v>1</v>
      </c>
      <c r="BP35" s="197">
        <v>0</v>
      </c>
      <c r="BQ35" s="197">
        <v>0</v>
      </c>
      <c r="BR35" s="195">
        <v>0</v>
      </c>
      <c r="BS35" s="198">
        <v>1</v>
      </c>
      <c r="BT35" s="199">
        <v>1</v>
      </c>
      <c r="BU35" s="194">
        <v>0</v>
      </c>
      <c r="BV35" s="195">
        <v>0</v>
      </c>
      <c r="BW35" s="195">
        <v>0</v>
      </c>
      <c r="BX35" s="196">
        <v>0</v>
      </c>
      <c r="BY35" s="197">
        <v>1</v>
      </c>
      <c r="BZ35" s="197">
        <v>0</v>
      </c>
      <c r="CA35" s="197">
        <v>0</v>
      </c>
      <c r="CB35" s="195">
        <v>0</v>
      </c>
      <c r="CC35" s="198">
        <v>1</v>
      </c>
      <c r="CD35" s="200">
        <v>1</v>
      </c>
      <c r="CE35" s="201">
        <v>0</v>
      </c>
      <c r="CF35" s="195">
        <v>0</v>
      </c>
      <c r="CG35" s="195">
        <v>0</v>
      </c>
      <c r="CH35" s="196">
        <v>0</v>
      </c>
      <c r="CI35" s="197">
        <v>0</v>
      </c>
      <c r="CJ35" s="197">
        <v>0</v>
      </c>
      <c r="CK35" s="197">
        <v>0</v>
      </c>
      <c r="CL35" s="195">
        <v>0</v>
      </c>
      <c r="CM35" s="198">
        <v>0</v>
      </c>
      <c r="CN35" s="200">
        <v>0</v>
      </c>
      <c r="CO35" s="201">
        <v>0</v>
      </c>
      <c r="CP35" s="195">
        <v>0</v>
      </c>
      <c r="CQ35" s="195">
        <v>0</v>
      </c>
      <c r="CR35" s="196">
        <v>0</v>
      </c>
      <c r="CS35" s="197">
        <v>0</v>
      </c>
      <c r="CT35" s="197">
        <v>0</v>
      </c>
      <c r="CU35" s="197">
        <v>0</v>
      </c>
      <c r="CV35" s="195">
        <v>1</v>
      </c>
      <c r="CW35" s="198">
        <v>1</v>
      </c>
      <c r="CX35" s="199">
        <v>1</v>
      </c>
      <c r="CY35" s="194">
        <v>0</v>
      </c>
      <c r="CZ35" s="195">
        <v>0</v>
      </c>
      <c r="DA35" s="195">
        <v>0</v>
      </c>
      <c r="DB35" s="196">
        <v>0</v>
      </c>
      <c r="DC35" s="197">
        <v>0</v>
      </c>
      <c r="DD35" s="197">
        <v>0</v>
      </c>
      <c r="DE35" s="197">
        <v>0</v>
      </c>
      <c r="DF35" s="195">
        <v>1</v>
      </c>
      <c r="DG35" s="198">
        <v>1</v>
      </c>
      <c r="DH35" s="200">
        <v>1</v>
      </c>
      <c r="DI35" s="201">
        <v>0</v>
      </c>
      <c r="DJ35" s="195">
        <v>0</v>
      </c>
      <c r="DK35" s="195">
        <v>0</v>
      </c>
      <c r="DL35" s="196">
        <v>0</v>
      </c>
      <c r="DM35" s="197">
        <v>0</v>
      </c>
      <c r="DN35" s="197">
        <v>0</v>
      </c>
      <c r="DO35" s="197">
        <v>0</v>
      </c>
      <c r="DP35" s="195">
        <v>0</v>
      </c>
      <c r="DQ35" s="198">
        <v>0</v>
      </c>
      <c r="DR35" s="200">
        <v>0</v>
      </c>
      <c r="DS35" s="201">
        <v>0</v>
      </c>
      <c r="DT35" s="195">
        <v>0</v>
      </c>
      <c r="DU35" s="195">
        <v>0</v>
      </c>
      <c r="DV35" s="196">
        <v>3</v>
      </c>
      <c r="DW35" s="197">
        <v>14</v>
      </c>
      <c r="DX35" s="197">
        <v>24</v>
      </c>
      <c r="DY35" s="197">
        <v>33</v>
      </c>
      <c r="DZ35" s="195">
        <v>18</v>
      </c>
      <c r="EA35" s="198">
        <v>92</v>
      </c>
      <c r="EB35" s="200">
        <v>92</v>
      </c>
      <c r="EC35" s="37"/>
    </row>
    <row r="36" spans="2:133" ht="20.25" customHeight="1" x14ac:dyDescent="0.2">
      <c r="B36" s="62" t="s">
        <v>33</v>
      </c>
      <c r="C36" s="194">
        <v>0</v>
      </c>
      <c r="D36" s="195">
        <v>0</v>
      </c>
      <c r="E36" s="195">
        <v>0</v>
      </c>
      <c r="F36" s="196">
        <v>0</v>
      </c>
      <c r="G36" s="197">
        <v>6</v>
      </c>
      <c r="H36" s="197">
        <v>23</v>
      </c>
      <c r="I36" s="197">
        <v>34</v>
      </c>
      <c r="J36" s="195">
        <v>24</v>
      </c>
      <c r="K36" s="198">
        <v>87</v>
      </c>
      <c r="L36" s="199">
        <v>87</v>
      </c>
      <c r="M36" s="194">
        <v>0</v>
      </c>
      <c r="N36" s="195">
        <v>0</v>
      </c>
      <c r="O36" s="198">
        <v>0</v>
      </c>
      <c r="P36" s="196">
        <v>0</v>
      </c>
      <c r="Q36" s="197">
        <v>6</v>
      </c>
      <c r="R36" s="197">
        <v>23</v>
      </c>
      <c r="S36" s="197">
        <v>34</v>
      </c>
      <c r="T36" s="195">
        <v>24</v>
      </c>
      <c r="U36" s="198">
        <v>87</v>
      </c>
      <c r="V36" s="200">
        <v>87</v>
      </c>
      <c r="W36" s="201">
        <v>0</v>
      </c>
      <c r="X36" s="195">
        <v>0</v>
      </c>
      <c r="Y36" s="198">
        <v>0</v>
      </c>
      <c r="Z36" s="201">
        <v>0</v>
      </c>
      <c r="AA36" s="197">
        <v>0</v>
      </c>
      <c r="AB36" s="197">
        <v>0</v>
      </c>
      <c r="AC36" s="197">
        <v>0</v>
      </c>
      <c r="AD36" s="195">
        <v>0</v>
      </c>
      <c r="AE36" s="198">
        <v>0</v>
      </c>
      <c r="AF36" s="202">
        <v>0</v>
      </c>
      <c r="AG36" s="201">
        <v>0</v>
      </c>
      <c r="AH36" s="195">
        <v>0</v>
      </c>
      <c r="AI36" s="198">
        <v>0</v>
      </c>
      <c r="AJ36" s="201">
        <v>9</v>
      </c>
      <c r="AK36" s="197">
        <v>7</v>
      </c>
      <c r="AL36" s="197">
        <v>14</v>
      </c>
      <c r="AM36" s="197">
        <v>16</v>
      </c>
      <c r="AN36" s="195">
        <v>4</v>
      </c>
      <c r="AO36" s="198">
        <v>50</v>
      </c>
      <c r="AP36" s="202">
        <v>50</v>
      </c>
      <c r="AQ36" s="201">
        <v>0</v>
      </c>
      <c r="AR36" s="195">
        <v>0</v>
      </c>
      <c r="AS36" s="198">
        <v>0</v>
      </c>
      <c r="AT36" s="196">
        <v>9</v>
      </c>
      <c r="AU36" s="197">
        <v>7</v>
      </c>
      <c r="AV36" s="197">
        <v>14</v>
      </c>
      <c r="AW36" s="197">
        <v>16</v>
      </c>
      <c r="AX36" s="195">
        <v>4</v>
      </c>
      <c r="AY36" s="198">
        <v>50</v>
      </c>
      <c r="AZ36" s="199">
        <v>50</v>
      </c>
      <c r="BA36" s="194">
        <v>0</v>
      </c>
      <c r="BB36" s="195">
        <v>0</v>
      </c>
      <c r="BC36" s="195">
        <v>0</v>
      </c>
      <c r="BD36" s="196">
        <v>0</v>
      </c>
      <c r="BE36" s="197">
        <v>0</v>
      </c>
      <c r="BF36" s="197">
        <v>0</v>
      </c>
      <c r="BG36" s="197">
        <v>0</v>
      </c>
      <c r="BH36" s="195">
        <v>0</v>
      </c>
      <c r="BI36" s="198">
        <v>0</v>
      </c>
      <c r="BJ36" s="200">
        <v>0</v>
      </c>
      <c r="BK36" s="201">
        <v>0</v>
      </c>
      <c r="BL36" s="195">
        <v>0</v>
      </c>
      <c r="BM36" s="195">
        <v>0</v>
      </c>
      <c r="BN36" s="196">
        <v>0</v>
      </c>
      <c r="BO36" s="197">
        <v>0</v>
      </c>
      <c r="BP36" s="197">
        <v>0</v>
      </c>
      <c r="BQ36" s="197">
        <v>0</v>
      </c>
      <c r="BR36" s="195">
        <v>0</v>
      </c>
      <c r="BS36" s="198">
        <v>0</v>
      </c>
      <c r="BT36" s="199">
        <v>0</v>
      </c>
      <c r="BU36" s="194">
        <v>0</v>
      </c>
      <c r="BV36" s="195">
        <v>0</v>
      </c>
      <c r="BW36" s="195">
        <v>0</v>
      </c>
      <c r="BX36" s="196">
        <v>0</v>
      </c>
      <c r="BY36" s="197">
        <v>0</v>
      </c>
      <c r="BZ36" s="197">
        <v>0</v>
      </c>
      <c r="CA36" s="197">
        <v>0</v>
      </c>
      <c r="CB36" s="195">
        <v>0</v>
      </c>
      <c r="CC36" s="198">
        <v>0</v>
      </c>
      <c r="CD36" s="200">
        <v>0</v>
      </c>
      <c r="CE36" s="201">
        <v>0</v>
      </c>
      <c r="CF36" s="195">
        <v>0</v>
      </c>
      <c r="CG36" s="195">
        <v>0</v>
      </c>
      <c r="CH36" s="196">
        <v>0</v>
      </c>
      <c r="CI36" s="197">
        <v>0</v>
      </c>
      <c r="CJ36" s="197">
        <v>0</v>
      </c>
      <c r="CK36" s="197">
        <v>0</v>
      </c>
      <c r="CL36" s="195">
        <v>0</v>
      </c>
      <c r="CM36" s="198">
        <v>0</v>
      </c>
      <c r="CN36" s="200">
        <v>0</v>
      </c>
      <c r="CO36" s="201">
        <v>0</v>
      </c>
      <c r="CP36" s="195">
        <v>0</v>
      </c>
      <c r="CQ36" s="195">
        <v>0</v>
      </c>
      <c r="CR36" s="196">
        <v>2</v>
      </c>
      <c r="CS36" s="197">
        <v>8</v>
      </c>
      <c r="CT36" s="197">
        <v>5</v>
      </c>
      <c r="CU36" s="197">
        <v>6</v>
      </c>
      <c r="CV36" s="195">
        <v>9</v>
      </c>
      <c r="CW36" s="198">
        <v>30</v>
      </c>
      <c r="CX36" s="199">
        <v>30</v>
      </c>
      <c r="CY36" s="194">
        <v>0</v>
      </c>
      <c r="CZ36" s="195">
        <v>0</v>
      </c>
      <c r="DA36" s="195">
        <v>0</v>
      </c>
      <c r="DB36" s="196">
        <v>2</v>
      </c>
      <c r="DC36" s="197">
        <v>8</v>
      </c>
      <c r="DD36" s="197">
        <v>5</v>
      </c>
      <c r="DE36" s="197">
        <v>6</v>
      </c>
      <c r="DF36" s="195">
        <v>9</v>
      </c>
      <c r="DG36" s="198">
        <v>30</v>
      </c>
      <c r="DH36" s="200">
        <v>30</v>
      </c>
      <c r="DI36" s="201">
        <v>0</v>
      </c>
      <c r="DJ36" s="195">
        <v>0</v>
      </c>
      <c r="DK36" s="195">
        <v>0</v>
      </c>
      <c r="DL36" s="196">
        <v>0</v>
      </c>
      <c r="DM36" s="197">
        <v>0</v>
      </c>
      <c r="DN36" s="197">
        <v>0</v>
      </c>
      <c r="DO36" s="197">
        <v>0</v>
      </c>
      <c r="DP36" s="195">
        <v>0</v>
      </c>
      <c r="DQ36" s="198">
        <v>0</v>
      </c>
      <c r="DR36" s="200">
        <v>0</v>
      </c>
      <c r="DS36" s="201">
        <v>0</v>
      </c>
      <c r="DT36" s="195">
        <v>0</v>
      </c>
      <c r="DU36" s="195">
        <v>0</v>
      </c>
      <c r="DV36" s="196">
        <v>11</v>
      </c>
      <c r="DW36" s="197">
        <v>20</v>
      </c>
      <c r="DX36" s="197">
        <v>42</v>
      </c>
      <c r="DY36" s="197">
        <v>56</v>
      </c>
      <c r="DZ36" s="195">
        <v>37</v>
      </c>
      <c r="EA36" s="198">
        <v>166</v>
      </c>
      <c r="EB36" s="200">
        <v>166</v>
      </c>
      <c r="EC36" s="37"/>
    </row>
    <row r="37" spans="2:133" ht="20.25" customHeight="1" x14ac:dyDescent="0.2">
      <c r="B37" s="62" t="s">
        <v>34</v>
      </c>
      <c r="C37" s="194">
        <v>0</v>
      </c>
      <c r="D37" s="195">
        <v>0</v>
      </c>
      <c r="E37" s="195">
        <v>0</v>
      </c>
      <c r="F37" s="196">
        <v>0</v>
      </c>
      <c r="G37" s="197">
        <v>0</v>
      </c>
      <c r="H37" s="197">
        <v>6</v>
      </c>
      <c r="I37" s="197">
        <v>23</v>
      </c>
      <c r="J37" s="195">
        <v>13</v>
      </c>
      <c r="K37" s="198">
        <v>42</v>
      </c>
      <c r="L37" s="199">
        <v>42</v>
      </c>
      <c r="M37" s="194">
        <v>0</v>
      </c>
      <c r="N37" s="195">
        <v>0</v>
      </c>
      <c r="O37" s="198">
        <v>0</v>
      </c>
      <c r="P37" s="196">
        <v>0</v>
      </c>
      <c r="Q37" s="197">
        <v>0</v>
      </c>
      <c r="R37" s="197">
        <v>6</v>
      </c>
      <c r="S37" s="197">
        <v>23</v>
      </c>
      <c r="T37" s="195">
        <v>13</v>
      </c>
      <c r="U37" s="198">
        <v>42</v>
      </c>
      <c r="V37" s="200">
        <v>42</v>
      </c>
      <c r="W37" s="201">
        <v>0</v>
      </c>
      <c r="X37" s="195">
        <v>0</v>
      </c>
      <c r="Y37" s="198">
        <v>0</v>
      </c>
      <c r="Z37" s="201">
        <v>0</v>
      </c>
      <c r="AA37" s="197">
        <v>0</v>
      </c>
      <c r="AB37" s="197">
        <v>0</v>
      </c>
      <c r="AC37" s="197">
        <v>0</v>
      </c>
      <c r="AD37" s="195">
        <v>0</v>
      </c>
      <c r="AE37" s="198">
        <v>0</v>
      </c>
      <c r="AF37" s="202">
        <v>0</v>
      </c>
      <c r="AG37" s="201">
        <v>0</v>
      </c>
      <c r="AH37" s="195">
        <v>0</v>
      </c>
      <c r="AI37" s="198">
        <v>0</v>
      </c>
      <c r="AJ37" s="201">
        <v>4</v>
      </c>
      <c r="AK37" s="197">
        <v>8</v>
      </c>
      <c r="AL37" s="197">
        <v>13</v>
      </c>
      <c r="AM37" s="197">
        <v>10</v>
      </c>
      <c r="AN37" s="195">
        <v>5</v>
      </c>
      <c r="AO37" s="198">
        <v>40</v>
      </c>
      <c r="AP37" s="202">
        <v>40</v>
      </c>
      <c r="AQ37" s="201">
        <v>0</v>
      </c>
      <c r="AR37" s="195">
        <v>0</v>
      </c>
      <c r="AS37" s="198">
        <v>0</v>
      </c>
      <c r="AT37" s="196">
        <v>4</v>
      </c>
      <c r="AU37" s="197">
        <v>8</v>
      </c>
      <c r="AV37" s="197">
        <v>13</v>
      </c>
      <c r="AW37" s="197">
        <v>10</v>
      </c>
      <c r="AX37" s="195">
        <v>5</v>
      </c>
      <c r="AY37" s="198">
        <v>40</v>
      </c>
      <c r="AZ37" s="199">
        <v>40</v>
      </c>
      <c r="BA37" s="194">
        <v>0</v>
      </c>
      <c r="BB37" s="195">
        <v>0</v>
      </c>
      <c r="BC37" s="195">
        <v>0</v>
      </c>
      <c r="BD37" s="196">
        <v>0</v>
      </c>
      <c r="BE37" s="197">
        <v>0</v>
      </c>
      <c r="BF37" s="197">
        <v>0</v>
      </c>
      <c r="BG37" s="197">
        <v>0</v>
      </c>
      <c r="BH37" s="195">
        <v>0</v>
      </c>
      <c r="BI37" s="198">
        <v>0</v>
      </c>
      <c r="BJ37" s="200">
        <v>0</v>
      </c>
      <c r="BK37" s="201">
        <v>0</v>
      </c>
      <c r="BL37" s="195">
        <v>0</v>
      </c>
      <c r="BM37" s="195">
        <v>0</v>
      </c>
      <c r="BN37" s="196">
        <v>0</v>
      </c>
      <c r="BO37" s="197">
        <v>0</v>
      </c>
      <c r="BP37" s="197">
        <v>0</v>
      </c>
      <c r="BQ37" s="197">
        <v>0</v>
      </c>
      <c r="BR37" s="195">
        <v>0</v>
      </c>
      <c r="BS37" s="198">
        <v>0</v>
      </c>
      <c r="BT37" s="199">
        <v>0</v>
      </c>
      <c r="BU37" s="194">
        <v>0</v>
      </c>
      <c r="BV37" s="195">
        <v>0</v>
      </c>
      <c r="BW37" s="195">
        <v>0</v>
      </c>
      <c r="BX37" s="196">
        <v>0</v>
      </c>
      <c r="BY37" s="197">
        <v>0</v>
      </c>
      <c r="BZ37" s="197">
        <v>0</v>
      </c>
      <c r="CA37" s="197">
        <v>0</v>
      </c>
      <c r="CB37" s="195">
        <v>0</v>
      </c>
      <c r="CC37" s="198">
        <v>0</v>
      </c>
      <c r="CD37" s="200">
        <v>0</v>
      </c>
      <c r="CE37" s="201">
        <v>0</v>
      </c>
      <c r="CF37" s="195">
        <v>0</v>
      </c>
      <c r="CG37" s="195">
        <v>0</v>
      </c>
      <c r="CH37" s="196">
        <v>0</v>
      </c>
      <c r="CI37" s="197">
        <v>0</v>
      </c>
      <c r="CJ37" s="197">
        <v>0</v>
      </c>
      <c r="CK37" s="197">
        <v>0</v>
      </c>
      <c r="CL37" s="195">
        <v>0</v>
      </c>
      <c r="CM37" s="198">
        <v>0</v>
      </c>
      <c r="CN37" s="200">
        <v>0</v>
      </c>
      <c r="CO37" s="201">
        <v>0</v>
      </c>
      <c r="CP37" s="195">
        <v>0</v>
      </c>
      <c r="CQ37" s="195">
        <v>0</v>
      </c>
      <c r="CR37" s="196">
        <v>0</v>
      </c>
      <c r="CS37" s="197">
        <v>1</v>
      </c>
      <c r="CT37" s="197">
        <v>0</v>
      </c>
      <c r="CU37" s="197">
        <v>1</v>
      </c>
      <c r="CV37" s="195">
        <v>0</v>
      </c>
      <c r="CW37" s="198">
        <v>2</v>
      </c>
      <c r="CX37" s="199">
        <v>2</v>
      </c>
      <c r="CY37" s="194">
        <v>0</v>
      </c>
      <c r="CZ37" s="195">
        <v>0</v>
      </c>
      <c r="DA37" s="195">
        <v>0</v>
      </c>
      <c r="DB37" s="196">
        <v>0</v>
      </c>
      <c r="DC37" s="197">
        <v>1</v>
      </c>
      <c r="DD37" s="197">
        <v>0</v>
      </c>
      <c r="DE37" s="197">
        <v>1</v>
      </c>
      <c r="DF37" s="195">
        <v>0</v>
      </c>
      <c r="DG37" s="198">
        <v>2</v>
      </c>
      <c r="DH37" s="200">
        <v>2</v>
      </c>
      <c r="DI37" s="201">
        <v>0</v>
      </c>
      <c r="DJ37" s="195">
        <v>0</v>
      </c>
      <c r="DK37" s="195">
        <v>0</v>
      </c>
      <c r="DL37" s="196">
        <v>0</v>
      </c>
      <c r="DM37" s="197">
        <v>0</v>
      </c>
      <c r="DN37" s="197">
        <v>0</v>
      </c>
      <c r="DO37" s="197">
        <v>0</v>
      </c>
      <c r="DP37" s="195">
        <v>0</v>
      </c>
      <c r="DQ37" s="198">
        <v>0</v>
      </c>
      <c r="DR37" s="200">
        <v>0</v>
      </c>
      <c r="DS37" s="201">
        <v>0</v>
      </c>
      <c r="DT37" s="195">
        <v>0</v>
      </c>
      <c r="DU37" s="195">
        <v>0</v>
      </c>
      <c r="DV37" s="196">
        <v>4</v>
      </c>
      <c r="DW37" s="197">
        <v>9</v>
      </c>
      <c r="DX37" s="197">
        <v>19</v>
      </c>
      <c r="DY37" s="197">
        <v>34</v>
      </c>
      <c r="DZ37" s="195">
        <v>18</v>
      </c>
      <c r="EA37" s="198">
        <v>84</v>
      </c>
      <c r="EB37" s="200">
        <v>84</v>
      </c>
      <c r="EC37" s="37"/>
    </row>
    <row r="38" spans="2:133" ht="20.25" customHeight="1" x14ac:dyDescent="0.2">
      <c r="B38" s="62" t="s">
        <v>35</v>
      </c>
      <c r="C38" s="194">
        <v>0</v>
      </c>
      <c r="D38" s="195">
        <v>0</v>
      </c>
      <c r="E38" s="195">
        <v>0</v>
      </c>
      <c r="F38" s="196">
        <v>2</v>
      </c>
      <c r="G38" s="197">
        <v>2</v>
      </c>
      <c r="H38" s="197">
        <v>24</v>
      </c>
      <c r="I38" s="197">
        <v>48</v>
      </c>
      <c r="J38" s="195">
        <v>32</v>
      </c>
      <c r="K38" s="198">
        <v>108</v>
      </c>
      <c r="L38" s="199">
        <v>108</v>
      </c>
      <c r="M38" s="194">
        <v>0</v>
      </c>
      <c r="N38" s="195">
        <v>0</v>
      </c>
      <c r="O38" s="198">
        <v>0</v>
      </c>
      <c r="P38" s="196">
        <v>2</v>
      </c>
      <c r="Q38" s="197">
        <v>2</v>
      </c>
      <c r="R38" s="197">
        <v>24</v>
      </c>
      <c r="S38" s="197">
        <v>48</v>
      </c>
      <c r="T38" s="195">
        <v>32</v>
      </c>
      <c r="U38" s="198">
        <v>108</v>
      </c>
      <c r="V38" s="200">
        <v>108</v>
      </c>
      <c r="W38" s="201">
        <v>0</v>
      </c>
      <c r="X38" s="195">
        <v>0</v>
      </c>
      <c r="Y38" s="198">
        <v>0</v>
      </c>
      <c r="Z38" s="201">
        <v>0</v>
      </c>
      <c r="AA38" s="197">
        <v>0</v>
      </c>
      <c r="AB38" s="197">
        <v>0</v>
      </c>
      <c r="AC38" s="197">
        <v>0</v>
      </c>
      <c r="AD38" s="195">
        <v>0</v>
      </c>
      <c r="AE38" s="198">
        <v>0</v>
      </c>
      <c r="AF38" s="202">
        <v>0</v>
      </c>
      <c r="AG38" s="201">
        <v>0</v>
      </c>
      <c r="AH38" s="195">
        <v>0</v>
      </c>
      <c r="AI38" s="198">
        <v>0</v>
      </c>
      <c r="AJ38" s="201">
        <v>22</v>
      </c>
      <c r="AK38" s="197">
        <v>28</v>
      </c>
      <c r="AL38" s="197">
        <v>25</v>
      </c>
      <c r="AM38" s="197">
        <v>18</v>
      </c>
      <c r="AN38" s="195">
        <v>8</v>
      </c>
      <c r="AO38" s="198">
        <v>101</v>
      </c>
      <c r="AP38" s="202">
        <v>101</v>
      </c>
      <c r="AQ38" s="201">
        <v>0</v>
      </c>
      <c r="AR38" s="195">
        <v>0</v>
      </c>
      <c r="AS38" s="198">
        <v>0</v>
      </c>
      <c r="AT38" s="196">
        <v>22</v>
      </c>
      <c r="AU38" s="197">
        <v>28</v>
      </c>
      <c r="AV38" s="197">
        <v>23</v>
      </c>
      <c r="AW38" s="197">
        <v>16</v>
      </c>
      <c r="AX38" s="195">
        <v>8</v>
      </c>
      <c r="AY38" s="198">
        <v>97</v>
      </c>
      <c r="AZ38" s="199">
        <v>97</v>
      </c>
      <c r="BA38" s="194">
        <v>0</v>
      </c>
      <c r="BB38" s="195">
        <v>0</v>
      </c>
      <c r="BC38" s="195">
        <v>0</v>
      </c>
      <c r="BD38" s="196">
        <v>0</v>
      </c>
      <c r="BE38" s="197">
        <v>0</v>
      </c>
      <c r="BF38" s="197">
        <v>2</v>
      </c>
      <c r="BG38" s="197">
        <v>2</v>
      </c>
      <c r="BH38" s="195">
        <v>0</v>
      </c>
      <c r="BI38" s="198">
        <v>4</v>
      </c>
      <c r="BJ38" s="200">
        <v>4</v>
      </c>
      <c r="BK38" s="201">
        <v>0</v>
      </c>
      <c r="BL38" s="195">
        <v>0</v>
      </c>
      <c r="BM38" s="195">
        <v>0</v>
      </c>
      <c r="BN38" s="196">
        <v>0</v>
      </c>
      <c r="BO38" s="197">
        <v>0</v>
      </c>
      <c r="BP38" s="197">
        <v>0</v>
      </c>
      <c r="BQ38" s="197">
        <v>0</v>
      </c>
      <c r="BR38" s="195">
        <v>0</v>
      </c>
      <c r="BS38" s="198">
        <v>0</v>
      </c>
      <c r="BT38" s="199">
        <v>0</v>
      </c>
      <c r="BU38" s="194">
        <v>0</v>
      </c>
      <c r="BV38" s="195">
        <v>0</v>
      </c>
      <c r="BW38" s="195">
        <v>0</v>
      </c>
      <c r="BX38" s="196">
        <v>0</v>
      </c>
      <c r="BY38" s="197">
        <v>0</v>
      </c>
      <c r="BZ38" s="197">
        <v>0</v>
      </c>
      <c r="CA38" s="197">
        <v>0</v>
      </c>
      <c r="CB38" s="195">
        <v>0</v>
      </c>
      <c r="CC38" s="198">
        <v>0</v>
      </c>
      <c r="CD38" s="200">
        <v>0</v>
      </c>
      <c r="CE38" s="201">
        <v>0</v>
      </c>
      <c r="CF38" s="195">
        <v>0</v>
      </c>
      <c r="CG38" s="195">
        <v>0</v>
      </c>
      <c r="CH38" s="196">
        <v>0</v>
      </c>
      <c r="CI38" s="197">
        <v>0</v>
      </c>
      <c r="CJ38" s="197">
        <v>0</v>
      </c>
      <c r="CK38" s="197">
        <v>0</v>
      </c>
      <c r="CL38" s="195">
        <v>0</v>
      </c>
      <c r="CM38" s="198">
        <v>0</v>
      </c>
      <c r="CN38" s="200">
        <v>0</v>
      </c>
      <c r="CO38" s="201">
        <v>0</v>
      </c>
      <c r="CP38" s="195">
        <v>0</v>
      </c>
      <c r="CQ38" s="195">
        <v>0</v>
      </c>
      <c r="CR38" s="196">
        <v>4</v>
      </c>
      <c r="CS38" s="197">
        <v>2</v>
      </c>
      <c r="CT38" s="197">
        <v>4</v>
      </c>
      <c r="CU38" s="197">
        <v>9</v>
      </c>
      <c r="CV38" s="195">
        <v>10</v>
      </c>
      <c r="CW38" s="198">
        <v>29</v>
      </c>
      <c r="CX38" s="199">
        <v>29</v>
      </c>
      <c r="CY38" s="194">
        <v>0</v>
      </c>
      <c r="CZ38" s="195">
        <v>0</v>
      </c>
      <c r="DA38" s="195">
        <v>0</v>
      </c>
      <c r="DB38" s="196">
        <v>4</v>
      </c>
      <c r="DC38" s="197">
        <v>1</v>
      </c>
      <c r="DD38" s="197">
        <v>4</v>
      </c>
      <c r="DE38" s="197">
        <v>9</v>
      </c>
      <c r="DF38" s="195">
        <v>9</v>
      </c>
      <c r="DG38" s="198">
        <v>27</v>
      </c>
      <c r="DH38" s="200">
        <v>27</v>
      </c>
      <c r="DI38" s="201">
        <v>0</v>
      </c>
      <c r="DJ38" s="195">
        <v>0</v>
      </c>
      <c r="DK38" s="195">
        <v>0</v>
      </c>
      <c r="DL38" s="196">
        <v>0</v>
      </c>
      <c r="DM38" s="197">
        <v>1</v>
      </c>
      <c r="DN38" s="197">
        <v>0</v>
      </c>
      <c r="DO38" s="197">
        <v>0</v>
      </c>
      <c r="DP38" s="195">
        <v>1</v>
      </c>
      <c r="DQ38" s="198">
        <v>2</v>
      </c>
      <c r="DR38" s="200">
        <v>2</v>
      </c>
      <c r="DS38" s="201">
        <v>0</v>
      </c>
      <c r="DT38" s="195">
        <v>0</v>
      </c>
      <c r="DU38" s="195">
        <v>0</v>
      </c>
      <c r="DV38" s="196">
        <v>28</v>
      </c>
      <c r="DW38" s="197">
        <v>32</v>
      </c>
      <c r="DX38" s="197">
        <v>53</v>
      </c>
      <c r="DY38" s="197">
        <v>75</v>
      </c>
      <c r="DZ38" s="195">
        <v>50</v>
      </c>
      <c r="EA38" s="198">
        <v>238</v>
      </c>
      <c r="EB38" s="200">
        <v>238</v>
      </c>
      <c r="EC38" s="37"/>
    </row>
    <row r="39" spans="2:133" ht="20.25" customHeight="1" x14ac:dyDescent="0.2">
      <c r="B39" s="62" t="s">
        <v>36</v>
      </c>
      <c r="C39" s="194">
        <v>0</v>
      </c>
      <c r="D39" s="195">
        <v>0</v>
      </c>
      <c r="E39" s="195">
        <v>0</v>
      </c>
      <c r="F39" s="196">
        <v>0</v>
      </c>
      <c r="G39" s="197">
        <v>3</v>
      </c>
      <c r="H39" s="197">
        <v>50</v>
      </c>
      <c r="I39" s="197">
        <v>83</v>
      </c>
      <c r="J39" s="195">
        <v>73</v>
      </c>
      <c r="K39" s="198">
        <v>209</v>
      </c>
      <c r="L39" s="199">
        <v>209</v>
      </c>
      <c r="M39" s="194">
        <v>0</v>
      </c>
      <c r="N39" s="195">
        <v>0</v>
      </c>
      <c r="O39" s="198">
        <v>0</v>
      </c>
      <c r="P39" s="196">
        <v>0</v>
      </c>
      <c r="Q39" s="197">
        <v>3</v>
      </c>
      <c r="R39" s="197">
        <v>50</v>
      </c>
      <c r="S39" s="197">
        <v>79</v>
      </c>
      <c r="T39" s="195">
        <v>72</v>
      </c>
      <c r="U39" s="198">
        <v>204</v>
      </c>
      <c r="V39" s="200">
        <v>204</v>
      </c>
      <c r="W39" s="201">
        <v>0</v>
      </c>
      <c r="X39" s="195">
        <v>0</v>
      </c>
      <c r="Y39" s="198">
        <v>0</v>
      </c>
      <c r="Z39" s="201">
        <v>0</v>
      </c>
      <c r="AA39" s="197">
        <v>0</v>
      </c>
      <c r="AB39" s="197">
        <v>0</v>
      </c>
      <c r="AC39" s="197">
        <v>4</v>
      </c>
      <c r="AD39" s="195">
        <v>1</v>
      </c>
      <c r="AE39" s="198">
        <v>5</v>
      </c>
      <c r="AF39" s="202">
        <v>5</v>
      </c>
      <c r="AG39" s="201">
        <v>0</v>
      </c>
      <c r="AH39" s="195">
        <v>0</v>
      </c>
      <c r="AI39" s="198">
        <v>0</v>
      </c>
      <c r="AJ39" s="201">
        <v>25</v>
      </c>
      <c r="AK39" s="197">
        <v>27</v>
      </c>
      <c r="AL39" s="197">
        <v>43</v>
      </c>
      <c r="AM39" s="197">
        <v>36</v>
      </c>
      <c r="AN39" s="195">
        <v>19</v>
      </c>
      <c r="AO39" s="198">
        <v>150</v>
      </c>
      <c r="AP39" s="202">
        <v>150</v>
      </c>
      <c r="AQ39" s="201">
        <v>0</v>
      </c>
      <c r="AR39" s="195">
        <v>0</v>
      </c>
      <c r="AS39" s="198">
        <v>0</v>
      </c>
      <c r="AT39" s="196">
        <v>25</v>
      </c>
      <c r="AU39" s="197">
        <v>27</v>
      </c>
      <c r="AV39" s="197">
        <v>42</v>
      </c>
      <c r="AW39" s="197">
        <v>35</v>
      </c>
      <c r="AX39" s="195">
        <v>19</v>
      </c>
      <c r="AY39" s="198">
        <v>148</v>
      </c>
      <c r="AZ39" s="199">
        <v>148</v>
      </c>
      <c r="BA39" s="194">
        <v>0</v>
      </c>
      <c r="BB39" s="195">
        <v>0</v>
      </c>
      <c r="BC39" s="195">
        <v>0</v>
      </c>
      <c r="BD39" s="196">
        <v>0</v>
      </c>
      <c r="BE39" s="197">
        <v>0</v>
      </c>
      <c r="BF39" s="197">
        <v>1</v>
      </c>
      <c r="BG39" s="197">
        <v>1</v>
      </c>
      <c r="BH39" s="195">
        <v>0</v>
      </c>
      <c r="BI39" s="198">
        <v>2</v>
      </c>
      <c r="BJ39" s="200">
        <v>2</v>
      </c>
      <c r="BK39" s="201">
        <v>0</v>
      </c>
      <c r="BL39" s="195">
        <v>0</v>
      </c>
      <c r="BM39" s="195">
        <v>0</v>
      </c>
      <c r="BN39" s="196">
        <v>0</v>
      </c>
      <c r="BO39" s="197">
        <v>0</v>
      </c>
      <c r="BP39" s="197">
        <v>0</v>
      </c>
      <c r="BQ39" s="197">
        <v>1</v>
      </c>
      <c r="BR39" s="195">
        <v>1</v>
      </c>
      <c r="BS39" s="198">
        <v>2</v>
      </c>
      <c r="BT39" s="199">
        <v>2</v>
      </c>
      <c r="BU39" s="194">
        <v>0</v>
      </c>
      <c r="BV39" s="195">
        <v>0</v>
      </c>
      <c r="BW39" s="195">
        <v>0</v>
      </c>
      <c r="BX39" s="196">
        <v>0</v>
      </c>
      <c r="BY39" s="197">
        <v>0</v>
      </c>
      <c r="BZ39" s="197">
        <v>0</v>
      </c>
      <c r="CA39" s="197">
        <v>1</v>
      </c>
      <c r="CB39" s="195">
        <v>1</v>
      </c>
      <c r="CC39" s="198">
        <v>2</v>
      </c>
      <c r="CD39" s="200">
        <v>2</v>
      </c>
      <c r="CE39" s="201">
        <v>0</v>
      </c>
      <c r="CF39" s="195">
        <v>0</v>
      </c>
      <c r="CG39" s="195">
        <v>0</v>
      </c>
      <c r="CH39" s="196">
        <v>0</v>
      </c>
      <c r="CI39" s="197">
        <v>0</v>
      </c>
      <c r="CJ39" s="197">
        <v>0</v>
      </c>
      <c r="CK39" s="197">
        <v>0</v>
      </c>
      <c r="CL39" s="195">
        <v>0</v>
      </c>
      <c r="CM39" s="198">
        <v>0</v>
      </c>
      <c r="CN39" s="200">
        <v>0</v>
      </c>
      <c r="CO39" s="201">
        <v>0</v>
      </c>
      <c r="CP39" s="195">
        <v>0</v>
      </c>
      <c r="CQ39" s="195">
        <v>0</v>
      </c>
      <c r="CR39" s="196">
        <v>0</v>
      </c>
      <c r="CS39" s="197">
        <v>0</v>
      </c>
      <c r="CT39" s="197">
        <v>0</v>
      </c>
      <c r="CU39" s="197">
        <v>4</v>
      </c>
      <c r="CV39" s="195">
        <v>0</v>
      </c>
      <c r="CW39" s="198">
        <v>4</v>
      </c>
      <c r="CX39" s="199">
        <v>4</v>
      </c>
      <c r="CY39" s="194">
        <v>0</v>
      </c>
      <c r="CZ39" s="195">
        <v>0</v>
      </c>
      <c r="DA39" s="195">
        <v>0</v>
      </c>
      <c r="DB39" s="196">
        <v>0</v>
      </c>
      <c r="DC39" s="197">
        <v>0</v>
      </c>
      <c r="DD39" s="197">
        <v>0</v>
      </c>
      <c r="DE39" s="197">
        <v>3</v>
      </c>
      <c r="DF39" s="195">
        <v>0</v>
      </c>
      <c r="DG39" s="198">
        <v>3</v>
      </c>
      <c r="DH39" s="200">
        <v>3</v>
      </c>
      <c r="DI39" s="201">
        <v>0</v>
      </c>
      <c r="DJ39" s="195">
        <v>0</v>
      </c>
      <c r="DK39" s="195">
        <v>0</v>
      </c>
      <c r="DL39" s="196">
        <v>0</v>
      </c>
      <c r="DM39" s="197">
        <v>0</v>
      </c>
      <c r="DN39" s="197">
        <v>0</v>
      </c>
      <c r="DO39" s="197">
        <v>1</v>
      </c>
      <c r="DP39" s="195">
        <v>0</v>
      </c>
      <c r="DQ39" s="198">
        <v>1</v>
      </c>
      <c r="DR39" s="200">
        <v>1</v>
      </c>
      <c r="DS39" s="201">
        <v>0</v>
      </c>
      <c r="DT39" s="195">
        <v>0</v>
      </c>
      <c r="DU39" s="195">
        <v>0</v>
      </c>
      <c r="DV39" s="196">
        <v>25</v>
      </c>
      <c r="DW39" s="197">
        <v>30</v>
      </c>
      <c r="DX39" s="197">
        <v>93</v>
      </c>
      <c r="DY39" s="197">
        <v>124</v>
      </c>
      <c r="DZ39" s="195">
        <v>93</v>
      </c>
      <c r="EA39" s="198">
        <v>365</v>
      </c>
      <c r="EB39" s="200">
        <v>365</v>
      </c>
      <c r="EC39" s="37"/>
    </row>
    <row r="40" spans="2:133" ht="20.25" customHeight="1" thickBot="1" x14ac:dyDescent="0.25">
      <c r="B40" s="63" t="s">
        <v>37</v>
      </c>
      <c r="C40" s="203">
        <v>0</v>
      </c>
      <c r="D40" s="204">
        <v>0</v>
      </c>
      <c r="E40" s="204">
        <v>0</v>
      </c>
      <c r="F40" s="205">
        <v>0</v>
      </c>
      <c r="G40" s="206">
        <v>0</v>
      </c>
      <c r="H40" s="206">
        <v>8</v>
      </c>
      <c r="I40" s="206">
        <v>8</v>
      </c>
      <c r="J40" s="204">
        <v>6</v>
      </c>
      <c r="K40" s="207">
        <v>22</v>
      </c>
      <c r="L40" s="208">
        <v>22</v>
      </c>
      <c r="M40" s="203">
        <v>0</v>
      </c>
      <c r="N40" s="204">
        <v>0</v>
      </c>
      <c r="O40" s="207">
        <v>0</v>
      </c>
      <c r="P40" s="205">
        <v>0</v>
      </c>
      <c r="Q40" s="206">
        <v>0</v>
      </c>
      <c r="R40" s="206">
        <v>8</v>
      </c>
      <c r="S40" s="206">
        <v>8</v>
      </c>
      <c r="T40" s="204">
        <v>6</v>
      </c>
      <c r="U40" s="207">
        <v>22</v>
      </c>
      <c r="V40" s="209">
        <v>22</v>
      </c>
      <c r="W40" s="210">
        <v>0</v>
      </c>
      <c r="X40" s="204">
        <v>0</v>
      </c>
      <c r="Y40" s="207">
        <v>0</v>
      </c>
      <c r="Z40" s="210">
        <v>0</v>
      </c>
      <c r="AA40" s="206">
        <v>0</v>
      </c>
      <c r="AB40" s="206">
        <v>0</v>
      </c>
      <c r="AC40" s="206">
        <v>0</v>
      </c>
      <c r="AD40" s="204">
        <v>0</v>
      </c>
      <c r="AE40" s="207">
        <v>0</v>
      </c>
      <c r="AF40" s="211">
        <v>0</v>
      </c>
      <c r="AG40" s="210">
        <v>0</v>
      </c>
      <c r="AH40" s="204">
        <v>0</v>
      </c>
      <c r="AI40" s="207">
        <v>0</v>
      </c>
      <c r="AJ40" s="210">
        <v>2</v>
      </c>
      <c r="AK40" s="206">
        <v>1</v>
      </c>
      <c r="AL40" s="206">
        <v>4</v>
      </c>
      <c r="AM40" s="206">
        <v>1</v>
      </c>
      <c r="AN40" s="204">
        <v>1</v>
      </c>
      <c r="AO40" s="207">
        <v>9</v>
      </c>
      <c r="AP40" s="211">
        <v>9</v>
      </c>
      <c r="AQ40" s="210">
        <v>0</v>
      </c>
      <c r="AR40" s="204">
        <v>0</v>
      </c>
      <c r="AS40" s="207">
        <v>0</v>
      </c>
      <c r="AT40" s="205">
        <v>2</v>
      </c>
      <c r="AU40" s="206">
        <v>1</v>
      </c>
      <c r="AV40" s="206">
        <v>4</v>
      </c>
      <c r="AW40" s="206">
        <v>1</v>
      </c>
      <c r="AX40" s="204">
        <v>1</v>
      </c>
      <c r="AY40" s="207">
        <v>9</v>
      </c>
      <c r="AZ40" s="208">
        <v>9</v>
      </c>
      <c r="BA40" s="203">
        <v>0</v>
      </c>
      <c r="BB40" s="204">
        <v>0</v>
      </c>
      <c r="BC40" s="204">
        <v>0</v>
      </c>
      <c r="BD40" s="205">
        <v>0</v>
      </c>
      <c r="BE40" s="206">
        <v>0</v>
      </c>
      <c r="BF40" s="206">
        <v>0</v>
      </c>
      <c r="BG40" s="206">
        <v>0</v>
      </c>
      <c r="BH40" s="204">
        <v>0</v>
      </c>
      <c r="BI40" s="207">
        <v>0</v>
      </c>
      <c r="BJ40" s="209">
        <v>0</v>
      </c>
      <c r="BK40" s="210">
        <v>0</v>
      </c>
      <c r="BL40" s="204">
        <v>0</v>
      </c>
      <c r="BM40" s="204">
        <v>0</v>
      </c>
      <c r="BN40" s="205">
        <v>0</v>
      </c>
      <c r="BO40" s="206">
        <v>0</v>
      </c>
      <c r="BP40" s="206">
        <v>0</v>
      </c>
      <c r="BQ40" s="206">
        <v>1</v>
      </c>
      <c r="BR40" s="204">
        <v>0</v>
      </c>
      <c r="BS40" s="207">
        <v>1</v>
      </c>
      <c r="BT40" s="208">
        <v>1</v>
      </c>
      <c r="BU40" s="203">
        <v>0</v>
      </c>
      <c r="BV40" s="204">
        <v>0</v>
      </c>
      <c r="BW40" s="204">
        <v>0</v>
      </c>
      <c r="BX40" s="205">
        <v>0</v>
      </c>
      <c r="BY40" s="206">
        <v>0</v>
      </c>
      <c r="BZ40" s="206">
        <v>0</v>
      </c>
      <c r="CA40" s="206">
        <v>1</v>
      </c>
      <c r="CB40" s="204">
        <v>0</v>
      </c>
      <c r="CC40" s="207">
        <v>1</v>
      </c>
      <c r="CD40" s="209">
        <v>1</v>
      </c>
      <c r="CE40" s="210">
        <v>0</v>
      </c>
      <c r="CF40" s="204">
        <v>0</v>
      </c>
      <c r="CG40" s="204">
        <v>0</v>
      </c>
      <c r="CH40" s="205">
        <v>0</v>
      </c>
      <c r="CI40" s="206">
        <v>0</v>
      </c>
      <c r="CJ40" s="206">
        <v>0</v>
      </c>
      <c r="CK40" s="206">
        <v>0</v>
      </c>
      <c r="CL40" s="204">
        <v>0</v>
      </c>
      <c r="CM40" s="207">
        <v>0</v>
      </c>
      <c r="CN40" s="209">
        <v>0</v>
      </c>
      <c r="CO40" s="210">
        <v>0</v>
      </c>
      <c r="CP40" s="204">
        <v>0</v>
      </c>
      <c r="CQ40" s="204">
        <v>0</v>
      </c>
      <c r="CR40" s="205">
        <v>0</v>
      </c>
      <c r="CS40" s="206">
        <v>0</v>
      </c>
      <c r="CT40" s="206">
        <v>0</v>
      </c>
      <c r="CU40" s="206">
        <v>0</v>
      </c>
      <c r="CV40" s="204">
        <v>1</v>
      </c>
      <c r="CW40" s="207">
        <v>1</v>
      </c>
      <c r="CX40" s="208">
        <v>1</v>
      </c>
      <c r="CY40" s="203">
        <v>0</v>
      </c>
      <c r="CZ40" s="204">
        <v>0</v>
      </c>
      <c r="DA40" s="204">
        <v>0</v>
      </c>
      <c r="DB40" s="205">
        <v>0</v>
      </c>
      <c r="DC40" s="206">
        <v>0</v>
      </c>
      <c r="DD40" s="206">
        <v>0</v>
      </c>
      <c r="DE40" s="206">
        <v>0</v>
      </c>
      <c r="DF40" s="204">
        <v>1</v>
      </c>
      <c r="DG40" s="207">
        <v>1</v>
      </c>
      <c r="DH40" s="209">
        <v>1</v>
      </c>
      <c r="DI40" s="210">
        <v>0</v>
      </c>
      <c r="DJ40" s="204">
        <v>0</v>
      </c>
      <c r="DK40" s="204">
        <v>0</v>
      </c>
      <c r="DL40" s="205">
        <v>0</v>
      </c>
      <c r="DM40" s="206">
        <v>0</v>
      </c>
      <c r="DN40" s="206">
        <v>0</v>
      </c>
      <c r="DO40" s="206">
        <v>0</v>
      </c>
      <c r="DP40" s="204">
        <v>0</v>
      </c>
      <c r="DQ40" s="207">
        <v>0</v>
      </c>
      <c r="DR40" s="209">
        <v>0</v>
      </c>
      <c r="DS40" s="210">
        <v>0</v>
      </c>
      <c r="DT40" s="204">
        <v>0</v>
      </c>
      <c r="DU40" s="204">
        <v>0</v>
      </c>
      <c r="DV40" s="205">
        <v>2</v>
      </c>
      <c r="DW40" s="206">
        <v>1</v>
      </c>
      <c r="DX40" s="206">
        <v>12</v>
      </c>
      <c r="DY40" s="206">
        <v>9</v>
      </c>
      <c r="DZ40" s="204">
        <v>8</v>
      </c>
      <c r="EA40" s="207">
        <v>32</v>
      </c>
      <c r="EB40" s="209">
        <v>32</v>
      </c>
      <c r="EC40" s="37"/>
    </row>
    <row r="41" spans="2:133" x14ac:dyDescent="0.2">
      <c r="C41" s="38"/>
      <c r="D41" s="38"/>
      <c r="E41" s="38"/>
      <c r="F41" s="38"/>
      <c r="G41" s="38"/>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8"/>
      <c r="AG41" s="37"/>
      <c r="AH41" s="37"/>
      <c r="AI41" s="37"/>
      <c r="AJ41" s="37"/>
      <c r="AK41" s="37"/>
      <c r="AL41" s="37"/>
      <c r="AM41" s="37"/>
      <c r="AN41" s="37"/>
      <c r="AO41" s="37"/>
      <c r="AP41" s="37"/>
      <c r="AQ41" s="37"/>
      <c r="AR41" s="37"/>
      <c r="AS41" s="37"/>
      <c r="AT41" s="37"/>
      <c r="AU41" s="37"/>
      <c r="AV41" s="37"/>
      <c r="AW41" s="37"/>
      <c r="AX41" s="37"/>
      <c r="AY41" s="37"/>
      <c r="AZ41" s="37"/>
      <c r="BA41" s="37"/>
      <c r="BB41" s="37"/>
      <c r="BC41" s="37"/>
      <c r="BD41" s="37"/>
      <c r="BE41" s="37"/>
      <c r="BF41" s="37"/>
      <c r="BG41" s="37"/>
      <c r="BH41" s="37"/>
      <c r="BI41" s="37"/>
      <c r="BJ41" s="37"/>
      <c r="BK41" s="37"/>
      <c r="BL41" s="37"/>
      <c r="BM41" s="37"/>
      <c r="BN41" s="37"/>
      <c r="BO41" s="37"/>
      <c r="BP41" s="37"/>
      <c r="BQ41" s="37"/>
      <c r="BR41" s="37"/>
      <c r="BS41" s="37"/>
      <c r="BT41" s="37"/>
      <c r="BU41" s="37"/>
      <c r="BV41" s="37"/>
      <c r="BW41" s="37"/>
      <c r="BX41" s="37"/>
      <c r="BY41" s="37"/>
      <c r="BZ41" s="37"/>
      <c r="CA41" s="37"/>
      <c r="CB41" s="37"/>
      <c r="CC41" s="37"/>
      <c r="CD41" s="37"/>
      <c r="CE41" s="37"/>
      <c r="CF41" s="37"/>
      <c r="CG41" s="37"/>
      <c r="CH41" s="37"/>
      <c r="CI41" s="37"/>
      <c r="CJ41" s="37"/>
      <c r="CK41" s="37"/>
      <c r="CL41" s="37"/>
      <c r="CM41" s="37"/>
      <c r="CN41" s="37"/>
      <c r="CO41" s="37"/>
      <c r="CP41" s="37"/>
      <c r="CQ41" s="37"/>
      <c r="CR41" s="37"/>
      <c r="CS41" s="37"/>
      <c r="CT41" s="37"/>
      <c r="CU41" s="37"/>
      <c r="CV41" s="37"/>
      <c r="CW41" s="37"/>
      <c r="CX41" s="37"/>
      <c r="CY41" s="37"/>
      <c r="CZ41" s="37"/>
      <c r="DA41" s="37"/>
      <c r="DB41" s="37"/>
      <c r="DC41" s="37"/>
      <c r="DD41" s="37"/>
      <c r="DE41" s="37"/>
      <c r="DF41" s="37"/>
      <c r="DG41" s="37"/>
      <c r="DH41" s="37"/>
      <c r="DI41" s="37"/>
      <c r="DJ41" s="37"/>
      <c r="DK41" s="37"/>
      <c r="DL41" s="37"/>
      <c r="DM41" s="37"/>
      <c r="DN41" s="37"/>
      <c r="DO41" s="37"/>
      <c r="DP41" s="37"/>
      <c r="DQ41" s="37"/>
      <c r="DR41" s="37"/>
      <c r="DS41" s="37"/>
      <c r="DT41" s="37"/>
      <c r="DU41" s="37"/>
      <c r="DV41" s="37"/>
      <c r="DW41" s="37"/>
      <c r="DX41" s="37"/>
      <c r="DY41" s="37"/>
      <c r="DZ41" s="37"/>
      <c r="EA41" s="37"/>
      <c r="EB41" s="37"/>
      <c r="EC41" s="37"/>
    </row>
    <row r="42" spans="2:133" x14ac:dyDescent="0.2">
      <c r="C42" s="38"/>
      <c r="D42" s="38"/>
      <c r="E42" s="38"/>
      <c r="F42" s="38"/>
      <c r="G42" s="38"/>
      <c r="H42" s="38"/>
      <c r="I42" s="38"/>
      <c r="J42" s="38"/>
      <c r="K42" s="38"/>
      <c r="L42" s="38"/>
      <c r="M42" s="38"/>
      <c r="N42" s="38"/>
      <c r="O42" s="38"/>
      <c r="P42" s="38"/>
      <c r="Q42" s="38"/>
      <c r="R42" s="38"/>
      <c r="S42" s="38"/>
      <c r="T42" s="38"/>
      <c r="U42" s="38"/>
      <c r="V42" s="38"/>
      <c r="W42" s="38"/>
      <c r="X42" s="38"/>
      <c r="Y42" s="38"/>
      <c r="Z42" s="38"/>
      <c r="AA42" s="38"/>
      <c r="AB42" s="38"/>
      <c r="AC42" s="38"/>
      <c r="AD42" s="38"/>
      <c r="AE42" s="38"/>
      <c r="AF42" s="38"/>
      <c r="AG42" s="37"/>
      <c r="AH42" s="37"/>
      <c r="AI42" s="37"/>
      <c r="AJ42" s="37"/>
      <c r="AK42" s="37"/>
      <c r="AL42" s="37"/>
      <c r="AM42" s="37"/>
      <c r="AN42" s="37"/>
      <c r="AO42" s="37"/>
      <c r="AP42" s="37"/>
      <c r="AQ42" s="37"/>
      <c r="AR42" s="37"/>
      <c r="AS42" s="37"/>
      <c r="AT42" s="37"/>
      <c r="AU42" s="37"/>
      <c r="AV42" s="37"/>
      <c r="AW42" s="37"/>
      <c r="AX42" s="37"/>
      <c r="AY42" s="37"/>
      <c r="AZ42" s="37"/>
      <c r="BA42" s="37"/>
      <c r="BB42" s="37"/>
      <c r="BC42" s="37"/>
      <c r="BD42" s="37"/>
      <c r="BE42" s="37"/>
      <c r="BF42" s="37"/>
      <c r="BG42" s="37"/>
      <c r="BH42" s="37"/>
      <c r="BI42" s="37"/>
      <c r="BJ42" s="37"/>
      <c r="BK42" s="37"/>
      <c r="BL42" s="37"/>
      <c r="BM42" s="37"/>
      <c r="BN42" s="37"/>
      <c r="BO42" s="37"/>
      <c r="BP42" s="37"/>
      <c r="BQ42" s="37"/>
      <c r="BR42" s="37"/>
      <c r="BS42" s="37"/>
      <c r="BT42" s="37"/>
      <c r="BU42" s="37"/>
      <c r="BV42" s="37"/>
      <c r="BW42" s="37"/>
      <c r="BX42" s="37"/>
      <c r="BY42" s="37"/>
      <c r="BZ42" s="37"/>
      <c r="CA42" s="37"/>
      <c r="CB42" s="37"/>
      <c r="CC42" s="37"/>
      <c r="CD42" s="37"/>
      <c r="CE42" s="37"/>
      <c r="CF42" s="37"/>
      <c r="CG42" s="37"/>
      <c r="CH42" s="37"/>
      <c r="CI42" s="37"/>
      <c r="CJ42" s="37"/>
      <c r="CK42" s="37"/>
      <c r="CL42" s="37"/>
      <c r="CM42" s="37"/>
      <c r="CN42" s="37"/>
      <c r="CO42" s="37"/>
      <c r="CP42" s="37"/>
      <c r="CQ42" s="37"/>
      <c r="CR42" s="37"/>
      <c r="CS42" s="37"/>
      <c r="CT42" s="37"/>
      <c r="CU42" s="37"/>
      <c r="CV42" s="37"/>
      <c r="CW42" s="37"/>
      <c r="CX42" s="37"/>
      <c r="CY42" s="37"/>
      <c r="CZ42" s="37"/>
      <c r="DA42" s="37"/>
      <c r="DB42" s="37"/>
      <c r="DC42" s="37"/>
      <c r="DD42" s="37"/>
      <c r="DE42" s="37"/>
      <c r="DF42" s="37"/>
      <c r="DG42" s="37"/>
      <c r="DH42" s="37"/>
      <c r="DI42" s="37"/>
      <c r="DJ42" s="37"/>
      <c r="DK42" s="37"/>
      <c r="DL42" s="37"/>
      <c r="DM42" s="37"/>
      <c r="DN42" s="37"/>
      <c r="DO42" s="37"/>
      <c r="DP42" s="37"/>
      <c r="DQ42" s="37"/>
      <c r="DR42" s="37"/>
      <c r="DS42" s="37"/>
      <c r="DT42" s="37"/>
      <c r="DU42" s="37"/>
      <c r="DV42" s="37"/>
      <c r="DW42" s="37"/>
      <c r="DX42" s="37"/>
      <c r="DY42" s="37"/>
      <c r="DZ42" s="37"/>
      <c r="EA42" s="37"/>
      <c r="EB42" s="37"/>
      <c r="EC42" s="37"/>
    </row>
    <row r="43" spans="2:133" x14ac:dyDescent="0.2">
      <c r="C43" s="38"/>
      <c r="D43" s="38"/>
      <c r="E43" s="38"/>
      <c r="F43" s="38"/>
      <c r="G43" s="38"/>
      <c r="H43" s="38"/>
      <c r="I43" s="38"/>
      <c r="J43" s="38"/>
      <c r="K43" s="38"/>
      <c r="L43" s="38"/>
      <c r="M43" s="38"/>
      <c r="N43" s="38"/>
      <c r="O43" s="38"/>
      <c r="P43" s="38"/>
      <c r="Q43" s="38"/>
      <c r="R43" s="38"/>
      <c r="S43" s="38"/>
      <c r="T43" s="38"/>
      <c r="U43" s="38"/>
      <c r="V43" s="38"/>
      <c r="W43" s="38"/>
      <c r="X43" s="38"/>
      <c r="Y43" s="38"/>
      <c r="Z43" s="38"/>
      <c r="AA43" s="38"/>
      <c r="AB43" s="38"/>
      <c r="AC43" s="38"/>
      <c r="AD43" s="38"/>
      <c r="AE43" s="38"/>
      <c r="AF43" s="38"/>
      <c r="AG43" s="37"/>
      <c r="AH43" s="37"/>
      <c r="AI43" s="37"/>
      <c r="AJ43" s="37"/>
      <c r="AK43" s="37"/>
      <c r="AL43" s="37"/>
      <c r="AM43" s="37"/>
      <c r="AN43" s="37"/>
      <c r="AO43" s="37"/>
      <c r="AP43" s="37"/>
      <c r="AQ43" s="37"/>
      <c r="AR43" s="37"/>
      <c r="AS43" s="37"/>
      <c r="AT43" s="37"/>
      <c r="AU43" s="37"/>
      <c r="AV43" s="37"/>
      <c r="AW43" s="37"/>
      <c r="AX43" s="37"/>
      <c r="AY43" s="37"/>
      <c r="AZ43" s="37"/>
      <c r="BA43" s="37"/>
      <c r="BB43" s="37"/>
      <c r="BC43" s="37"/>
      <c r="BD43" s="37"/>
      <c r="BE43" s="37"/>
      <c r="BF43" s="37"/>
      <c r="BG43" s="37"/>
      <c r="BH43" s="37"/>
      <c r="BI43" s="37"/>
      <c r="BJ43" s="37"/>
      <c r="BK43" s="37"/>
      <c r="BL43" s="37"/>
      <c r="BM43" s="37"/>
      <c r="BN43" s="37"/>
      <c r="BO43" s="37"/>
      <c r="BP43" s="37"/>
      <c r="BQ43" s="37"/>
      <c r="BR43" s="37"/>
      <c r="BS43" s="37"/>
      <c r="BT43" s="37"/>
      <c r="BU43" s="37"/>
      <c r="BV43" s="37"/>
      <c r="BW43" s="37"/>
      <c r="BX43" s="37"/>
      <c r="BY43" s="37"/>
      <c r="BZ43" s="37"/>
      <c r="CA43" s="37"/>
      <c r="CB43" s="37"/>
      <c r="CC43" s="37"/>
      <c r="CD43" s="37"/>
      <c r="CE43" s="37"/>
      <c r="CF43" s="37"/>
      <c r="CG43" s="37"/>
      <c r="CH43" s="37"/>
      <c r="CI43" s="37"/>
      <c r="CJ43" s="37"/>
      <c r="CK43" s="37"/>
      <c r="CL43" s="37"/>
      <c r="CM43" s="37"/>
      <c r="CN43" s="37"/>
      <c r="CO43" s="37"/>
      <c r="CP43" s="37"/>
      <c r="CQ43" s="37"/>
      <c r="CR43" s="37"/>
      <c r="CS43" s="37"/>
      <c r="CT43" s="37"/>
      <c r="CU43" s="37"/>
      <c r="CV43" s="37"/>
      <c r="CW43" s="37"/>
      <c r="CX43" s="37"/>
      <c r="CY43" s="37"/>
      <c r="CZ43" s="37"/>
      <c r="DA43" s="37"/>
      <c r="DB43" s="37"/>
      <c r="DC43" s="37"/>
      <c r="DD43" s="37"/>
      <c r="DE43" s="37"/>
      <c r="DF43" s="37"/>
      <c r="DG43" s="37"/>
      <c r="DH43" s="37"/>
      <c r="DI43" s="37"/>
      <c r="DJ43" s="37"/>
      <c r="DK43" s="37"/>
      <c r="DL43" s="37"/>
      <c r="DM43" s="37"/>
      <c r="DN43" s="37"/>
      <c r="DO43" s="37"/>
      <c r="DP43" s="37"/>
      <c r="DQ43" s="37"/>
      <c r="DR43" s="37"/>
      <c r="DS43" s="37"/>
      <c r="DT43" s="37"/>
      <c r="DU43" s="37"/>
      <c r="DV43" s="37"/>
      <c r="DW43" s="37"/>
      <c r="DX43" s="37"/>
      <c r="DY43" s="37"/>
      <c r="DZ43" s="37"/>
      <c r="EA43" s="37"/>
      <c r="EB43" s="37"/>
      <c r="EC43" s="37"/>
    </row>
    <row r="44" spans="2:133" x14ac:dyDescent="0.2">
      <c r="C44" s="38"/>
      <c r="D44" s="38"/>
      <c r="E44" s="38"/>
      <c r="F44" s="38"/>
      <c r="G44" s="38"/>
      <c r="H44" s="38"/>
      <c r="I44" s="38"/>
      <c r="J44" s="38"/>
      <c r="K44" s="38"/>
      <c r="L44" s="38"/>
      <c r="M44" s="38"/>
      <c r="N44" s="38"/>
      <c r="O44" s="38"/>
      <c r="P44" s="38"/>
      <c r="Q44" s="38"/>
      <c r="R44" s="38"/>
      <c r="S44" s="38"/>
      <c r="T44" s="38"/>
      <c r="U44" s="38"/>
      <c r="V44" s="38"/>
      <c r="W44" s="38"/>
      <c r="X44" s="38"/>
      <c r="Y44" s="38"/>
      <c r="Z44" s="38"/>
      <c r="AA44" s="38"/>
      <c r="AB44" s="38"/>
      <c r="AC44" s="38"/>
      <c r="AD44" s="38"/>
      <c r="AE44" s="38"/>
      <c r="AF44" s="38"/>
      <c r="AG44" s="37"/>
      <c r="AH44" s="37"/>
      <c r="AI44" s="37"/>
      <c r="AJ44" s="37"/>
      <c r="AK44" s="37"/>
      <c r="AL44" s="37"/>
      <c r="AM44" s="37"/>
      <c r="AN44" s="37"/>
      <c r="AO44" s="37"/>
      <c r="AP44" s="37"/>
      <c r="AQ44" s="37"/>
      <c r="AR44" s="37"/>
      <c r="AS44" s="37"/>
      <c r="AT44" s="37"/>
      <c r="AU44" s="37"/>
      <c r="AV44" s="37"/>
      <c r="AW44" s="37"/>
      <c r="AX44" s="37"/>
      <c r="AY44" s="37"/>
      <c r="AZ44" s="37"/>
      <c r="BA44" s="37"/>
      <c r="BB44" s="37"/>
      <c r="BC44" s="37"/>
      <c r="BD44" s="37"/>
      <c r="BE44" s="37"/>
      <c r="BF44" s="37"/>
      <c r="BG44" s="37"/>
      <c r="BH44" s="37"/>
      <c r="BI44" s="37"/>
      <c r="BJ44" s="37"/>
      <c r="BK44" s="37"/>
      <c r="BL44" s="37"/>
      <c r="BM44" s="37"/>
      <c r="BN44" s="37"/>
      <c r="BO44" s="37"/>
      <c r="BP44" s="37"/>
      <c r="BQ44" s="37"/>
      <c r="BR44" s="37"/>
      <c r="BS44" s="37"/>
      <c r="BT44" s="37"/>
      <c r="BU44" s="37"/>
      <c r="BV44" s="37"/>
      <c r="BW44" s="37"/>
      <c r="BX44" s="37"/>
      <c r="BY44" s="37"/>
      <c r="BZ44" s="37"/>
      <c r="CA44" s="37"/>
      <c r="CB44" s="37"/>
      <c r="CC44" s="37"/>
      <c r="CD44" s="37"/>
      <c r="CE44" s="37"/>
      <c r="CF44" s="37"/>
      <c r="CG44" s="37"/>
      <c r="CH44" s="37"/>
      <c r="CI44" s="37"/>
      <c r="CJ44" s="37"/>
      <c r="CK44" s="37"/>
      <c r="CL44" s="37"/>
      <c r="CM44" s="37"/>
      <c r="CN44" s="37"/>
      <c r="CO44" s="37"/>
      <c r="CP44" s="37"/>
      <c r="CQ44" s="37"/>
      <c r="CR44" s="37"/>
      <c r="CS44" s="37"/>
      <c r="CT44" s="37"/>
      <c r="CU44" s="37"/>
      <c r="CV44" s="37"/>
      <c r="CW44" s="37"/>
      <c r="CX44" s="37"/>
      <c r="CY44" s="37"/>
      <c r="CZ44" s="37"/>
      <c r="DA44" s="37"/>
      <c r="DB44" s="37"/>
      <c r="DC44" s="37"/>
      <c r="DD44" s="37"/>
      <c r="DE44" s="37"/>
      <c r="DF44" s="37"/>
      <c r="DG44" s="37"/>
      <c r="DH44" s="37"/>
      <c r="DI44" s="37"/>
      <c r="DJ44" s="37"/>
      <c r="DK44" s="37"/>
      <c r="DL44" s="37"/>
      <c r="DM44" s="37"/>
      <c r="DN44" s="37"/>
      <c r="DO44" s="37"/>
      <c r="DP44" s="37"/>
      <c r="DQ44" s="37"/>
      <c r="DR44" s="37"/>
      <c r="DS44" s="37"/>
      <c r="DT44" s="37"/>
      <c r="DU44" s="37"/>
      <c r="DV44" s="37"/>
      <c r="DW44" s="37"/>
      <c r="DX44" s="37"/>
      <c r="DY44" s="37"/>
      <c r="DZ44" s="37"/>
      <c r="EA44" s="37"/>
      <c r="EB44" s="37"/>
      <c r="EC44" s="37"/>
    </row>
    <row r="45" spans="2:133" x14ac:dyDescent="0.2">
      <c r="C45" s="38"/>
      <c r="D45" s="38"/>
      <c r="E45" s="38"/>
      <c r="F45" s="38"/>
      <c r="G45" s="38"/>
      <c r="H45" s="38"/>
      <c r="I45" s="38"/>
      <c r="J45" s="38"/>
      <c r="K45" s="38"/>
      <c r="L45" s="38"/>
      <c r="M45" s="38"/>
      <c r="N45" s="38"/>
      <c r="O45" s="38"/>
      <c r="P45" s="38"/>
      <c r="Q45" s="38"/>
      <c r="R45" s="38"/>
      <c r="S45" s="38"/>
      <c r="T45" s="38"/>
      <c r="U45" s="38"/>
      <c r="V45" s="38"/>
      <c r="W45" s="38"/>
      <c r="X45" s="38"/>
      <c r="Y45" s="38"/>
      <c r="Z45" s="38"/>
      <c r="AA45" s="38"/>
      <c r="AB45" s="38"/>
      <c r="AC45" s="38"/>
      <c r="AD45" s="38"/>
      <c r="AE45" s="38"/>
      <c r="AF45" s="38"/>
      <c r="AG45" s="37"/>
      <c r="AH45" s="37"/>
      <c r="AI45" s="37"/>
      <c r="AJ45" s="37"/>
      <c r="AK45" s="37"/>
      <c r="AL45" s="37"/>
      <c r="AM45" s="37"/>
      <c r="AN45" s="37"/>
      <c r="AO45" s="37"/>
      <c r="AP45" s="37"/>
      <c r="AQ45" s="37"/>
      <c r="AR45" s="37"/>
      <c r="AS45" s="37"/>
      <c r="AT45" s="37"/>
      <c r="AU45" s="37"/>
      <c r="AV45" s="37"/>
      <c r="AW45" s="37"/>
      <c r="AX45" s="37"/>
      <c r="AY45" s="37"/>
      <c r="AZ45" s="37"/>
      <c r="BA45" s="37"/>
      <c r="BB45" s="37"/>
      <c r="BC45" s="37"/>
      <c r="BD45" s="37"/>
      <c r="BE45" s="37"/>
      <c r="BF45" s="37"/>
      <c r="BG45" s="37"/>
      <c r="BH45" s="37"/>
      <c r="BI45" s="37"/>
      <c r="BJ45" s="37"/>
      <c r="BK45" s="37"/>
      <c r="BL45" s="37"/>
      <c r="BM45" s="37"/>
      <c r="BN45" s="37"/>
      <c r="BO45" s="37"/>
      <c r="BP45" s="37"/>
      <c r="BQ45" s="37"/>
      <c r="BR45" s="37"/>
      <c r="BS45" s="37"/>
      <c r="BT45" s="37"/>
      <c r="BU45" s="37"/>
      <c r="BV45" s="37"/>
      <c r="BW45" s="37"/>
      <c r="BX45" s="37"/>
      <c r="BY45" s="37"/>
      <c r="BZ45" s="37"/>
      <c r="CA45" s="37"/>
      <c r="CB45" s="37"/>
      <c r="CC45" s="37"/>
      <c r="CD45" s="37"/>
      <c r="CE45" s="37"/>
      <c r="CF45" s="37"/>
      <c r="CG45" s="37"/>
      <c r="CH45" s="37"/>
      <c r="CI45" s="37"/>
      <c r="CJ45" s="37"/>
      <c r="CK45" s="37"/>
      <c r="CL45" s="37"/>
      <c r="CM45" s="37"/>
      <c r="CN45" s="37"/>
      <c r="CO45" s="37"/>
      <c r="CP45" s="37"/>
      <c r="CQ45" s="37"/>
      <c r="CR45" s="37"/>
      <c r="CS45" s="37"/>
      <c r="CT45" s="37"/>
      <c r="CU45" s="37"/>
      <c r="CV45" s="37"/>
      <c r="CW45" s="37"/>
      <c r="CX45" s="37"/>
      <c r="CY45" s="37"/>
      <c r="CZ45" s="37"/>
      <c r="DA45" s="37"/>
      <c r="DB45" s="37"/>
      <c r="DC45" s="37"/>
      <c r="DD45" s="37"/>
      <c r="DE45" s="37"/>
      <c r="DF45" s="37"/>
      <c r="DG45" s="37"/>
      <c r="DH45" s="37"/>
      <c r="DI45" s="37"/>
      <c r="DJ45" s="37"/>
      <c r="DK45" s="37"/>
      <c r="DL45" s="37"/>
      <c r="DM45" s="37"/>
      <c r="DN45" s="37"/>
      <c r="DO45" s="37"/>
      <c r="DP45" s="37"/>
      <c r="DQ45" s="37"/>
      <c r="DR45" s="37"/>
      <c r="DS45" s="37"/>
      <c r="DT45" s="37"/>
      <c r="DU45" s="37"/>
      <c r="DV45" s="37"/>
      <c r="DW45" s="37"/>
      <c r="DX45" s="37"/>
      <c r="DY45" s="37"/>
      <c r="DZ45" s="37"/>
      <c r="EA45" s="37"/>
      <c r="EB45" s="37"/>
      <c r="EC45" s="37"/>
    </row>
    <row r="46" spans="2:133" x14ac:dyDescent="0.2">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c r="AF46" s="3"/>
    </row>
    <row r="47" spans="2:133" x14ac:dyDescent="0.2">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row>
    <row r="48" spans="2:133" x14ac:dyDescent="0.2">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row>
    <row r="49" spans="3:32" x14ac:dyDescent="0.2">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c r="AF49" s="3"/>
    </row>
    <row r="50" spans="3:32" x14ac:dyDescent="0.2">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c r="AF50" s="3"/>
    </row>
    <row r="51" spans="3:32" x14ac:dyDescent="0.2">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c r="AF51" s="3"/>
    </row>
    <row r="52" spans="3:32" x14ac:dyDescent="0.2">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c r="AF52" s="3"/>
    </row>
    <row r="53" spans="3:32" x14ac:dyDescent="0.2">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c r="AF53" s="3"/>
    </row>
    <row r="54" spans="3:32" x14ac:dyDescent="0.2">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row>
    <row r="55" spans="3:32" x14ac:dyDescent="0.2">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row>
    <row r="56" spans="3:32" x14ac:dyDescent="0.2">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row>
    <row r="57" spans="3:32" x14ac:dyDescent="0.2">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row>
    <row r="58" spans="3:32" x14ac:dyDescent="0.2">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row>
    <row r="59" spans="3:32" x14ac:dyDescent="0.2">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row>
    <row r="60" spans="3:32" x14ac:dyDescent="0.2">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row>
    <row r="61" spans="3:32" x14ac:dyDescent="0.2">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row>
    <row r="62" spans="3:32" x14ac:dyDescent="0.2">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c r="AF62" s="3"/>
    </row>
    <row r="63" spans="3:32" x14ac:dyDescent="0.2">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row>
    <row r="64" spans="3:32" x14ac:dyDescent="0.2">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row>
    <row r="65" spans="3:32" x14ac:dyDescent="0.2">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c r="AF65" s="3"/>
    </row>
    <row r="66" spans="3:32" x14ac:dyDescent="0.2">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row>
    <row r="67" spans="3:32" x14ac:dyDescent="0.2">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row>
    <row r="68" spans="3:32" x14ac:dyDescent="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row>
    <row r="69" spans="3:32" x14ac:dyDescent="0.2">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row>
    <row r="70" spans="3:32" x14ac:dyDescent="0.2">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row>
    <row r="71" spans="3:32" x14ac:dyDescent="0.2">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row>
    <row r="72" spans="3:32" x14ac:dyDescent="0.2">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c r="AF72" s="3"/>
    </row>
    <row r="73" spans="3:32" x14ac:dyDescent="0.2">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c r="AF73" s="3"/>
    </row>
    <row r="74" spans="3:32" x14ac:dyDescent="0.2">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c r="AF74" s="3"/>
    </row>
    <row r="75" spans="3:32" x14ac:dyDescent="0.2">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c r="AF75" s="3"/>
    </row>
    <row r="76" spans="3:32" x14ac:dyDescent="0.2">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c r="AF76" s="3"/>
    </row>
    <row r="77" spans="3:32" x14ac:dyDescent="0.2">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c r="AF77" s="3"/>
    </row>
    <row r="78" spans="3:32" x14ac:dyDescent="0.2">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c r="AF78" s="3"/>
    </row>
    <row r="79" spans="3:32" x14ac:dyDescent="0.2">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c r="AF79" s="3"/>
    </row>
    <row r="80" spans="3:32" x14ac:dyDescent="0.2">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c r="AF80" s="3"/>
    </row>
    <row r="81" spans="3:32" x14ac:dyDescent="0.2">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c r="AF81" s="3"/>
    </row>
    <row r="82" spans="3:32" x14ac:dyDescent="0.2">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c r="AF82" s="3"/>
    </row>
    <row r="83" spans="3:32" x14ac:dyDescent="0.2">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c r="AF83" s="3"/>
    </row>
    <row r="84" spans="3:32" x14ac:dyDescent="0.2">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c r="AF84" s="3"/>
    </row>
    <row r="85" spans="3:32" x14ac:dyDescent="0.2">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c r="AF85" s="3"/>
    </row>
    <row r="86" spans="3:32" x14ac:dyDescent="0.2">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c r="AF86" s="3"/>
    </row>
    <row r="87" spans="3:32" x14ac:dyDescent="0.2">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c r="AF87" s="3"/>
    </row>
    <row r="88" spans="3:32" x14ac:dyDescent="0.2">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c r="AF88" s="3"/>
    </row>
    <row r="89" spans="3:32" x14ac:dyDescent="0.2">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row>
    <row r="90" spans="3:32" x14ac:dyDescent="0.2">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c r="AF90" s="3"/>
    </row>
    <row r="91" spans="3:32" x14ac:dyDescent="0.2">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c r="AF91" s="3"/>
    </row>
    <row r="92" spans="3:32" x14ac:dyDescent="0.2">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c r="AF92" s="3"/>
    </row>
    <row r="93" spans="3:32" x14ac:dyDescent="0.2">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c r="AF93" s="3"/>
    </row>
    <row r="94" spans="3:32" x14ac:dyDescent="0.2">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row>
    <row r="95" spans="3:32" x14ac:dyDescent="0.2">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row>
    <row r="96" spans="3:32" x14ac:dyDescent="0.2">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c r="AF96" s="3"/>
    </row>
    <row r="97" spans="3:32" x14ac:dyDescent="0.2">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c r="AF97" s="3"/>
    </row>
    <row r="98" spans="3:32" x14ac:dyDescent="0.2">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c r="AF98" s="3"/>
    </row>
    <row r="99" spans="3:32" x14ac:dyDescent="0.2">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c r="AF99" s="3"/>
    </row>
    <row r="100" spans="3:32" x14ac:dyDescent="0.2">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c r="AF100" s="3"/>
    </row>
    <row r="101" spans="3:32" x14ac:dyDescent="0.2">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c r="AF101" s="3"/>
    </row>
    <row r="102" spans="3:32" x14ac:dyDescent="0.2">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c r="AF102" s="3"/>
    </row>
    <row r="103" spans="3:32" x14ac:dyDescent="0.2">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c r="AF103" s="3"/>
    </row>
    <row r="104" spans="3:32" x14ac:dyDescent="0.2">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c r="AF104" s="3"/>
    </row>
    <row r="105" spans="3:32" x14ac:dyDescent="0.2">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c r="AF105" s="3"/>
    </row>
    <row r="106" spans="3:32" x14ac:dyDescent="0.2">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c r="AF106" s="3"/>
    </row>
    <row r="107" spans="3:32" x14ac:dyDescent="0.2">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row>
    <row r="108" spans="3:32" x14ac:dyDescent="0.2">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c r="AF108" s="3"/>
    </row>
    <row r="109" spans="3:32" x14ac:dyDescent="0.2">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c r="AF109" s="3"/>
    </row>
    <row r="110" spans="3:32" x14ac:dyDescent="0.2">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c r="AF110" s="3"/>
    </row>
    <row r="111" spans="3:32" x14ac:dyDescent="0.2">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c r="AF111" s="3"/>
    </row>
    <row r="112" spans="3:32" x14ac:dyDescent="0.2">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c r="AF112" s="3"/>
    </row>
    <row r="113" spans="3:32" x14ac:dyDescent="0.2">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c r="AF113" s="3"/>
    </row>
    <row r="114" spans="3:32" x14ac:dyDescent="0.2">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c r="AF114" s="3"/>
    </row>
    <row r="115" spans="3:32" x14ac:dyDescent="0.2">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row>
    <row r="116" spans="3:32" x14ac:dyDescent="0.2">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row>
    <row r="117" spans="3:32" x14ac:dyDescent="0.2">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row>
    <row r="118" spans="3:32" x14ac:dyDescent="0.2">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c r="AF118" s="3"/>
    </row>
    <row r="119" spans="3:32" x14ac:dyDescent="0.2">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c r="AF119" s="3"/>
    </row>
    <row r="120" spans="3:32" x14ac:dyDescent="0.2">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c r="AF120" s="3"/>
    </row>
    <row r="121" spans="3:32" x14ac:dyDescent="0.2">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c r="AF121" s="3"/>
    </row>
    <row r="122" spans="3:32" x14ac:dyDescent="0.2">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c r="AF122" s="3"/>
    </row>
    <row r="123" spans="3:32" x14ac:dyDescent="0.2">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c r="AF123" s="3"/>
    </row>
    <row r="124" spans="3:32" x14ac:dyDescent="0.2">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c r="AF124" s="3"/>
    </row>
    <row r="125" spans="3:32" x14ac:dyDescent="0.2">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c r="AF125" s="3"/>
    </row>
    <row r="126" spans="3:32" x14ac:dyDescent="0.2">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c r="AF126" s="3"/>
    </row>
    <row r="127" spans="3:32" x14ac:dyDescent="0.2">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c r="AF127" s="3"/>
    </row>
    <row r="128" spans="3:32" x14ac:dyDescent="0.2">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c r="AF128" s="3"/>
    </row>
    <row r="129" spans="3:32" x14ac:dyDescent="0.2">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row>
    <row r="130" spans="3:32" x14ac:dyDescent="0.2">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row>
    <row r="131" spans="3:32" x14ac:dyDescent="0.2">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row>
    <row r="132" spans="3:32" x14ac:dyDescent="0.2">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row>
    <row r="133" spans="3:32" x14ac:dyDescent="0.2">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c r="AF133" s="3"/>
    </row>
    <row r="134" spans="3:32" x14ac:dyDescent="0.2">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c r="AF134" s="3"/>
    </row>
    <row r="135" spans="3:32" x14ac:dyDescent="0.2">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c r="AF135" s="3"/>
    </row>
    <row r="136" spans="3:32" x14ac:dyDescent="0.2">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c r="AF136" s="3"/>
    </row>
    <row r="137" spans="3:32" x14ac:dyDescent="0.2">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c r="AF137" s="3"/>
    </row>
    <row r="138" spans="3:32" x14ac:dyDescent="0.2">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c r="AF138" s="3"/>
    </row>
    <row r="139" spans="3:32" x14ac:dyDescent="0.2">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c r="AF139" s="3"/>
    </row>
    <row r="140" spans="3:32" x14ac:dyDescent="0.2">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c r="AF140" s="3"/>
    </row>
    <row r="141" spans="3:32" x14ac:dyDescent="0.2">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c r="AF141" s="3"/>
    </row>
    <row r="142" spans="3:32" x14ac:dyDescent="0.2">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c r="AF142" s="3"/>
    </row>
    <row r="143" spans="3:32" x14ac:dyDescent="0.2">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c r="AF143" s="3"/>
    </row>
    <row r="144" spans="3:32" x14ac:dyDescent="0.2">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c r="AF144" s="3"/>
    </row>
    <row r="145" spans="3:32" x14ac:dyDescent="0.2">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c r="AF145" s="3"/>
    </row>
    <row r="146" spans="3:32" x14ac:dyDescent="0.2">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c r="AF146" s="3"/>
    </row>
    <row r="147" spans="3:32" x14ac:dyDescent="0.2">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c r="AF147" s="3"/>
    </row>
    <row r="148" spans="3:32" x14ac:dyDescent="0.2">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c r="AF148" s="3"/>
    </row>
    <row r="149" spans="3:32" x14ac:dyDescent="0.2">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c r="AF149" s="3"/>
    </row>
    <row r="150" spans="3:32" x14ac:dyDescent="0.2">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c r="AF150" s="3"/>
    </row>
    <row r="151" spans="3:32" x14ac:dyDescent="0.2">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c r="AF151" s="3"/>
    </row>
    <row r="152" spans="3:32" x14ac:dyDescent="0.2">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c r="AF152" s="3"/>
    </row>
    <row r="153" spans="3:32" x14ac:dyDescent="0.2">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c r="AF153" s="3"/>
    </row>
    <row r="154" spans="3:32" x14ac:dyDescent="0.2">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c r="AF154" s="3"/>
    </row>
    <row r="155" spans="3:32" x14ac:dyDescent="0.2">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c r="AF155" s="3"/>
    </row>
    <row r="156" spans="3:32" x14ac:dyDescent="0.2">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c r="AF156" s="3"/>
    </row>
    <row r="157" spans="3:32" x14ac:dyDescent="0.2">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row>
    <row r="158" spans="3:32" x14ac:dyDescent="0.2">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row>
    <row r="159" spans="3:32" x14ac:dyDescent="0.2">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row>
    <row r="160" spans="3:32" x14ac:dyDescent="0.2">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row>
    <row r="161" spans="3:32" x14ac:dyDescent="0.2">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row>
    <row r="162" spans="3:32" x14ac:dyDescent="0.2">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c r="AF162" s="3"/>
    </row>
    <row r="163" spans="3:32" x14ac:dyDescent="0.2">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c r="AF163" s="3"/>
    </row>
    <row r="164" spans="3:32" x14ac:dyDescent="0.2">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c r="AF164" s="3"/>
    </row>
    <row r="165" spans="3:32" x14ac:dyDescent="0.2">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c r="AF165" s="3"/>
    </row>
    <row r="166" spans="3:32" x14ac:dyDescent="0.2">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c r="AF166" s="3"/>
    </row>
    <row r="167" spans="3:32" x14ac:dyDescent="0.2">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c r="AF167" s="3"/>
    </row>
    <row r="168" spans="3:32" x14ac:dyDescent="0.2">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row>
    <row r="169" spans="3:32" x14ac:dyDescent="0.2">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row>
    <row r="170" spans="3:32" x14ac:dyDescent="0.2">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row>
    <row r="171" spans="3:32" x14ac:dyDescent="0.2">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row>
    <row r="172" spans="3:32" x14ac:dyDescent="0.2">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row>
    <row r="173" spans="3:32" x14ac:dyDescent="0.2">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c r="AF173" s="3"/>
    </row>
    <row r="174" spans="3:32" x14ac:dyDescent="0.2">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row>
    <row r="175" spans="3:32" x14ac:dyDescent="0.2">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c r="AF175" s="3"/>
    </row>
    <row r="176" spans="3:32" x14ac:dyDescent="0.2">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c r="AF176" s="3"/>
    </row>
    <row r="177" spans="3:32" x14ac:dyDescent="0.2">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c r="AF177" s="3"/>
    </row>
    <row r="178" spans="3:32" x14ac:dyDescent="0.2">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c r="AF178" s="3"/>
    </row>
    <row r="179" spans="3:32" x14ac:dyDescent="0.2">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c r="AF179" s="3"/>
    </row>
    <row r="180" spans="3:32" x14ac:dyDescent="0.2">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c r="AF180" s="3"/>
    </row>
    <row r="181" spans="3:32" x14ac:dyDescent="0.2">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c r="AF181" s="3"/>
    </row>
    <row r="182" spans="3:32" x14ac:dyDescent="0.2">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c r="AF182" s="3"/>
    </row>
    <row r="183" spans="3:32" x14ac:dyDescent="0.2">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c r="AF183" s="3"/>
    </row>
    <row r="184" spans="3:32" x14ac:dyDescent="0.2">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c r="AF184" s="3"/>
    </row>
    <row r="185" spans="3:32" x14ac:dyDescent="0.2">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c r="AF185" s="3"/>
    </row>
    <row r="186" spans="3:32" x14ac:dyDescent="0.2">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c r="AF186" s="3"/>
    </row>
    <row r="187" spans="3:32" x14ac:dyDescent="0.2">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c r="AF187" s="3"/>
    </row>
    <row r="188" spans="3:32" x14ac:dyDescent="0.2">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c r="AF188" s="3"/>
    </row>
    <row r="189" spans="3:32" x14ac:dyDescent="0.2">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c r="AF189" s="3"/>
    </row>
    <row r="190" spans="3:32" x14ac:dyDescent="0.2">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c r="AF190" s="3"/>
    </row>
    <row r="191" spans="3:32" x14ac:dyDescent="0.2">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c r="AF191" s="3"/>
    </row>
    <row r="192" spans="3:32" x14ac:dyDescent="0.2">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c r="AF192" s="3"/>
    </row>
    <row r="193" spans="3:32" x14ac:dyDescent="0.2">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c r="AF193" s="3"/>
    </row>
    <row r="194" spans="3:32" x14ac:dyDescent="0.2">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c r="AF194" s="3"/>
    </row>
    <row r="195" spans="3:32" x14ac:dyDescent="0.2">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c r="AF195" s="3"/>
    </row>
    <row r="196" spans="3:32" x14ac:dyDescent="0.2">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c r="AF196" s="3"/>
    </row>
    <row r="197" spans="3:32" x14ac:dyDescent="0.2">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c r="AF197" s="3"/>
    </row>
    <row r="198" spans="3:32" x14ac:dyDescent="0.2">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c r="AF198" s="3"/>
    </row>
    <row r="199" spans="3:32" x14ac:dyDescent="0.2">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c r="AF199" s="3"/>
    </row>
    <row r="200" spans="3:32" x14ac:dyDescent="0.2">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c r="AF200" s="3"/>
    </row>
    <row r="201" spans="3:32" x14ac:dyDescent="0.2">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c r="AF201" s="3"/>
    </row>
    <row r="202" spans="3:32" x14ac:dyDescent="0.2">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c r="AF202" s="3"/>
    </row>
    <row r="203" spans="3:32" x14ac:dyDescent="0.2">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c r="AF203" s="3"/>
    </row>
    <row r="204" spans="3:32" x14ac:dyDescent="0.2">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c r="AF204" s="3"/>
    </row>
    <row r="205" spans="3:32" x14ac:dyDescent="0.2">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c r="AF205" s="3"/>
    </row>
    <row r="206" spans="3:32" x14ac:dyDescent="0.2">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c r="AF206" s="3"/>
    </row>
    <row r="207" spans="3:32" x14ac:dyDescent="0.2">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c r="AF207" s="3"/>
    </row>
    <row r="208" spans="3:32" x14ac:dyDescent="0.2">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c r="AF208" s="3"/>
    </row>
    <row r="209" spans="3:32" x14ac:dyDescent="0.2">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c r="AF209" s="3"/>
    </row>
    <row r="210" spans="3:32" x14ac:dyDescent="0.2">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c r="AF210" s="3"/>
    </row>
    <row r="211" spans="3:32" x14ac:dyDescent="0.2">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c r="AF211" s="3"/>
    </row>
    <row r="212" spans="3:32" x14ac:dyDescent="0.2">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c r="AF212" s="3"/>
    </row>
    <row r="213" spans="3:32" x14ac:dyDescent="0.2">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c r="AF213" s="3"/>
    </row>
    <row r="214" spans="3:32" x14ac:dyDescent="0.2">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c r="AF214" s="3"/>
    </row>
    <row r="215" spans="3:32" x14ac:dyDescent="0.2">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c r="AF215" s="3"/>
    </row>
    <row r="216" spans="3:32" x14ac:dyDescent="0.2">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c r="AF216" s="3"/>
    </row>
    <row r="217" spans="3:32" x14ac:dyDescent="0.2">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c r="AF217" s="3"/>
    </row>
    <row r="218" spans="3:32" x14ac:dyDescent="0.2">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c r="AF218" s="3"/>
    </row>
    <row r="219" spans="3:32" x14ac:dyDescent="0.2">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c r="AF219" s="3"/>
    </row>
  </sheetData>
  <mergeCells count="58">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 ref="BU5:BW5"/>
    <mergeCell ref="BX5:CC5"/>
    <mergeCell ref="BA5:BC5"/>
    <mergeCell ref="BD5:BI5"/>
    <mergeCell ref="BJ5:BJ6"/>
    <mergeCell ref="BK5:BM5"/>
    <mergeCell ref="W5:Y5"/>
    <mergeCell ref="Z5:AE5"/>
    <mergeCell ref="AF5:AF6"/>
    <mergeCell ref="BN5:BS5"/>
    <mergeCell ref="BT5:BT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G1:H1"/>
    <mergeCell ref="B3:B5"/>
    <mergeCell ref="C3:AF3"/>
    <mergeCell ref="AG3:BJ3"/>
    <mergeCell ref="AG5:AI5"/>
    <mergeCell ref="AJ5:AO5"/>
    <mergeCell ref="AP5:AP6"/>
    <mergeCell ref="AQ5:AS5"/>
    <mergeCell ref="AT5:AY5"/>
    <mergeCell ref="AZ5:AZ6"/>
    <mergeCell ref="C5:E5"/>
    <mergeCell ref="F5:K5"/>
    <mergeCell ref="L5:L6"/>
    <mergeCell ref="M5:O5"/>
    <mergeCell ref="P5:U5"/>
    <mergeCell ref="V5:V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5" width="7.88671875" style="43" customWidth="1"/>
    <col min="6" max="6" width="8.109375" style="43" customWidth="1"/>
    <col min="7"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102" width="9" style="43"/>
    <col min="103" max="148" width="9" style="44"/>
    <col min="149" max="149" width="7.77734375" style="44" customWidth="1"/>
    <col min="150" max="159" width="9" style="44"/>
    <col min="160" max="160" width="8.109375" style="44" customWidth="1"/>
    <col min="161" max="16384" width="9" style="44"/>
  </cols>
  <sheetData>
    <row r="1" spans="2:299" ht="24" customHeight="1" x14ac:dyDescent="0.2">
      <c r="B1" s="12" t="s">
        <v>121</v>
      </c>
      <c r="F1" s="523">
        <f>第１表!F2</f>
        <v>4</v>
      </c>
      <c r="G1" s="523"/>
      <c r="H1" s="248">
        <f>第１表!G2</f>
        <v>9</v>
      </c>
      <c r="I1" s="505">
        <f>H1</f>
        <v>9</v>
      </c>
      <c r="J1" s="505"/>
    </row>
    <row r="2" spans="2:299" ht="24" customHeight="1" thickBot="1" x14ac:dyDescent="0.25">
      <c r="B2" s="20" t="s">
        <v>130</v>
      </c>
    </row>
    <row r="3" spans="2:299" ht="22.5" customHeight="1" thickBot="1" x14ac:dyDescent="0.25">
      <c r="B3" s="506" t="s">
        <v>38</v>
      </c>
      <c r="C3" s="518" t="s">
        <v>96</v>
      </c>
      <c r="D3" s="518"/>
      <c r="E3" s="518"/>
      <c r="F3" s="518"/>
      <c r="G3" s="518"/>
      <c r="H3" s="518"/>
      <c r="I3" s="518"/>
      <c r="J3" s="518"/>
      <c r="K3" s="518"/>
      <c r="L3" s="518"/>
      <c r="M3" s="518"/>
      <c r="N3" s="518"/>
      <c r="O3" s="518"/>
      <c r="P3" s="518"/>
      <c r="Q3" s="518"/>
      <c r="R3" s="518"/>
      <c r="S3" s="518"/>
      <c r="T3" s="518"/>
      <c r="U3" s="518"/>
      <c r="V3" s="518"/>
      <c r="W3" s="518"/>
      <c r="X3" s="518"/>
      <c r="Y3" s="518"/>
      <c r="Z3" s="518"/>
      <c r="AA3" s="518"/>
      <c r="AB3" s="518"/>
      <c r="AC3" s="518"/>
      <c r="AD3" s="518"/>
      <c r="AE3" s="518"/>
      <c r="AF3" s="518"/>
      <c r="AG3" s="518"/>
      <c r="AH3" s="518"/>
      <c r="AI3" s="518"/>
      <c r="AJ3" s="518"/>
      <c r="AK3" s="518"/>
      <c r="AL3" s="518"/>
      <c r="AM3" s="518"/>
      <c r="AN3" s="518"/>
      <c r="AO3" s="518"/>
      <c r="AP3" s="518"/>
      <c r="AQ3" s="518"/>
      <c r="AR3" s="518"/>
      <c r="AS3" s="518"/>
      <c r="AT3" s="518"/>
      <c r="AU3" s="518"/>
      <c r="AV3" s="518"/>
      <c r="AW3" s="518"/>
      <c r="AX3" s="518"/>
      <c r="AY3" s="518"/>
      <c r="AZ3" s="518"/>
      <c r="BA3" s="518"/>
      <c r="BB3" s="518"/>
      <c r="BC3" s="518"/>
      <c r="BD3" s="518"/>
      <c r="BE3" s="518"/>
      <c r="BF3" s="518"/>
      <c r="BG3" s="518"/>
      <c r="BH3" s="518"/>
      <c r="BI3" s="518"/>
      <c r="BJ3" s="518"/>
      <c r="BK3" s="518"/>
      <c r="BL3" s="518"/>
      <c r="BM3" s="518"/>
      <c r="BN3" s="518"/>
      <c r="BO3" s="518"/>
      <c r="BP3" s="518"/>
      <c r="BQ3" s="518"/>
      <c r="BR3" s="518"/>
      <c r="BS3" s="518"/>
      <c r="BT3" s="518"/>
      <c r="BU3" s="518"/>
      <c r="BV3" s="518"/>
      <c r="BW3" s="518"/>
      <c r="BX3" s="518"/>
      <c r="BY3" s="518"/>
      <c r="BZ3" s="518"/>
      <c r="CA3" s="518"/>
      <c r="CB3" s="518"/>
      <c r="CC3" s="518"/>
      <c r="CD3" s="518"/>
      <c r="CE3" s="518"/>
      <c r="CF3" s="518"/>
      <c r="CG3" s="518"/>
      <c r="CH3" s="518"/>
      <c r="CI3" s="518"/>
      <c r="CJ3" s="518"/>
      <c r="CK3" s="518"/>
      <c r="CL3" s="518"/>
      <c r="CM3" s="518"/>
      <c r="CN3" s="518"/>
      <c r="CO3" s="518"/>
      <c r="CP3" s="518"/>
      <c r="CQ3" s="518"/>
      <c r="CR3" s="518"/>
      <c r="CS3" s="518"/>
      <c r="CT3" s="518"/>
      <c r="CU3" s="518"/>
      <c r="CV3" s="518"/>
      <c r="CW3" s="519"/>
      <c r="CX3" s="518" t="s">
        <v>103</v>
      </c>
      <c r="CY3" s="518"/>
      <c r="CZ3" s="518"/>
      <c r="DA3" s="518"/>
      <c r="DB3" s="518"/>
      <c r="DC3" s="518"/>
      <c r="DD3" s="518"/>
      <c r="DE3" s="518"/>
      <c r="DF3" s="518"/>
      <c r="DG3" s="518"/>
      <c r="DH3" s="518"/>
      <c r="DI3" s="518"/>
      <c r="DJ3" s="518"/>
      <c r="DK3" s="518"/>
      <c r="DL3" s="518"/>
      <c r="DM3" s="518"/>
      <c r="DN3" s="518"/>
      <c r="DO3" s="518"/>
      <c r="DP3" s="518"/>
      <c r="DQ3" s="518"/>
      <c r="DR3" s="518"/>
      <c r="DS3" s="518"/>
      <c r="DT3" s="518"/>
      <c r="DU3" s="518"/>
      <c r="DV3" s="518"/>
      <c r="DW3" s="518"/>
      <c r="DX3" s="518"/>
      <c r="DY3" s="518"/>
      <c r="DZ3" s="518"/>
      <c r="EA3" s="518"/>
      <c r="EB3" s="518"/>
      <c r="EC3" s="518"/>
      <c r="ED3" s="518"/>
      <c r="EE3" s="518"/>
      <c r="EF3" s="518"/>
      <c r="EG3" s="518"/>
      <c r="EH3" s="518"/>
      <c r="EI3" s="518"/>
      <c r="EJ3" s="518"/>
      <c r="EK3" s="518"/>
      <c r="EL3" s="518"/>
      <c r="EM3" s="518"/>
      <c r="EN3" s="518"/>
      <c r="EO3" s="518"/>
      <c r="EP3" s="518"/>
      <c r="EQ3" s="518"/>
      <c r="ER3" s="518"/>
      <c r="ES3" s="518"/>
      <c r="ET3" s="518"/>
      <c r="EU3" s="518"/>
      <c r="EV3" s="518"/>
      <c r="EW3" s="518"/>
      <c r="EX3" s="518"/>
      <c r="EY3" s="518"/>
      <c r="EZ3" s="518"/>
      <c r="FA3" s="518"/>
      <c r="FB3" s="518"/>
      <c r="FC3" s="518"/>
      <c r="FD3" s="518"/>
      <c r="FE3" s="518"/>
      <c r="FF3" s="518"/>
      <c r="FG3" s="518"/>
      <c r="FH3" s="518"/>
      <c r="FI3" s="518"/>
      <c r="FJ3" s="518"/>
      <c r="FK3" s="518"/>
      <c r="FL3" s="518"/>
      <c r="FM3" s="518"/>
      <c r="FN3" s="518"/>
      <c r="FO3" s="518"/>
      <c r="FP3" s="518"/>
      <c r="FQ3" s="518"/>
      <c r="FR3" s="518"/>
      <c r="FS3" s="518"/>
      <c r="FT3" s="518"/>
      <c r="FU3" s="518"/>
      <c r="FV3" s="518"/>
      <c r="FW3" s="518"/>
      <c r="FX3" s="518"/>
      <c r="FY3" s="518"/>
      <c r="FZ3" s="518"/>
      <c r="GA3" s="518"/>
      <c r="GB3" s="518"/>
      <c r="GC3" s="518"/>
      <c r="GD3" s="518"/>
      <c r="GE3" s="518"/>
      <c r="GF3" s="518"/>
      <c r="GG3" s="518"/>
      <c r="GH3" s="518"/>
      <c r="GI3" s="518"/>
      <c r="GJ3" s="518"/>
      <c r="GK3" s="518"/>
      <c r="GL3" s="518"/>
      <c r="GM3" s="518"/>
      <c r="GN3" s="518"/>
      <c r="GO3" s="518"/>
      <c r="GP3" s="518"/>
      <c r="GQ3" s="518"/>
      <c r="GR3" s="519"/>
      <c r="GS3" s="518" t="s">
        <v>104</v>
      </c>
      <c r="GT3" s="518"/>
      <c r="GU3" s="518"/>
      <c r="GV3" s="518"/>
      <c r="GW3" s="518"/>
      <c r="GX3" s="518"/>
      <c r="GY3" s="518"/>
      <c r="GZ3" s="518"/>
      <c r="HA3" s="518"/>
      <c r="HB3" s="518"/>
      <c r="HC3" s="518"/>
      <c r="HD3" s="518"/>
      <c r="HE3" s="518"/>
      <c r="HF3" s="518"/>
      <c r="HG3" s="518"/>
      <c r="HH3" s="518"/>
      <c r="HI3" s="518"/>
      <c r="HJ3" s="518"/>
      <c r="HK3" s="518"/>
      <c r="HL3" s="518"/>
      <c r="HM3" s="518"/>
      <c r="HN3" s="518"/>
      <c r="HO3" s="518"/>
      <c r="HP3" s="518"/>
      <c r="HQ3" s="518"/>
      <c r="HR3" s="518"/>
      <c r="HS3" s="518"/>
      <c r="HT3" s="518"/>
      <c r="HU3" s="518"/>
      <c r="HV3" s="518"/>
      <c r="HW3" s="518"/>
      <c r="HX3" s="518"/>
      <c r="HY3" s="518"/>
      <c r="HZ3" s="518"/>
      <c r="IA3" s="518"/>
      <c r="IB3" s="518"/>
      <c r="IC3" s="518"/>
      <c r="ID3" s="518"/>
      <c r="IE3" s="518"/>
      <c r="IF3" s="518"/>
      <c r="IG3" s="518"/>
      <c r="IH3" s="518"/>
      <c r="II3" s="518"/>
      <c r="IJ3" s="518"/>
      <c r="IK3" s="518"/>
      <c r="IL3" s="518"/>
      <c r="IM3" s="518"/>
      <c r="IN3" s="518"/>
      <c r="IO3" s="518"/>
      <c r="IP3" s="518"/>
      <c r="IQ3" s="518"/>
      <c r="IR3" s="518"/>
      <c r="IS3" s="518"/>
      <c r="IT3" s="518"/>
      <c r="IU3" s="518"/>
      <c r="IV3" s="518"/>
      <c r="IW3" s="518"/>
      <c r="IX3" s="518"/>
      <c r="IY3" s="518"/>
      <c r="IZ3" s="518"/>
      <c r="JA3" s="518"/>
      <c r="JB3" s="518"/>
      <c r="JC3" s="518"/>
      <c r="JD3" s="518"/>
      <c r="JE3" s="518"/>
      <c r="JF3" s="518"/>
      <c r="JG3" s="518"/>
      <c r="JH3" s="518"/>
      <c r="JI3" s="518"/>
      <c r="JJ3" s="518"/>
      <c r="JK3" s="518"/>
      <c r="JL3" s="518"/>
      <c r="JM3" s="518"/>
      <c r="JN3" s="518"/>
      <c r="JO3" s="518"/>
      <c r="JP3" s="518"/>
      <c r="JQ3" s="518"/>
      <c r="JR3" s="518"/>
      <c r="JS3" s="518"/>
      <c r="JT3" s="518"/>
      <c r="JU3" s="518"/>
      <c r="JV3" s="518"/>
      <c r="JW3" s="518"/>
      <c r="JX3" s="518"/>
      <c r="JY3" s="518"/>
      <c r="JZ3" s="518"/>
      <c r="KA3" s="518"/>
      <c r="KB3" s="518"/>
      <c r="KC3" s="518"/>
      <c r="KD3" s="518"/>
      <c r="KE3" s="518"/>
      <c r="KF3" s="518"/>
      <c r="KG3" s="518"/>
      <c r="KH3" s="518"/>
      <c r="KI3" s="518"/>
      <c r="KJ3" s="518"/>
      <c r="KK3" s="518"/>
      <c r="KL3" s="518"/>
      <c r="KM3" s="519"/>
    </row>
    <row r="4" spans="2:299" ht="27.75" customHeight="1" thickBot="1" x14ac:dyDescent="0.25">
      <c r="B4" s="524"/>
      <c r="C4" s="520" t="s">
        <v>39</v>
      </c>
      <c r="D4" s="521"/>
      <c r="E4" s="521"/>
      <c r="F4" s="521"/>
      <c r="G4" s="521"/>
      <c r="H4" s="521"/>
      <c r="I4" s="521"/>
      <c r="J4" s="521"/>
      <c r="K4" s="521"/>
      <c r="L4" s="521"/>
      <c r="M4" s="521"/>
      <c r="N4" s="521"/>
      <c r="O4" s="521"/>
      <c r="P4" s="521"/>
      <c r="Q4" s="521"/>
      <c r="R4" s="521"/>
      <c r="S4" s="521"/>
      <c r="T4" s="521"/>
      <c r="U4" s="521"/>
      <c r="V4" s="521"/>
      <c r="W4" s="521"/>
      <c r="X4" s="521"/>
      <c r="Y4" s="521"/>
      <c r="Z4" s="521"/>
      <c r="AA4" s="521"/>
      <c r="AB4" s="521"/>
      <c r="AC4" s="521"/>
      <c r="AD4" s="521"/>
      <c r="AE4" s="521"/>
      <c r="AF4" s="521"/>
      <c r="AG4" s="521"/>
      <c r="AH4" s="521"/>
      <c r="AI4" s="521"/>
      <c r="AJ4" s="521"/>
      <c r="AK4" s="521"/>
      <c r="AL4" s="521"/>
      <c r="AM4" s="521"/>
      <c r="AN4" s="521"/>
      <c r="AO4" s="521"/>
      <c r="AP4" s="521"/>
      <c r="AQ4" s="521"/>
      <c r="AR4" s="521"/>
      <c r="AS4" s="521"/>
      <c r="AT4" s="521"/>
      <c r="AU4" s="521"/>
      <c r="AV4" s="521"/>
      <c r="AW4" s="521"/>
      <c r="AX4" s="521"/>
      <c r="AY4" s="521"/>
      <c r="AZ4" s="521"/>
      <c r="BA4" s="521"/>
      <c r="BB4" s="521"/>
      <c r="BC4" s="521"/>
      <c r="BD4" s="521"/>
      <c r="BE4" s="521"/>
      <c r="BF4" s="521"/>
      <c r="BG4" s="521"/>
      <c r="BH4" s="521"/>
      <c r="BI4" s="521"/>
      <c r="BJ4" s="521"/>
      <c r="BK4" s="521"/>
      <c r="BL4" s="521"/>
      <c r="BM4" s="521"/>
      <c r="BN4" s="521"/>
      <c r="BO4" s="521"/>
      <c r="BP4" s="521"/>
      <c r="BQ4" s="521"/>
      <c r="BR4" s="521"/>
      <c r="BS4" s="521"/>
      <c r="BT4" s="521"/>
      <c r="BU4" s="521"/>
      <c r="BV4" s="521"/>
      <c r="BW4" s="521"/>
      <c r="BX4" s="521"/>
      <c r="BY4" s="521"/>
      <c r="BZ4" s="521"/>
      <c r="CA4" s="522"/>
      <c r="CB4" s="506" t="s">
        <v>40</v>
      </c>
      <c r="CC4" s="507"/>
      <c r="CD4" s="507"/>
      <c r="CE4" s="507"/>
      <c r="CF4" s="507"/>
      <c r="CG4" s="507"/>
      <c r="CH4" s="507"/>
      <c r="CI4" s="507"/>
      <c r="CJ4" s="507"/>
      <c r="CK4" s="507"/>
      <c r="CL4" s="508"/>
      <c r="CM4" s="506" t="s">
        <v>41</v>
      </c>
      <c r="CN4" s="507"/>
      <c r="CO4" s="507"/>
      <c r="CP4" s="507"/>
      <c r="CQ4" s="507"/>
      <c r="CR4" s="507"/>
      <c r="CS4" s="507"/>
      <c r="CT4" s="507"/>
      <c r="CU4" s="507"/>
      <c r="CV4" s="507"/>
      <c r="CW4" s="508"/>
      <c r="CX4" s="520" t="s">
        <v>39</v>
      </c>
      <c r="CY4" s="521"/>
      <c r="CZ4" s="521"/>
      <c r="DA4" s="521"/>
      <c r="DB4" s="521"/>
      <c r="DC4" s="521"/>
      <c r="DD4" s="521"/>
      <c r="DE4" s="521"/>
      <c r="DF4" s="521"/>
      <c r="DG4" s="521"/>
      <c r="DH4" s="521"/>
      <c r="DI4" s="521"/>
      <c r="DJ4" s="521"/>
      <c r="DK4" s="521"/>
      <c r="DL4" s="521"/>
      <c r="DM4" s="521"/>
      <c r="DN4" s="521"/>
      <c r="DO4" s="521"/>
      <c r="DP4" s="521"/>
      <c r="DQ4" s="521"/>
      <c r="DR4" s="521"/>
      <c r="DS4" s="521"/>
      <c r="DT4" s="521"/>
      <c r="DU4" s="521"/>
      <c r="DV4" s="521"/>
      <c r="DW4" s="521"/>
      <c r="DX4" s="521"/>
      <c r="DY4" s="521"/>
      <c r="DZ4" s="521"/>
      <c r="EA4" s="521"/>
      <c r="EB4" s="521"/>
      <c r="EC4" s="521"/>
      <c r="ED4" s="521"/>
      <c r="EE4" s="521"/>
      <c r="EF4" s="521"/>
      <c r="EG4" s="521"/>
      <c r="EH4" s="521"/>
      <c r="EI4" s="521"/>
      <c r="EJ4" s="521"/>
      <c r="EK4" s="521"/>
      <c r="EL4" s="521"/>
      <c r="EM4" s="521"/>
      <c r="EN4" s="521"/>
      <c r="EO4" s="521"/>
      <c r="EP4" s="521"/>
      <c r="EQ4" s="521"/>
      <c r="ER4" s="521"/>
      <c r="ES4" s="521"/>
      <c r="ET4" s="521"/>
      <c r="EU4" s="521"/>
      <c r="EV4" s="521"/>
      <c r="EW4" s="521"/>
      <c r="EX4" s="521"/>
      <c r="EY4" s="521"/>
      <c r="EZ4" s="521"/>
      <c r="FA4" s="521"/>
      <c r="FB4" s="521"/>
      <c r="FC4" s="521"/>
      <c r="FD4" s="521"/>
      <c r="FE4" s="521"/>
      <c r="FF4" s="521"/>
      <c r="FG4" s="521"/>
      <c r="FH4" s="521"/>
      <c r="FI4" s="521"/>
      <c r="FJ4" s="521"/>
      <c r="FK4" s="521"/>
      <c r="FL4" s="521"/>
      <c r="FM4" s="521"/>
      <c r="FN4" s="521"/>
      <c r="FO4" s="521"/>
      <c r="FP4" s="521"/>
      <c r="FQ4" s="521"/>
      <c r="FR4" s="521"/>
      <c r="FS4" s="521"/>
      <c r="FT4" s="521"/>
      <c r="FU4" s="521"/>
      <c r="FV4" s="522"/>
      <c r="FW4" s="506" t="s">
        <v>40</v>
      </c>
      <c r="FX4" s="507"/>
      <c r="FY4" s="507"/>
      <c r="FZ4" s="507"/>
      <c r="GA4" s="507"/>
      <c r="GB4" s="507"/>
      <c r="GC4" s="507"/>
      <c r="GD4" s="507"/>
      <c r="GE4" s="507"/>
      <c r="GF4" s="507"/>
      <c r="GG4" s="508"/>
      <c r="GH4" s="506" t="s">
        <v>41</v>
      </c>
      <c r="GI4" s="507"/>
      <c r="GJ4" s="507"/>
      <c r="GK4" s="507"/>
      <c r="GL4" s="507"/>
      <c r="GM4" s="507"/>
      <c r="GN4" s="507"/>
      <c r="GO4" s="507"/>
      <c r="GP4" s="507"/>
      <c r="GQ4" s="507"/>
      <c r="GR4" s="508"/>
      <c r="GS4" s="520" t="s">
        <v>39</v>
      </c>
      <c r="GT4" s="521"/>
      <c r="GU4" s="521"/>
      <c r="GV4" s="521"/>
      <c r="GW4" s="521"/>
      <c r="GX4" s="521"/>
      <c r="GY4" s="521"/>
      <c r="GZ4" s="521"/>
      <c r="HA4" s="521"/>
      <c r="HB4" s="521"/>
      <c r="HC4" s="521"/>
      <c r="HD4" s="521"/>
      <c r="HE4" s="521"/>
      <c r="HF4" s="521"/>
      <c r="HG4" s="521"/>
      <c r="HH4" s="521"/>
      <c r="HI4" s="521"/>
      <c r="HJ4" s="521"/>
      <c r="HK4" s="521"/>
      <c r="HL4" s="521"/>
      <c r="HM4" s="521"/>
      <c r="HN4" s="521"/>
      <c r="HO4" s="521"/>
      <c r="HP4" s="521"/>
      <c r="HQ4" s="521"/>
      <c r="HR4" s="521"/>
      <c r="HS4" s="521"/>
      <c r="HT4" s="521"/>
      <c r="HU4" s="521"/>
      <c r="HV4" s="521"/>
      <c r="HW4" s="521"/>
      <c r="HX4" s="521"/>
      <c r="HY4" s="521"/>
      <c r="HZ4" s="521"/>
      <c r="IA4" s="521"/>
      <c r="IB4" s="521"/>
      <c r="IC4" s="521"/>
      <c r="ID4" s="521"/>
      <c r="IE4" s="521"/>
      <c r="IF4" s="521"/>
      <c r="IG4" s="521"/>
      <c r="IH4" s="521"/>
      <c r="II4" s="521"/>
      <c r="IJ4" s="521"/>
      <c r="IK4" s="521"/>
      <c r="IL4" s="521"/>
      <c r="IM4" s="521"/>
      <c r="IN4" s="521"/>
      <c r="IO4" s="521"/>
      <c r="IP4" s="521"/>
      <c r="IQ4" s="521"/>
      <c r="IR4" s="521"/>
      <c r="IS4" s="521"/>
      <c r="IT4" s="521"/>
      <c r="IU4" s="521"/>
      <c r="IV4" s="521"/>
      <c r="IW4" s="521"/>
      <c r="IX4" s="521"/>
      <c r="IY4" s="521"/>
      <c r="IZ4" s="521"/>
      <c r="JA4" s="521"/>
      <c r="JB4" s="521"/>
      <c r="JC4" s="521"/>
      <c r="JD4" s="521"/>
      <c r="JE4" s="521"/>
      <c r="JF4" s="521"/>
      <c r="JG4" s="521"/>
      <c r="JH4" s="521"/>
      <c r="JI4" s="521"/>
      <c r="JJ4" s="521"/>
      <c r="JK4" s="521"/>
      <c r="JL4" s="521"/>
      <c r="JM4" s="521"/>
      <c r="JN4" s="521"/>
      <c r="JO4" s="521"/>
      <c r="JP4" s="521"/>
      <c r="JQ4" s="522"/>
      <c r="JR4" s="506" t="s">
        <v>40</v>
      </c>
      <c r="JS4" s="507"/>
      <c r="JT4" s="507"/>
      <c r="JU4" s="507"/>
      <c r="JV4" s="507"/>
      <c r="JW4" s="507"/>
      <c r="JX4" s="507"/>
      <c r="JY4" s="507"/>
      <c r="JZ4" s="507"/>
      <c r="KA4" s="507"/>
      <c r="KB4" s="508"/>
      <c r="KC4" s="506" t="s">
        <v>41</v>
      </c>
      <c r="KD4" s="507"/>
      <c r="KE4" s="507"/>
      <c r="KF4" s="507"/>
      <c r="KG4" s="507"/>
      <c r="KH4" s="507"/>
      <c r="KI4" s="507"/>
      <c r="KJ4" s="507"/>
      <c r="KK4" s="507"/>
      <c r="KL4" s="507"/>
      <c r="KM4" s="508"/>
    </row>
    <row r="5" spans="2:299" ht="27.75" customHeight="1" thickBot="1" x14ac:dyDescent="0.25">
      <c r="B5" s="512"/>
      <c r="C5" s="512"/>
      <c r="D5" s="513"/>
      <c r="E5" s="513"/>
      <c r="F5" s="513"/>
      <c r="G5" s="513"/>
      <c r="H5" s="513"/>
      <c r="I5" s="513"/>
      <c r="J5" s="513"/>
      <c r="K5" s="513"/>
      <c r="L5" s="513"/>
      <c r="M5" s="514"/>
      <c r="N5" s="515" t="s">
        <v>97</v>
      </c>
      <c r="O5" s="516"/>
      <c r="P5" s="516"/>
      <c r="Q5" s="516"/>
      <c r="R5" s="516"/>
      <c r="S5" s="516"/>
      <c r="T5" s="516"/>
      <c r="U5" s="516"/>
      <c r="V5" s="516"/>
      <c r="W5" s="516"/>
      <c r="X5" s="517"/>
      <c r="Y5" s="515" t="s">
        <v>98</v>
      </c>
      <c r="Z5" s="516"/>
      <c r="AA5" s="516"/>
      <c r="AB5" s="516"/>
      <c r="AC5" s="516"/>
      <c r="AD5" s="516"/>
      <c r="AE5" s="516"/>
      <c r="AF5" s="516"/>
      <c r="AG5" s="516"/>
      <c r="AH5" s="516"/>
      <c r="AI5" s="517"/>
      <c r="AJ5" s="515" t="s">
        <v>99</v>
      </c>
      <c r="AK5" s="516"/>
      <c r="AL5" s="516"/>
      <c r="AM5" s="516"/>
      <c r="AN5" s="516"/>
      <c r="AO5" s="516"/>
      <c r="AP5" s="516"/>
      <c r="AQ5" s="516"/>
      <c r="AR5" s="516"/>
      <c r="AS5" s="516"/>
      <c r="AT5" s="517"/>
      <c r="AU5" s="515" t="s">
        <v>100</v>
      </c>
      <c r="AV5" s="516"/>
      <c r="AW5" s="516"/>
      <c r="AX5" s="516"/>
      <c r="AY5" s="516"/>
      <c r="AZ5" s="516"/>
      <c r="BA5" s="516"/>
      <c r="BB5" s="516"/>
      <c r="BC5" s="516"/>
      <c r="BD5" s="516"/>
      <c r="BE5" s="517"/>
      <c r="BF5" s="515" t="s">
        <v>101</v>
      </c>
      <c r="BG5" s="516"/>
      <c r="BH5" s="516"/>
      <c r="BI5" s="516"/>
      <c r="BJ5" s="516"/>
      <c r="BK5" s="516"/>
      <c r="BL5" s="516"/>
      <c r="BM5" s="516"/>
      <c r="BN5" s="516"/>
      <c r="BO5" s="516"/>
      <c r="BP5" s="517"/>
      <c r="BQ5" s="515" t="s">
        <v>102</v>
      </c>
      <c r="BR5" s="516"/>
      <c r="BS5" s="516"/>
      <c r="BT5" s="516"/>
      <c r="BU5" s="516"/>
      <c r="BV5" s="516"/>
      <c r="BW5" s="516"/>
      <c r="BX5" s="516"/>
      <c r="BY5" s="516"/>
      <c r="BZ5" s="516"/>
      <c r="CA5" s="517"/>
      <c r="CB5" s="509"/>
      <c r="CC5" s="510"/>
      <c r="CD5" s="510"/>
      <c r="CE5" s="510"/>
      <c r="CF5" s="510"/>
      <c r="CG5" s="510"/>
      <c r="CH5" s="510"/>
      <c r="CI5" s="510"/>
      <c r="CJ5" s="510"/>
      <c r="CK5" s="510"/>
      <c r="CL5" s="511"/>
      <c r="CM5" s="509"/>
      <c r="CN5" s="510"/>
      <c r="CO5" s="510"/>
      <c r="CP5" s="510"/>
      <c r="CQ5" s="510"/>
      <c r="CR5" s="510"/>
      <c r="CS5" s="510"/>
      <c r="CT5" s="510"/>
      <c r="CU5" s="510"/>
      <c r="CV5" s="510"/>
      <c r="CW5" s="511"/>
      <c r="CX5" s="512"/>
      <c r="CY5" s="513"/>
      <c r="CZ5" s="513"/>
      <c r="DA5" s="513"/>
      <c r="DB5" s="513"/>
      <c r="DC5" s="513"/>
      <c r="DD5" s="513"/>
      <c r="DE5" s="513"/>
      <c r="DF5" s="513"/>
      <c r="DG5" s="513"/>
      <c r="DH5" s="514"/>
      <c r="DI5" s="515" t="s">
        <v>97</v>
      </c>
      <c r="DJ5" s="516"/>
      <c r="DK5" s="516"/>
      <c r="DL5" s="516"/>
      <c r="DM5" s="516"/>
      <c r="DN5" s="516"/>
      <c r="DO5" s="516"/>
      <c r="DP5" s="516"/>
      <c r="DQ5" s="516"/>
      <c r="DR5" s="516"/>
      <c r="DS5" s="517"/>
      <c r="DT5" s="515" t="s">
        <v>98</v>
      </c>
      <c r="DU5" s="516"/>
      <c r="DV5" s="516"/>
      <c r="DW5" s="516"/>
      <c r="DX5" s="516"/>
      <c r="DY5" s="516"/>
      <c r="DZ5" s="516"/>
      <c r="EA5" s="516"/>
      <c r="EB5" s="516"/>
      <c r="EC5" s="516"/>
      <c r="ED5" s="517"/>
      <c r="EE5" s="515" t="s">
        <v>99</v>
      </c>
      <c r="EF5" s="516"/>
      <c r="EG5" s="516"/>
      <c r="EH5" s="516"/>
      <c r="EI5" s="516"/>
      <c r="EJ5" s="516"/>
      <c r="EK5" s="516"/>
      <c r="EL5" s="516"/>
      <c r="EM5" s="516"/>
      <c r="EN5" s="516"/>
      <c r="EO5" s="517"/>
      <c r="EP5" s="515" t="s">
        <v>100</v>
      </c>
      <c r="EQ5" s="516"/>
      <c r="ER5" s="516"/>
      <c r="ES5" s="516"/>
      <c r="ET5" s="516"/>
      <c r="EU5" s="516"/>
      <c r="EV5" s="516"/>
      <c r="EW5" s="516"/>
      <c r="EX5" s="516"/>
      <c r="EY5" s="516"/>
      <c r="EZ5" s="517"/>
      <c r="FA5" s="515" t="s">
        <v>101</v>
      </c>
      <c r="FB5" s="516"/>
      <c r="FC5" s="516"/>
      <c r="FD5" s="516"/>
      <c r="FE5" s="516"/>
      <c r="FF5" s="516"/>
      <c r="FG5" s="516"/>
      <c r="FH5" s="516"/>
      <c r="FI5" s="516"/>
      <c r="FJ5" s="516"/>
      <c r="FK5" s="517"/>
      <c r="FL5" s="515" t="s">
        <v>102</v>
      </c>
      <c r="FM5" s="516"/>
      <c r="FN5" s="516"/>
      <c r="FO5" s="516"/>
      <c r="FP5" s="516"/>
      <c r="FQ5" s="516"/>
      <c r="FR5" s="516"/>
      <c r="FS5" s="516"/>
      <c r="FT5" s="516"/>
      <c r="FU5" s="516"/>
      <c r="FV5" s="517"/>
      <c r="FW5" s="509"/>
      <c r="FX5" s="510"/>
      <c r="FY5" s="510"/>
      <c r="FZ5" s="510"/>
      <c r="GA5" s="510"/>
      <c r="GB5" s="510"/>
      <c r="GC5" s="510"/>
      <c r="GD5" s="510"/>
      <c r="GE5" s="510"/>
      <c r="GF5" s="510"/>
      <c r="GG5" s="511"/>
      <c r="GH5" s="509"/>
      <c r="GI5" s="510"/>
      <c r="GJ5" s="510"/>
      <c r="GK5" s="510"/>
      <c r="GL5" s="510"/>
      <c r="GM5" s="510"/>
      <c r="GN5" s="510"/>
      <c r="GO5" s="510"/>
      <c r="GP5" s="510"/>
      <c r="GQ5" s="510"/>
      <c r="GR5" s="511"/>
      <c r="GS5" s="512"/>
      <c r="GT5" s="513"/>
      <c r="GU5" s="513"/>
      <c r="GV5" s="513"/>
      <c r="GW5" s="513"/>
      <c r="GX5" s="513"/>
      <c r="GY5" s="513"/>
      <c r="GZ5" s="513"/>
      <c r="HA5" s="513"/>
      <c r="HB5" s="513"/>
      <c r="HC5" s="514"/>
      <c r="HD5" s="515" t="s">
        <v>97</v>
      </c>
      <c r="HE5" s="516"/>
      <c r="HF5" s="516"/>
      <c r="HG5" s="516"/>
      <c r="HH5" s="516"/>
      <c r="HI5" s="516"/>
      <c r="HJ5" s="516"/>
      <c r="HK5" s="516"/>
      <c r="HL5" s="516"/>
      <c r="HM5" s="516"/>
      <c r="HN5" s="517"/>
      <c r="HO5" s="515" t="s">
        <v>98</v>
      </c>
      <c r="HP5" s="516"/>
      <c r="HQ5" s="516"/>
      <c r="HR5" s="516"/>
      <c r="HS5" s="516"/>
      <c r="HT5" s="516"/>
      <c r="HU5" s="516"/>
      <c r="HV5" s="516"/>
      <c r="HW5" s="516"/>
      <c r="HX5" s="516"/>
      <c r="HY5" s="517"/>
      <c r="HZ5" s="515" t="s">
        <v>99</v>
      </c>
      <c r="IA5" s="516"/>
      <c r="IB5" s="516"/>
      <c r="IC5" s="516"/>
      <c r="ID5" s="516"/>
      <c r="IE5" s="516"/>
      <c r="IF5" s="516"/>
      <c r="IG5" s="516"/>
      <c r="IH5" s="516"/>
      <c r="II5" s="516"/>
      <c r="IJ5" s="517"/>
      <c r="IK5" s="515" t="s">
        <v>100</v>
      </c>
      <c r="IL5" s="516"/>
      <c r="IM5" s="516"/>
      <c r="IN5" s="516"/>
      <c r="IO5" s="516"/>
      <c r="IP5" s="516"/>
      <c r="IQ5" s="516"/>
      <c r="IR5" s="516"/>
      <c r="IS5" s="516"/>
      <c r="IT5" s="516"/>
      <c r="IU5" s="517"/>
      <c r="IV5" s="515" t="s">
        <v>101</v>
      </c>
      <c r="IW5" s="516"/>
      <c r="IX5" s="516"/>
      <c r="IY5" s="516"/>
      <c r="IZ5" s="516"/>
      <c r="JA5" s="516"/>
      <c r="JB5" s="516"/>
      <c r="JC5" s="516"/>
      <c r="JD5" s="516"/>
      <c r="JE5" s="516"/>
      <c r="JF5" s="517"/>
      <c r="JG5" s="515" t="s">
        <v>102</v>
      </c>
      <c r="JH5" s="516"/>
      <c r="JI5" s="516"/>
      <c r="JJ5" s="516"/>
      <c r="JK5" s="516"/>
      <c r="JL5" s="516"/>
      <c r="JM5" s="516"/>
      <c r="JN5" s="516"/>
      <c r="JO5" s="516"/>
      <c r="JP5" s="516"/>
      <c r="JQ5" s="517"/>
      <c r="JR5" s="509"/>
      <c r="JS5" s="510"/>
      <c r="JT5" s="510"/>
      <c r="JU5" s="510"/>
      <c r="JV5" s="510"/>
      <c r="JW5" s="510"/>
      <c r="JX5" s="510"/>
      <c r="JY5" s="510"/>
      <c r="JZ5" s="510"/>
      <c r="KA5" s="510"/>
      <c r="KB5" s="511"/>
      <c r="KC5" s="509"/>
      <c r="KD5" s="510"/>
      <c r="KE5" s="510"/>
      <c r="KF5" s="510"/>
      <c r="KG5" s="510"/>
      <c r="KH5" s="510"/>
      <c r="KI5" s="510"/>
      <c r="KJ5" s="510"/>
      <c r="KK5" s="510"/>
      <c r="KL5" s="510"/>
      <c r="KM5" s="511"/>
    </row>
    <row r="6" spans="2:299" ht="44.25" customHeight="1" thickBot="1" x14ac:dyDescent="0.25">
      <c r="B6" s="318" t="s">
        <v>42</v>
      </c>
      <c r="C6" s="51" t="s">
        <v>43</v>
      </c>
      <c r="D6" s="47" t="s">
        <v>44</v>
      </c>
      <c r="E6" s="48" t="s">
        <v>45</v>
      </c>
      <c r="F6" s="52" t="s">
        <v>46</v>
      </c>
      <c r="G6" s="47" t="s">
        <v>47</v>
      </c>
      <c r="H6" s="47" t="s">
        <v>48</v>
      </c>
      <c r="I6" s="47" t="s">
        <v>49</v>
      </c>
      <c r="J6" s="47" t="s">
        <v>50</v>
      </c>
      <c r="K6" s="47" t="s">
        <v>51</v>
      </c>
      <c r="L6" s="48" t="s">
        <v>45</v>
      </c>
      <c r="M6" s="53" t="s">
        <v>52</v>
      </c>
      <c r="N6" s="357" t="s">
        <v>43</v>
      </c>
      <c r="O6" s="358" t="s">
        <v>44</v>
      </c>
      <c r="P6" s="359" t="s">
        <v>45</v>
      </c>
      <c r="Q6" s="360" t="s">
        <v>46</v>
      </c>
      <c r="R6" s="358" t="s">
        <v>47</v>
      </c>
      <c r="S6" s="358" t="s">
        <v>48</v>
      </c>
      <c r="T6" s="358" t="s">
        <v>49</v>
      </c>
      <c r="U6" s="358" t="s">
        <v>50</v>
      </c>
      <c r="V6" s="358" t="s">
        <v>51</v>
      </c>
      <c r="W6" s="359" t="s">
        <v>45</v>
      </c>
      <c r="X6" s="356" t="s">
        <v>52</v>
      </c>
      <c r="Y6" s="357" t="s">
        <v>43</v>
      </c>
      <c r="Z6" s="358" t="s">
        <v>44</v>
      </c>
      <c r="AA6" s="359" t="s">
        <v>45</v>
      </c>
      <c r="AB6" s="360" t="s">
        <v>46</v>
      </c>
      <c r="AC6" s="358" t="s">
        <v>47</v>
      </c>
      <c r="AD6" s="358" t="s">
        <v>48</v>
      </c>
      <c r="AE6" s="358" t="s">
        <v>49</v>
      </c>
      <c r="AF6" s="358" t="s">
        <v>50</v>
      </c>
      <c r="AG6" s="358" t="s">
        <v>51</v>
      </c>
      <c r="AH6" s="359" t="s">
        <v>45</v>
      </c>
      <c r="AI6" s="361" t="s">
        <v>52</v>
      </c>
      <c r="AJ6" s="357" t="s">
        <v>43</v>
      </c>
      <c r="AK6" s="358" t="s">
        <v>44</v>
      </c>
      <c r="AL6" s="359" t="s">
        <v>45</v>
      </c>
      <c r="AM6" s="360" t="s">
        <v>46</v>
      </c>
      <c r="AN6" s="358" t="s">
        <v>47</v>
      </c>
      <c r="AO6" s="358" t="s">
        <v>48</v>
      </c>
      <c r="AP6" s="358" t="s">
        <v>49</v>
      </c>
      <c r="AQ6" s="358" t="s">
        <v>50</v>
      </c>
      <c r="AR6" s="358" t="s">
        <v>51</v>
      </c>
      <c r="AS6" s="359" t="s">
        <v>45</v>
      </c>
      <c r="AT6" s="361" t="s">
        <v>52</v>
      </c>
      <c r="AU6" s="357" t="s">
        <v>43</v>
      </c>
      <c r="AV6" s="358" t="s">
        <v>44</v>
      </c>
      <c r="AW6" s="359" t="s">
        <v>45</v>
      </c>
      <c r="AX6" s="360" t="s">
        <v>46</v>
      </c>
      <c r="AY6" s="358" t="s">
        <v>47</v>
      </c>
      <c r="AZ6" s="358" t="s">
        <v>48</v>
      </c>
      <c r="BA6" s="358" t="s">
        <v>49</v>
      </c>
      <c r="BB6" s="358" t="s">
        <v>50</v>
      </c>
      <c r="BC6" s="358" t="s">
        <v>51</v>
      </c>
      <c r="BD6" s="359" t="s">
        <v>45</v>
      </c>
      <c r="BE6" s="361" t="s">
        <v>52</v>
      </c>
      <c r="BF6" s="357" t="s">
        <v>43</v>
      </c>
      <c r="BG6" s="358" t="s">
        <v>44</v>
      </c>
      <c r="BH6" s="359" t="s">
        <v>45</v>
      </c>
      <c r="BI6" s="360" t="s">
        <v>46</v>
      </c>
      <c r="BJ6" s="358" t="s">
        <v>47</v>
      </c>
      <c r="BK6" s="358" t="s">
        <v>48</v>
      </c>
      <c r="BL6" s="358" t="s">
        <v>49</v>
      </c>
      <c r="BM6" s="358" t="s">
        <v>50</v>
      </c>
      <c r="BN6" s="358" t="s">
        <v>51</v>
      </c>
      <c r="BO6" s="359" t="s">
        <v>45</v>
      </c>
      <c r="BP6" s="361" t="s">
        <v>52</v>
      </c>
      <c r="BQ6" s="357" t="s">
        <v>43</v>
      </c>
      <c r="BR6" s="358" t="s">
        <v>44</v>
      </c>
      <c r="BS6" s="359" t="s">
        <v>45</v>
      </c>
      <c r="BT6" s="360" t="s">
        <v>46</v>
      </c>
      <c r="BU6" s="358" t="s">
        <v>47</v>
      </c>
      <c r="BV6" s="358" t="s">
        <v>48</v>
      </c>
      <c r="BW6" s="358" t="s">
        <v>49</v>
      </c>
      <c r="BX6" s="358" t="s">
        <v>50</v>
      </c>
      <c r="BY6" s="358" t="s">
        <v>51</v>
      </c>
      <c r="BZ6" s="359" t="s">
        <v>45</v>
      </c>
      <c r="CA6" s="361" t="s">
        <v>52</v>
      </c>
      <c r="CB6" s="357" t="s">
        <v>43</v>
      </c>
      <c r="CC6" s="358" t="s">
        <v>44</v>
      </c>
      <c r="CD6" s="359" t="s">
        <v>45</v>
      </c>
      <c r="CE6" s="360" t="s">
        <v>46</v>
      </c>
      <c r="CF6" s="358" t="s">
        <v>47</v>
      </c>
      <c r="CG6" s="358" t="s">
        <v>48</v>
      </c>
      <c r="CH6" s="358" t="s">
        <v>49</v>
      </c>
      <c r="CI6" s="358" t="s">
        <v>50</v>
      </c>
      <c r="CJ6" s="358" t="s">
        <v>51</v>
      </c>
      <c r="CK6" s="359" t="s">
        <v>45</v>
      </c>
      <c r="CL6" s="361" t="s">
        <v>52</v>
      </c>
      <c r="CM6" s="357" t="s">
        <v>43</v>
      </c>
      <c r="CN6" s="358" t="s">
        <v>44</v>
      </c>
      <c r="CO6" s="359" t="s">
        <v>45</v>
      </c>
      <c r="CP6" s="360" t="s">
        <v>46</v>
      </c>
      <c r="CQ6" s="358" t="s">
        <v>47</v>
      </c>
      <c r="CR6" s="358" t="s">
        <v>48</v>
      </c>
      <c r="CS6" s="358" t="s">
        <v>49</v>
      </c>
      <c r="CT6" s="358" t="s">
        <v>50</v>
      </c>
      <c r="CU6" s="358" t="s">
        <v>51</v>
      </c>
      <c r="CV6" s="359" t="s">
        <v>45</v>
      </c>
      <c r="CW6" s="361" t="s">
        <v>52</v>
      </c>
      <c r="CX6" s="51" t="s">
        <v>43</v>
      </c>
      <c r="CY6" s="47" t="s">
        <v>44</v>
      </c>
      <c r="CZ6" s="48" t="s">
        <v>45</v>
      </c>
      <c r="DA6" s="52" t="s">
        <v>46</v>
      </c>
      <c r="DB6" s="47" t="s">
        <v>47</v>
      </c>
      <c r="DC6" s="47" t="s">
        <v>48</v>
      </c>
      <c r="DD6" s="47" t="s">
        <v>49</v>
      </c>
      <c r="DE6" s="47" t="s">
        <v>50</v>
      </c>
      <c r="DF6" s="47" t="s">
        <v>51</v>
      </c>
      <c r="DG6" s="48" t="s">
        <v>45</v>
      </c>
      <c r="DH6" s="53" t="s">
        <v>52</v>
      </c>
      <c r="DI6" s="357" t="s">
        <v>43</v>
      </c>
      <c r="DJ6" s="358" t="s">
        <v>44</v>
      </c>
      <c r="DK6" s="359" t="s">
        <v>45</v>
      </c>
      <c r="DL6" s="360" t="s">
        <v>46</v>
      </c>
      <c r="DM6" s="358" t="s">
        <v>47</v>
      </c>
      <c r="DN6" s="358" t="s">
        <v>48</v>
      </c>
      <c r="DO6" s="358" t="s">
        <v>49</v>
      </c>
      <c r="DP6" s="358" t="s">
        <v>50</v>
      </c>
      <c r="DQ6" s="358" t="s">
        <v>51</v>
      </c>
      <c r="DR6" s="359" t="s">
        <v>45</v>
      </c>
      <c r="DS6" s="361" t="s">
        <v>52</v>
      </c>
      <c r="DT6" s="357" t="s">
        <v>43</v>
      </c>
      <c r="DU6" s="358" t="s">
        <v>44</v>
      </c>
      <c r="DV6" s="359" t="s">
        <v>45</v>
      </c>
      <c r="DW6" s="360" t="s">
        <v>46</v>
      </c>
      <c r="DX6" s="358" t="s">
        <v>47</v>
      </c>
      <c r="DY6" s="358" t="s">
        <v>48</v>
      </c>
      <c r="DZ6" s="358" t="s">
        <v>49</v>
      </c>
      <c r="EA6" s="358" t="s">
        <v>50</v>
      </c>
      <c r="EB6" s="358" t="s">
        <v>51</v>
      </c>
      <c r="EC6" s="359" t="s">
        <v>45</v>
      </c>
      <c r="ED6" s="361" t="s">
        <v>52</v>
      </c>
      <c r="EE6" s="357" t="s">
        <v>43</v>
      </c>
      <c r="EF6" s="358" t="s">
        <v>44</v>
      </c>
      <c r="EG6" s="359" t="s">
        <v>45</v>
      </c>
      <c r="EH6" s="360" t="s">
        <v>46</v>
      </c>
      <c r="EI6" s="358" t="s">
        <v>47</v>
      </c>
      <c r="EJ6" s="358" t="s">
        <v>48</v>
      </c>
      <c r="EK6" s="358" t="s">
        <v>49</v>
      </c>
      <c r="EL6" s="358" t="s">
        <v>50</v>
      </c>
      <c r="EM6" s="358" t="s">
        <v>51</v>
      </c>
      <c r="EN6" s="359" t="s">
        <v>45</v>
      </c>
      <c r="EO6" s="361" t="s">
        <v>52</v>
      </c>
      <c r="EP6" s="357" t="s">
        <v>43</v>
      </c>
      <c r="EQ6" s="358" t="s">
        <v>44</v>
      </c>
      <c r="ER6" s="359" t="s">
        <v>45</v>
      </c>
      <c r="ES6" s="360" t="s">
        <v>46</v>
      </c>
      <c r="ET6" s="358" t="s">
        <v>47</v>
      </c>
      <c r="EU6" s="358" t="s">
        <v>48</v>
      </c>
      <c r="EV6" s="358" t="s">
        <v>49</v>
      </c>
      <c r="EW6" s="358" t="s">
        <v>50</v>
      </c>
      <c r="EX6" s="358" t="s">
        <v>51</v>
      </c>
      <c r="EY6" s="359" t="s">
        <v>45</v>
      </c>
      <c r="EZ6" s="361" t="s">
        <v>52</v>
      </c>
      <c r="FA6" s="357" t="s">
        <v>43</v>
      </c>
      <c r="FB6" s="358" t="s">
        <v>44</v>
      </c>
      <c r="FC6" s="359" t="s">
        <v>45</v>
      </c>
      <c r="FD6" s="360" t="s">
        <v>46</v>
      </c>
      <c r="FE6" s="358" t="s">
        <v>47</v>
      </c>
      <c r="FF6" s="358" t="s">
        <v>48</v>
      </c>
      <c r="FG6" s="358" t="s">
        <v>49</v>
      </c>
      <c r="FH6" s="358" t="s">
        <v>50</v>
      </c>
      <c r="FI6" s="358" t="s">
        <v>51</v>
      </c>
      <c r="FJ6" s="359" t="s">
        <v>45</v>
      </c>
      <c r="FK6" s="361" t="s">
        <v>52</v>
      </c>
      <c r="FL6" s="357" t="s">
        <v>43</v>
      </c>
      <c r="FM6" s="358" t="s">
        <v>44</v>
      </c>
      <c r="FN6" s="359" t="s">
        <v>45</v>
      </c>
      <c r="FO6" s="360" t="s">
        <v>46</v>
      </c>
      <c r="FP6" s="358" t="s">
        <v>47</v>
      </c>
      <c r="FQ6" s="358" t="s">
        <v>48</v>
      </c>
      <c r="FR6" s="358" t="s">
        <v>49</v>
      </c>
      <c r="FS6" s="358" t="s">
        <v>50</v>
      </c>
      <c r="FT6" s="358" t="s">
        <v>51</v>
      </c>
      <c r="FU6" s="359" t="s">
        <v>45</v>
      </c>
      <c r="FV6" s="361" t="s">
        <v>52</v>
      </c>
      <c r="FW6" s="357" t="s">
        <v>43</v>
      </c>
      <c r="FX6" s="358" t="s">
        <v>44</v>
      </c>
      <c r="FY6" s="359" t="s">
        <v>45</v>
      </c>
      <c r="FZ6" s="360" t="s">
        <v>46</v>
      </c>
      <c r="GA6" s="358" t="s">
        <v>47</v>
      </c>
      <c r="GB6" s="358" t="s">
        <v>48</v>
      </c>
      <c r="GC6" s="358" t="s">
        <v>49</v>
      </c>
      <c r="GD6" s="358" t="s">
        <v>50</v>
      </c>
      <c r="GE6" s="358" t="s">
        <v>51</v>
      </c>
      <c r="GF6" s="359" t="s">
        <v>45</v>
      </c>
      <c r="GG6" s="361" t="s">
        <v>52</v>
      </c>
      <c r="GH6" s="357" t="s">
        <v>43</v>
      </c>
      <c r="GI6" s="358" t="s">
        <v>44</v>
      </c>
      <c r="GJ6" s="359" t="s">
        <v>45</v>
      </c>
      <c r="GK6" s="360" t="s">
        <v>46</v>
      </c>
      <c r="GL6" s="358" t="s">
        <v>47</v>
      </c>
      <c r="GM6" s="358" t="s">
        <v>48</v>
      </c>
      <c r="GN6" s="358" t="s">
        <v>49</v>
      </c>
      <c r="GO6" s="358" t="s">
        <v>50</v>
      </c>
      <c r="GP6" s="358" t="s">
        <v>51</v>
      </c>
      <c r="GQ6" s="359" t="s">
        <v>45</v>
      </c>
      <c r="GR6" s="361" t="s">
        <v>52</v>
      </c>
      <c r="GS6" s="51" t="s">
        <v>43</v>
      </c>
      <c r="GT6" s="47" t="s">
        <v>44</v>
      </c>
      <c r="GU6" s="48" t="s">
        <v>45</v>
      </c>
      <c r="GV6" s="52" t="s">
        <v>46</v>
      </c>
      <c r="GW6" s="47" t="s">
        <v>47</v>
      </c>
      <c r="GX6" s="47" t="s">
        <v>48</v>
      </c>
      <c r="GY6" s="47" t="s">
        <v>49</v>
      </c>
      <c r="GZ6" s="47" t="s">
        <v>50</v>
      </c>
      <c r="HA6" s="47" t="s">
        <v>51</v>
      </c>
      <c r="HB6" s="48" t="s">
        <v>45</v>
      </c>
      <c r="HC6" s="53" t="s">
        <v>52</v>
      </c>
      <c r="HD6" s="357" t="s">
        <v>43</v>
      </c>
      <c r="HE6" s="358" t="s">
        <v>44</v>
      </c>
      <c r="HF6" s="359" t="s">
        <v>45</v>
      </c>
      <c r="HG6" s="360" t="s">
        <v>46</v>
      </c>
      <c r="HH6" s="358" t="s">
        <v>47</v>
      </c>
      <c r="HI6" s="358" t="s">
        <v>48</v>
      </c>
      <c r="HJ6" s="358" t="s">
        <v>49</v>
      </c>
      <c r="HK6" s="358" t="s">
        <v>50</v>
      </c>
      <c r="HL6" s="358" t="s">
        <v>51</v>
      </c>
      <c r="HM6" s="359" t="s">
        <v>45</v>
      </c>
      <c r="HN6" s="361" t="s">
        <v>52</v>
      </c>
      <c r="HO6" s="357" t="s">
        <v>43</v>
      </c>
      <c r="HP6" s="358" t="s">
        <v>44</v>
      </c>
      <c r="HQ6" s="359" t="s">
        <v>45</v>
      </c>
      <c r="HR6" s="360" t="s">
        <v>46</v>
      </c>
      <c r="HS6" s="358" t="s">
        <v>47</v>
      </c>
      <c r="HT6" s="358" t="s">
        <v>48</v>
      </c>
      <c r="HU6" s="358" t="s">
        <v>49</v>
      </c>
      <c r="HV6" s="358" t="s">
        <v>50</v>
      </c>
      <c r="HW6" s="358" t="s">
        <v>51</v>
      </c>
      <c r="HX6" s="359" t="s">
        <v>45</v>
      </c>
      <c r="HY6" s="361" t="s">
        <v>52</v>
      </c>
      <c r="HZ6" s="357" t="s">
        <v>43</v>
      </c>
      <c r="IA6" s="358" t="s">
        <v>44</v>
      </c>
      <c r="IB6" s="359" t="s">
        <v>45</v>
      </c>
      <c r="IC6" s="360" t="s">
        <v>46</v>
      </c>
      <c r="ID6" s="358" t="s">
        <v>47</v>
      </c>
      <c r="IE6" s="358" t="s">
        <v>48</v>
      </c>
      <c r="IF6" s="358" t="s">
        <v>49</v>
      </c>
      <c r="IG6" s="358" t="s">
        <v>50</v>
      </c>
      <c r="IH6" s="358" t="s">
        <v>51</v>
      </c>
      <c r="II6" s="359" t="s">
        <v>45</v>
      </c>
      <c r="IJ6" s="361" t="s">
        <v>52</v>
      </c>
      <c r="IK6" s="357" t="s">
        <v>43</v>
      </c>
      <c r="IL6" s="358" t="s">
        <v>44</v>
      </c>
      <c r="IM6" s="359" t="s">
        <v>45</v>
      </c>
      <c r="IN6" s="360" t="s">
        <v>46</v>
      </c>
      <c r="IO6" s="358" t="s">
        <v>47</v>
      </c>
      <c r="IP6" s="358" t="s">
        <v>48</v>
      </c>
      <c r="IQ6" s="358" t="s">
        <v>49</v>
      </c>
      <c r="IR6" s="358" t="s">
        <v>50</v>
      </c>
      <c r="IS6" s="358" t="s">
        <v>51</v>
      </c>
      <c r="IT6" s="359" t="s">
        <v>45</v>
      </c>
      <c r="IU6" s="361" t="s">
        <v>52</v>
      </c>
      <c r="IV6" s="357" t="s">
        <v>43</v>
      </c>
      <c r="IW6" s="358" t="s">
        <v>44</v>
      </c>
      <c r="IX6" s="359" t="s">
        <v>45</v>
      </c>
      <c r="IY6" s="360" t="s">
        <v>46</v>
      </c>
      <c r="IZ6" s="358" t="s">
        <v>47</v>
      </c>
      <c r="JA6" s="358" t="s">
        <v>48</v>
      </c>
      <c r="JB6" s="358" t="s">
        <v>49</v>
      </c>
      <c r="JC6" s="358" t="s">
        <v>50</v>
      </c>
      <c r="JD6" s="358" t="s">
        <v>51</v>
      </c>
      <c r="JE6" s="359" t="s">
        <v>45</v>
      </c>
      <c r="JF6" s="361" t="s">
        <v>52</v>
      </c>
      <c r="JG6" s="357" t="s">
        <v>43</v>
      </c>
      <c r="JH6" s="358" t="s">
        <v>44</v>
      </c>
      <c r="JI6" s="359" t="s">
        <v>45</v>
      </c>
      <c r="JJ6" s="360" t="s">
        <v>46</v>
      </c>
      <c r="JK6" s="358" t="s">
        <v>47</v>
      </c>
      <c r="JL6" s="358" t="s">
        <v>48</v>
      </c>
      <c r="JM6" s="358" t="s">
        <v>49</v>
      </c>
      <c r="JN6" s="358" t="s">
        <v>50</v>
      </c>
      <c r="JO6" s="358" t="s">
        <v>51</v>
      </c>
      <c r="JP6" s="359" t="s">
        <v>45</v>
      </c>
      <c r="JQ6" s="361" t="s">
        <v>52</v>
      </c>
      <c r="JR6" s="357" t="s">
        <v>43</v>
      </c>
      <c r="JS6" s="358" t="s">
        <v>44</v>
      </c>
      <c r="JT6" s="359" t="s">
        <v>45</v>
      </c>
      <c r="JU6" s="360" t="s">
        <v>46</v>
      </c>
      <c r="JV6" s="358" t="s">
        <v>47</v>
      </c>
      <c r="JW6" s="358" t="s">
        <v>48</v>
      </c>
      <c r="JX6" s="358" t="s">
        <v>49</v>
      </c>
      <c r="JY6" s="358" t="s">
        <v>50</v>
      </c>
      <c r="JZ6" s="358" t="s">
        <v>51</v>
      </c>
      <c r="KA6" s="359" t="s">
        <v>45</v>
      </c>
      <c r="KB6" s="361" t="s">
        <v>52</v>
      </c>
      <c r="KC6" s="357" t="s">
        <v>43</v>
      </c>
      <c r="KD6" s="358" t="s">
        <v>44</v>
      </c>
      <c r="KE6" s="359" t="s">
        <v>45</v>
      </c>
      <c r="KF6" s="360" t="s">
        <v>46</v>
      </c>
      <c r="KG6" s="358" t="s">
        <v>47</v>
      </c>
      <c r="KH6" s="358" t="s">
        <v>48</v>
      </c>
      <c r="KI6" s="358" t="s">
        <v>49</v>
      </c>
      <c r="KJ6" s="358" t="s">
        <v>50</v>
      </c>
      <c r="KK6" s="358" t="s">
        <v>51</v>
      </c>
      <c r="KL6" s="359" t="s">
        <v>45</v>
      </c>
      <c r="KM6" s="361" t="s">
        <v>52</v>
      </c>
    </row>
    <row r="7" spans="2:299" ht="19.5" customHeight="1" x14ac:dyDescent="0.2">
      <c r="B7" s="125" t="s">
        <v>4</v>
      </c>
      <c r="C7" s="315">
        <v>19905</v>
      </c>
      <c r="D7" s="78">
        <v>19773</v>
      </c>
      <c r="E7" s="79">
        <v>39678</v>
      </c>
      <c r="F7" s="240"/>
      <c r="G7" s="78">
        <v>30068</v>
      </c>
      <c r="H7" s="78">
        <v>29112</v>
      </c>
      <c r="I7" s="78">
        <v>20317</v>
      </c>
      <c r="J7" s="78">
        <v>17047</v>
      </c>
      <c r="K7" s="78">
        <v>10529</v>
      </c>
      <c r="L7" s="80">
        <v>107073</v>
      </c>
      <c r="M7" s="81">
        <v>146751</v>
      </c>
      <c r="N7" s="66">
        <v>832</v>
      </c>
      <c r="O7" s="67">
        <v>1044</v>
      </c>
      <c r="P7" s="68">
        <v>1876</v>
      </c>
      <c r="Q7" s="243"/>
      <c r="R7" s="67">
        <v>1322</v>
      </c>
      <c r="S7" s="67">
        <v>1606</v>
      </c>
      <c r="T7" s="67">
        <v>999</v>
      </c>
      <c r="U7" s="67">
        <v>985</v>
      </c>
      <c r="V7" s="67">
        <v>769</v>
      </c>
      <c r="W7" s="68">
        <v>5681</v>
      </c>
      <c r="X7" s="69">
        <v>7557</v>
      </c>
      <c r="Y7" s="66">
        <v>2055</v>
      </c>
      <c r="Z7" s="67">
        <v>2362</v>
      </c>
      <c r="AA7" s="68">
        <v>4417</v>
      </c>
      <c r="AB7" s="243"/>
      <c r="AC7" s="67">
        <v>3108</v>
      </c>
      <c r="AD7" s="67">
        <v>3506</v>
      </c>
      <c r="AE7" s="67">
        <v>2461</v>
      </c>
      <c r="AF7" s="67">
        <v>2088</v>
      </c>
      <c r="AG7" s="67">
        <v>1534</v>
      </c>
      <c r="AH7" s="68">
        <v>12697</v>
      </c>
      <c r="AI7" s="69">
        <v>17114</v>
      </c>
      <c r="AJ7" s="66">
        <v>3004</v>
      </c>
      <c r="AK7" s="67">
        <v>3291</v>
      </c>
      <c r="AL7" s="68">
        <v>6295</v>
      </c>
      <c r="AM7" s="243"/>
      <c r="AN7" s="67">
        <v>4775</v>
      </c>
      <c r="AO7" s="67">
        <v>4746</v>
      </c>
      <c r="AP7" s="67">
        <v>3327</v>
      </c>
      <c r="AQ7" s="67">
        <v>2760</v>
      </c>
      <c r="AR7" s="67">
        <v>1906</v>
      </c>
      <c r="AS7" s="68">
        <v>17514</v>
      </c>
      <c r="AT7" s="69">
        <v>23809</v>
      </c>
      <c r="AU7" s="66">
        <v>5162</v>
      </c>
      <c r="AV7" s="67">
        <v>4831</v>
      </c>
      <c r="AW7" s="68">
        <v>9993</v>
      </c>
      <c r="AX7" s="243"/>
      <c r="AY7" s="67">
        <v>7566</v>
      </c>
      <c r="AZ7" s="67">
        <v>6802</v>
      </c>
      <c r="BA7" s="67">
        <v>4681</v>
      </c>
      <c r="BB7" s="67">
        <v>3859</v>
      </c>
      <c r="BC7" s="67">
        <v>2454</v>
      </c>
      <c r="BD7" s="68">
        <v>25362</v>
      </c>
      <c r="BE7" s="69">
        <v>35355</v>
      </c>
      <c r="BF7" s="66">
        <v>5584</v>
      </c>
      <c r="BG7" s="67">
        <v>5083</v>
      </c>
      <c r="BH7" s="68">
        <v>10667</v>
      </c>
      <c r="BI7" s="243"/>
      <c r="BJ7" s="67">
        <v>7970</v>
      </c>
      <c r="BK7" s="67">
        <v>7083</v>
      </c>
      <c r="BL7" s="67">
        <v>4926</v>
      </c>
      <c r="BM7" s="67">
        <v>4068</v>
      </c>
      <c r="BN7" s="67">
        <v>2215</v>
      </c>
      <c r="BO7" s="68">
        <v>26262</v>
      </c>
      <c r="BP7" s="69">
        <v>36929</v>
      </c>
      <c r="BQ7" s="66">
        <v>3268</v>
      </c>
      <c r="BR7" s="67">
        <v>3162</v>
      </c>
      <c r="BS7" s="68">
        <v>6430</v>
      </c>
      <c r="BT7" s="243"/>
      <c r="BU7" s="67">
        <v>5327</v>
      </c>
      <c r="BV7" s="67">
        <v>5369</v>
      </c>
      <c r="BW7" s="67">
        <v>3923</v>
      </c>
      <c r="BX7" s="67">
        <v>3287</v>
      </c>
      <c r="BY7" s="67">
        <v>1651</v>
      </c>
      <c r="BZ7" s="68">
        <v>19557</v>
      </c>
      <c r="CA7" s="69">
        <v>25987</v>
      </c>
      <c r="CB7" s="66">
        <v>453</v>
      </c>
      <c r="CC7" s="67">
        <v>762</v>
      </c>
      <c r="CD7" s="68">
        <v>1215</v>
      </c>
      <c r="CE7" s="243"/>
      <c r="CF7" s="67">
        <v>916</v>
      </c>
      <c r="CG7" s="67">
        <v>1310</v>
      </c>
      <c r="CH7" s="67">
        <v>843</v>
      </c>
      <c r="CI7" s="67">
        <v>735</v>
      </c>
      <c r="CJ7" s="67">
        <v>728</v>
      </c>
      <c r="CK7" s="68">
        <v>4532</v>
      </c>
      <c r="CL7" s="69">
        <v>5747</v>
      </c>
      <c r="CM7" s="66">
        <v>20358</v>
      </c>
      <c r="CN7" s="67">
        <v>20535</v>
      </c>
      <c r="CO7" s="68">
        <v>40893</v>
      </c>
      <c r="CP7" s="243"/>
      <c r="CQ7" s="67">
        <v>30984</v>
      </c>
      <c r="CR7" s="67">
        <v>30422</v>
      </c>
      <c r="CS7" s="67">
        <v>21160</v>
      </c>
      <c r="CT7" s="67">
        <v>17782</v>
      </c>
      <c r="CU7" s="67">
        <v>11257</v>
      </c>
      <c r="CV7" s="68">
        <v>111605</v>
      </c>
      <c r="CW7" s="69">
        <v>152498</v>
      </c>
      <c r="CX7" s="122">
        <v>37732</v>
      </c>
      <c r="CY7" s="78">
        <v>43494</v>
      </c>
      <c r="CZ7" s="79">
        <v>81226</v>
      </c>
      <c r="DA7" s="240"/>
      <c r="DB7" s="78">
        <v>55230</v>
      </c>
      <c r="DC7" s="78">
        <v>51654</v>
      </c>
      <c r="DD7" s="78">
        <v>38220</v>
      </c>
      <c r="DE7" s="78">
        <v>37977</v>
      </c>
      <c r="DF7" s="78">
        <v>25548</v>
      </c>
      <c r="DG7" s="80">
        <v>208629</v>
      </c>
      <c r="DH7" s="81">
        <v>289855</v>
      </c>
      <c r="DI7" s="66">
        <v>885</v>
      </c>
      <c r="DJ7" s="67">
        <v>1014</v>
      </c>
      <c r="DK7" s="68">
        <v>1899</v>
      </c>
      <c r="DL7" s="243"/>
      <c r="DM7" s="67">
        <v>1038</v>
      </c>
      <c r="DN7" s="67">
        <v>1098</v>
      </c>
      <c r="DO7" s="67">
        <v>721</v>
      </c>
      <c r="DP7" s="67">
        <v>688</v>
      </c>
      <c r="DQ7" s="67">
        <v>609</v>
      </c>
      <c r="DR7" s="68">
        <v>4154</v>
      </c>
      <c r="DS7" s="69">
        <v>6053</v>
      </c>
      <c r="DT7" s="66">
        <v>2698</v>
      </c>
      <c r="DU7" s="67">
        <v>3266</v>
      </c>
      <c r="DV7" s="68">
        <v>5964</v>
      </c>
      <c r="DW7" s="243"/>
      <c r="DX7" s="67">
        <v>3076</v>
      </c>
      <c r="DY7" s="67">
        <v>3097</v>
      </c>
      <c r="DZ7" s="67">
        <v>1908</v>
      </c>
      <c r="EA7" s="67">
        <v>1868</v>
      </c>
      <c r="EB7" s="67">
        <v>1525</v>
      </c>
      <c r="EC7" s="68">
        <v>11474</v>
      </c>
      <c r="ED7" s="69">
        <v>17438</v>
      </c>
      <c r="EE7" s="66">
        <v>6044</v>
      </c>
      <c r="EF7" s="67">
        <v>6450</v>
      </c>
      <c r="EG7" s="68">
        <v>12494</v>
      </c>
      <c r="EH7" s="243"/>
      <c r="EI7" s="67">
        <v>6795</v>
      </c>
      <c r="EJ7" s="67">
        <v>5679</v>
      </c>
      <c r="EK7" s="67">
        <v>3636</v>
      </c>
      <c r="EL7" s="67">
        <v>3360</v>
      </c>
      <c r="EM7" s="67">
        <v>2693</v>
      </c>
      <c r="EN7" s="68">
        <v>22163</v>
      </c>
      <c r="EO7" s="69">
        <v>34657</v>
      </c>
      <c r="EP7" s="66">
        <v>11210</v>
      </c>
      <c r="EQ7" s="67">
        <v>11600</v>
      </c>
      <c r="ER7" s="68">
        <v>22810</v>
      </c>
      <c r="ES7" s="243"/>
      <c r="ET7" s="67">
        <v>13399</v>
      </c>
      <c r="EU7" s="67">
        <v>10795</v>
      </c>
      <c r="EV7" s="67">
        <v>6964</v>
      </c>
      <c r="EW7" s="67">
        <v>6447</v>
      </c>
      <c r="EX7" s="67">
        <v>4439</v>
      </c>
      <c r="EY7" s="68">
        <v>42044</v>
      </c>
      <c r="EZ7" s="69">
        <v>64854</v>
      </c>
      <c r="FA7" s="66">
        <v>11201</v>
      </c>
      <c r="FB7" s="67">
        <v>12903</v>
      </c>
      <c r="FC7" s="68">
        <v>24104</v>
      </c>
      <c r="FD7" s="243"/>
      <c r="FE7" s="67">
        <v>16938</v>
      </c>
      <c r="FF7" s="67">
        <v>14909</v>
      </c>
      <c r="FG7" s="67">
        <v>10578</v>
      </c>
      <c r="FH7" s="67">
        <v>9905</v>
      </c>
      <c r="FI7" s="67">
        <v>6638</v>
      </c>
      <c r="FJ7" s="68">
        <v>58968</v>
      </c>
      <c r="FK7" s="69">
        <v>83072</v>
      </c>
      <c r="FL7" s="66">
        <v>5694</v>
      </c>
      <c r="FM7" s="67">
        <v>8261</v>
      </c>
      <c r="FN7" s="68">
        <v>13955</v>
      </c>
      <c r="FO7" s="243"/>
      <c r="FP7" s="67">
        <v>13984</v>
      </c>
      <c r="FQ7" s="67">
        <v>16076</v>
      </c>
      <c r="FR7" s="67">
        <v>14413</v>
      </c>
      <c r="FS7" s="67">
        <v>15709</v>
      </c>
      <c r="FT7" s="67">
        <v>9644</v>
      </c>
      <c r="FU7" s="68">
        <v>69826</v>
      </c>
      <c r="FV7" s="69">
        <v>83781</v>
      </c>
      <c r="FW7" s="66">
        <v>381</v>
      </c>
      <c r="FX7" s="67">
        <v>697</v>
      </c>
      <c r="FY7" s="68">
        <v>1078</v>
      </c>
      <c r="FZ7" s="243"/>
      <c r="GA7" s="67">
        <v>675</v>
      </c>
      <c r="GB7" s="67">
        <v>1020</v>
      </c>
      <c r="GC7" s="67">
        <v>624</v>
      </c>
      <c r="GD7" s="67">
        <v>591</v>
      </c>
      <c r="GE7" s="67">
        <v>604</v>
      </c>
      <c r="GF7" s="68">
        <v>3514</v>
      </c>
      <c r="GG7" s="69">
        <v>4592</v>
      </c>
      <c r="GH7" s="66">
        <v>38113</v>
      </c>
      <c r="GI7" s="67">
        <v>44191</v>
      </c>
      <c r="GJ7" s="68">
        <v>82304</v>
      </c>
      <c r="GK7" s="243"/>
      <c r="GL7" s="67">
        <v>55905</v>
      </c>
      <c r="GM7" s="67">
        <v>52674</v>
      </c>
      <c r="GN7" s="67">
        <v>38844</v>
      </c>
      <c r="GO7" s="67">
        <v>38568</v>
      </c>
      <c r="GP7" s="67">
        <v>26152</v>
      </c>
      <c r="GQ7" s="68">
        <v>212143</v>
      </c>
      <c r="GR7" s="69">
        <v>294447</v>
      </c>
      <c r="GS7" s="122">
        <v>57637</v>
      </c>
      <c r="GT7" s="78">
        <v>63267</v>
      </c>
      <c r="GU7" s="79">
        <v>120904</v>
      </c>
      <c r="GV7" s="240"/>
      <c r="GW7" s="78">
        <v>85298</v>
      </c>
      <c r="GX7" s="78">
        <v>80766</v>
      </c>
      <c r="GY7" s="78">
        <v>58537</v>
      </c>
      <c r="GZ7" s="78">
        <v>55024</v>
      </c>
      <c r="HA7" s="78">
        <v>36077</v>
      </c>
      <c r="HB7" s="80">
        <v>315702</v>
      </c>
      <c r="HC7" s="81">
        <v>436606</v>
      </c>
      <c r="HD7" s="66">
        <v>1717</v>
      </c>
      <c r="HE7" s="67">
        <v>2058</v>
      </c>
      <c r="HF7" s="68">
        <v>3775</v>
      </c>
      <c r="HG7" s="243"/>
      <c r="HH7" s="67">
        <v>2360</v>
      </c>
      <c r="HI7" s="67">
        <v>2704</v>
      </c>
      <c r="HJ7" s="67">
        <v>1720</v>
      </c>
      <c r="HK7" s="67">
        <v>1673</v>
      </c>
      <c r="HL7" s="67">
        <v>1378</v>
      </c>
      <c r="HM7" s="68">
        <v>9835</v>
      </c>
      <c r="HN7" s="69">
        <v>13610</v>
      </c>
      <c r="HO7" s="66">
        <v>4753</v>
      </c>
      <c r="HP7" s="67">
        <v>5628</v>
      </c>
      <c r="HQ7" s="68">
        <v>10381</v>
      </c>
      <c r="HR7" s="243"/>
      <c r="HS7" s="67">
        <v>6184</v>
      </c>
      <c r="HT7" s="67">
        <v>6603</v>
      </c>
      <c r="HU7" s="67">
        <v>4369</v>
      </c>
      <c r="HV7" s="67">
        <v>3956</v>
      </c>
      <c r="HW7" s="67">
        <v>3059</v>
      </c>
      <c r="HX7" s="68">
        <v>24171</v>
      </c>
      <c r="HY7" s="69">
        <v>34552</v>
      </c>
      <c r="HZ7" s="66">
        <v>9048</v>
      </c>
      <c r="IA7" s="67">
        <v>9741</v>
      </c>
      <c r="IB7" s="68">
        <v>18789</v>
      </c>
      <c r="IC7" s="243"/>
      <c r="ID7" s="67">
        <v>11570</v>
      </c>
      <c r="IE7" s="67">
        <v>10425</v>
      </c>
      <c r="IF7" s="67">
        <v>6963</v>
      </c>
      <c r="IG7" s="67">
        <v>6120</v>
      </c>
      <c r="IH7" s="67">
        <v>4599</v>
      </c>
      <c r="II7" s="68">
        <v>39677</v>
      </c>
      <c r="IJ7" s="69">
        <v>58466</v>
      </c>
      <c r="IK7" s="66">
        <v>16372</v>
      </c>
      <c r="IL7" s="67">
        <v>16431</v>
      </c>
      <c r="IM7" s="68">
        <v>32803</v>
      </c>
      <c r="IN7" s="243"/>
      <c r="IO7" s="67">
        <v>20965</v>
      </c>
      <c r="IP7" s="67">
        <v>17597</v>
      </c>
      <c r="IQ7" s="67">
        <v>11645</v>
      </c>
      <c r="IR7" s="67">
        <v>10306</v>
      </c>
      <c r="IS7" s="67">
        <v>6893</v>
      </c>
      <c r="IT7" s="68">
        <v>67406</v>
      </c>
      <c r="IU7" s="69">
        <v>100209</v>
      </c>
      <c r="IV7" s="66">
        <v>16785</v>
      </c>
      <c r="IW7" s="67">
        <v>17986</v>
      </c>
      <c r="IX7" s="68">
        <v>34771</v>
      </c>
      <c r="IY7" s="243"/>
      <c r="IZ7" s="67">
        <v>24908</v>
      </c>
      <c r="JA7" s="67">
        <v>21992</v>
      </c>
      <c r="JB7" s="67">
        <v>15504</v>
      </c>
      <c r="JC7" s="67">
        <v>13973</v>
      </c>
      <c r="JD7" s="67">
        <v>8853</v>
      </c>
      <c r="JE7" s="68">
        <v>85230</v>
      </c>
      <c r="JF7" s="69">
        <v>120001</v>
      </c>
      <c r="JG7" s="66">
        <v>8962</v>
      </c>
      <c r="JH7" s="67">
        <v>11423</v>
      </c>
      <c r="JI7" s="68">
        <v>20385</v>
      </c>
      <c r="JJ7" s="243"/>
      <c r="JK7" s="67">
        <v>19311</v>
      </c>
      <c r="JL7" s="67">
        <v>21445</v>
      </c>
      <c r="JM7" s="67">
        <v>18336</v>
      </c>
      <c r="JN7" s="67">
        <v>18996</v>
      </c>
      <c r="JO7" s="67">
        <v>11295</v>
      </c>
      <c r="JP7" s="68">
        <v>89383</v>
      </c>
      <c r="JQ7" s="69">
        <v>109768</v>
      </c>
      <c r="JR7" s="66">
        <v>834</v>
      </c>
      <c r="JS7" s="67">
        <v>1459</v>
      </c>
      <c r="JT7" s="68">
        <v>2293</v>
      </c>
      <c r="JU7" s="243"/>
      <c r="JV7" s="67">
        <v>1591</v>
      </c>
      <c r="JW7" s="67">
        <v>2330</v>
      </c>
      <c r="JX7" s="67">
        <v>1467</v>
      </c>
      <c r="JY7" s="67">
        <v>1326</v>
      </c>
      <c r="JZ7" s="67">
        <v>1332</v>
      </c>
      <c r="KA7" s="68">
        <v>8046</v>
      </c>
      <c r="KB7" s="69">
        <v>10339</v>
      </c>
      <c r="KC7" s="66">
        <v>58471</v>
      </c>
      <c r="KD7" s="67">
        <v>64726</v>
      </c>
      <c r="KE7" s="68">
        <v>123197</v>
      </c>
      <c r="KF7" s="243"/>
      <c r="KG7" s="67">
        <v>86889</v>
      </c>
      <c r="KH7" s="67">
        <v>83096</v>
      </c>
      <c r="KI7" s="67">
        <v>60004</v>
      </c>
      <c r="KJ7" s="67">
        <v>56350</v>
      </c>
      <c r="KK7" s="67">
        <v>37409</v>
      </c>
      <c r="KL7" s="68">
        <v>323748</v>
      </c>
      <c r="KM7" s="69">
        <v>446945</v>
      </c>
    </row>
    <row r="8" spans="2:299" ht="19.5" customHeight="1" x14ac:dyDescent="0.2">
      <c r="B8" s="126" t="s">
        <v>5</v>
      </c>
      <c r="C8" s="316">
        <v>8102</v>
      </c>
      <c r="D8" s="82">
        <v>9332</v>
      </c>
      <c r="E8" s="83">
        <v>17434</v>
      </c>
      <c r="F8" s="241"/>
      <c r="G8" s="82">
        <v>9974</v>
      </c>
      <c r="H8" s="82">
        <v>12960</v>
      </c>
      <c r="I8" s="82">
        <v>8455</v>
      </c>
      <c r="J8" s="82">
        <v>7018</v>
      </c>
      <c r="K8" s="82">
        <v>4404</v>
      </c>
      <c r="L8" s="84">
        <v>42811</v>
      </c>
      <c r="M8" s="85">
        <v>60245</v>
      </c>
      <c r="N8" s="70">
        <v>323</v>
      </c>
      <c r="O8" s="71">
        <v>482</v>
      </c>
      <c r="P8" s="72">
        <v>805</v>
      </c>
      <c r="Q8" s="244"/>
      <c r="R8" s="71">
        <v>391</v>
      </c>
      <c r="S8" s="71">
        <v>734</v>
      </c>
      <c r="T8" s="71">
        <v>393</v>
      </c>
      <c r="U8" s="71">
        <v>408</v>
      </c>
      <c r="V8" s="71">
        <v>322</v>
      </c>
      <c r="W8" s="72">
        <v>2248</v>
      </c>
      <c r="X8" s="73">
        <v>3053</v>
      </c>
      <c r="Y8" s="70">
        <v>781</v>
      </c>
      <c r="Z8" s="71">
        <v>1067</v>
      </c>
      <c r="AA8" s="72">
        <v>1848</v>
      </c>
      <c r="AB8" s="244"/>
      <c r="AC8" s="71">
        <v>962</v>
      </c>
      <c r="AD8" s="71">
        <v>1517</v>
      </c>
      <c r="AE8" s="71">
        <v>1066</v>
      </c>
      <c r="AF8" s="71">
        <v>856</v>
      </c>
      <c r="AG8" s="71">
        <v>662</v>
      </c>
      <c r="AH8" s="72">
        <v>5063</v>
      </c>
      <c r="AI8" s="73">
        <v>6911</v>
      </c>
      <c r="AJ8" s="70">
        <v>1161</v>
      </c>
      <c r="AK8" s="71">
        <v>1503</v>
      </c>
      <c r="AL8" s="72">
        <v>2664</v>
      </c>
      <c r="AM8" s="244"/>
      <c r="AN8" s="71">
        <v>1511</v>
      </c>
      <c r="AO8" s="71">
        <v>2090</v>
      </c>
      <c r="AP8" s="71">
        <v>1322</v>
      </c>
      <c r="AQ8" s="71">
        <v>1122</v>
      </c>
      <c r="AR8" s="71">
        <v>753</v>
      </c>
      <c r="AS8" s="72">
        <v>6798</v>
      </c>
      <c r="AT8" s="73">
        <v>9462</v>
      </c>
      <c r="AU8" s="70">
        <v>2115</v>
      </c>
      <c r="AV8" s="71">
        <v>2285</v>
      </c>
      <c r="AW8" s="72">
        <v>4400</v>
      </c>
      <c r="AX8" s="244"/>
      <c r="AY8" s="71">
        <v>2502</v>
      </c>
      <c r="AZ8" s="71">
        <v>2899</v>
      </c>
      <c r="BA8" s="71">
        <v>1892</v>
      </c>
      <c r="BB8" s="71">
        <v>1550</v>
      </c>
      <c r="BC8" s="71">
        <v>1018</v>
      </c>
      <c r="BD8" s="72">
        <v>9861</v>
      </c>
      <c r="BE8" s="73">
        <v>14261</v>
      </c>
      <c r="BF8" s="70">
        <v>2342</v>
      </c>
      <c r="BG8" s="71">
        <v>2461</v>
      </c>
      <c r="BH8" s="72">
        <v>4803</v>
      </c>
      <c r="BI8" s="244"/>
      <c r="BJ8" s="71">
        <v>2749</v>
      </c>
      <c r="BK8" s="71">
        <v>3187</v>
      </c>
      <c r="BL8" s="71">
        <v>2045</v>
      </c>
      <c r="BM8" s="71">
        <v>1695</v>
      </c>
      <c r="BN8" s="71">
        <v>936</v>
      </c>
      <c r="BO8" s="72">
        <v>10612</v>
      </c>
      <c r="BP8" s="73">
        <v>15415</v>
      </c>
      <c r="BQ8" s="70">
        <v>1380</v>
      </c>
      <c r="BR8" s="71">
        <v>1534</v>
      </c>
      <c r="BS8" s="72">
        <v>2914</v>
      </c>
      <c r="BT8" s="244"/>
      <c r="BU8" s="71">
        <v>1859</v>
      </c>
      <c r="BV8" s="71">
        <v>2533</v>
      </c>
      <c r="BW8" s="71">
        <v>1737</v>
      </c>
      <c r="BX8" s="71">
        <v>1387</v>
      </c>
      <c r="BY8" s="71">
        <v>713</v>
      </c>
      <c r="BZ8" s="72">
        <v>8229</v>
      </c>
      <c r="CA8" s="73">
        <v>11143</v>
      </c>
      <c r="CB8" s="70">
        <v>167</v>
      </c>
      <c r="CC8" s="71">
        <v>322</v>
      </c>
      <c r="CD8" s="72">
        <v>489</v>
      </c>
      <c r="CE8" s="244"/>
      <c r="CF8" s="71">
        <v>273</v>
      </c>
      <c r="CG8" s="71">
        <v>598</v>
      </c>
      <c r="CH8" s="71">
        <v>377</v>
      </c>
      <c r="CI8" s="71">
        <v>319</v>
      </c>
      <c r="CJ8" s="71">
        <v>333</v>
      </c>
      <c r="CK8" s="72">
        <v>1900</v>
      </c>
      <c r="CL8" s="73">
        <v>2389</v>
      </c>
      <c r="CM8" s="70">
        <v>8269</v>
      </c>
      <c r="CN8" s="71">
        <v>9654</v>
      </c>
      <c r="CO8" s="72">
        <v>17923</v>
      </c>
      <c r="CP8" s="244"/>
      <c r="CQ8" s="71">
        <v>10247</v>
      </c>
      <c r="CR8" s="71">
        <v>13558</v>
      </c>
      <c r="CS8" s="71">
        <v>8832</v>
      </c>
      <c r="CT8" s="71">
        <v>7337</v>
      </c>
      <c r="CU8" s="71">
        <v>4737</v>
      </c>
      <c r="CV8" s="72">
        <v>44711</v>
      </c>
      <c r="CW8" s="73">
        <v>62634</v>
      </c>
      <c r="CX8" s="123">
        <v>14883</v>
      </c>
      <c r="CY8" s="82">
        <v>19538</v>
      </c>
      <c r="CZ8" s="83">
        <v>34421</v>
      </c>
      <c r="DA8" s="241"/>
      <c r="DB8" s="82">
        <v>19115</v>
      </c>
      <c r="DC8" s="82">
        <v>23414</v>
      </c>
      <c r="DD8" s="82">
        <v>15817</v>
      </c>
      <c r="DE8" s="82">
        <v>15584</v>
      </c>
      <c r="DF8" s="82">
        <v>10658</v>
      </c>
      <c r="DG8" s="84">
        <v>84588</v>
      </c>
      <c r="DH8" s="85">
        <v>119009</v>
      </c>
      <c r="DI8" s="70">
        <v>329</v>
      </c>
      <c r="DJ8" s="71">
        <v>441</v>
      </c>
      <c r="DK8" s="72">
        <v>770</v>
      </c>
      <c r="DL8" s="244"/>
      <c r="DM8" s="71">
        <v>323</v>
      </c>
      <c r="DN8" s="71">
        <v>482</v>
      </c>
      <c r="DO8" s="71">
        <v>285</v>
      </c>
      <c r="DP8" s="71">
        <v>271</v>
      </c>
      <c r="DQ8" s="71">
        <v>257</v>
      </c>
      <c r="DR8" s="72">
        <v>1618</v>
      </c>
      <c r="DS8" s="73">
        <v>2388</v>
      </c>
      <c r="DT8" s="70">
        <v>1016</v>
      </c>
      <c r="DU8" s="71">
        <v>1409</v>
      </c>
      <c r="DV8" s="72">
        <v>2425</v>
      </c>
      <c r="DW8" s="244"/>
      <c r="DX8" s="71">
        <v>946</v>
      </c>
      <c r="DY8" s="71">
        <v>1341</v>
      </c>
      <c r="DZ8" s="71">
        <v>784</v>
      </c>
      <c r="EA8" s="71">
        <v>747</v>
      </c>
      <c r="EB8" s="71">
        <v>634</v>
      </c>
      <c r="EC8" s="72">
        <v>4452</v>
      </c>
      <c r="ED8" s="73">
        <v>6877</v>
      </c>
      <c r="EE8" s="70">
        <v>2383</v>
      </c>
      <c r="EF8" s="71">
        <v>2840</v>
      </c>
      <c r="EG8" s="72">
        <v>5223</v>
      </c>
      <c r="EH8" s="244"/>
      <c r="EI8" s="71">
        <v>2230</v>
      </c>
      <c r="EJ8" s="71">
        <v>2469</v>
      </c>
      <c r="EK8" s="71">
        <v>1464</v>
      </c>
      <c r="EL8" s="71">
        <v>1281</v>
      </c>
      <c r="EM8" s="71">
        <v>1108</v>
      </c>
      <c r="EN8" s="72">
        <v>8552</v>
      </c>
      <c r="EO8" s="73">
        <v>13775</v>
      </c>
      <c r="EP8" s="70">
        <v>4375</v>
      </c>
      <c r="EQ8" s="71">
        <v>5104</v>
      </c>
      <c r="ER8" s="72">
        <v>9479</v>
      </c>
      <c r="ES8" s="244"/>
      <c r="ET8" s="71">
        <v>4600</v>
      </c>
      <c r="EU8" s="71">
        <v>4855</v>
      </c>
      <c r="EV8" s="71">
        <v>2854</v>
      </c>
      <c r="EW8" s="71">
        <v>2622</v>
      </c>
      <c r="EX8" s="71">
        <v>1788</v>
      </c>
      <c r="EY8" s="72">
        <v>16719</v>
      </c>
      <c r="EZ8" s="73">
        <v>26198</v>
      </c>
      <c r="FA8" s="70">
        <v>4561</v>
      </c>
      <c r="FB8" s="71">
        <v>5950</v>
      </c>
      <c r="FC8" s="72">
        <v>10511</v>
      </c>
      <c r="FD8" s="244"/>
      <c r="FE8" s="71">
        <v>6155</v>
      </c>
      <c r="FF8" s="71">
        <v>6962</v>
      </c>
      <c r="FG8" s="71">
        <v>4413</v>
      </c>
      <c r="FH8" s="71">
        <v>4199</v>
      </c>
      <c r="FI8" s="71">
        <v>2780</v>
      </c>
      <c r="FJ8" s="72">
        <v>24509</v>
      </c>
      <c r="FK8" s="73">
        <v>35020</v>
      </c>
      <c r="FL8" s="70">
        <v>2219</v>
      </c>
      <c r="FM8" s="71">
        <v>3794</v>
      </c>
      <c r="FN8" s="72">
        <v>6013</v>
      </c>
      <c r="FO8" s="244"/>
      <c r="FP8" s="71">
        <v>4861</v>
      </c>
      <c r="FQ8" s="71">
        <v>7305</v>
      </c>
      <c r="FR8" s="71">
        <v>6017</v>
      </c>
      <c r="FS8" s="71">
        <v>6464</v>
      </c>
      <c r="FT8" s="71">
        <v>4091</v>
      </c>
      <c r="FU8" s="72">
        <v>28738</v>
      </c>
      <c r="FV8" s="73">
        <v>34751</v>
      </c>
      <c r="FW8" s="70">
        <v>165</v>
      </c>
      <c r="FX8" s="71">
        <v>293</v>
      </c>
      <c r="FY8" s="72">
        <v>458</v>
      </c>
      <c r="FZ8" s="244"/>
      <c r="GA8" s="71">
        <v>187</v>
      </c>
      <c r="GB8" s="71">
        <v>459</v>
      </c>
      <c r="GC8" s="71">
        <v>265</v>
      </c>
      <c r="GD8" s="71">
        <v>238</v>
      </c>
      <c r="GE8" s="71">
        <v>254</v>
      </c>
      <c r="GF8" s="72">
        <v>1403</v>
      </c>
      <c r="GG8" s="73">
        <v>1861</v>
      </c>
      <c r="GH8" s="70">
        <v>15048</v>
      </c>
      <c r="GI8" s="71">
        <v>19831</v>
      </c>
      <c r="GJ8" s="72">
        <v>34879</v>
      </c>
      <c r="GK8" s="244"/>
      <c r="GL8" s="71">
        <v>19302</v>
      </c>
      <c r="GM8" s="71">
        <v>23873</v>
      </c>
      <c r="GN8" s="71">
        <v>16082</v>
      </c>
      <c r="GO8" s="71">
        <v>15822</v>
      </c>
      <c r="GP8" s="71">
        <v>10912</v>
      </c>
      <c r="GQ8" s="72">
        <v>85991</v>
      </c>
      <c r="GR8" s="73">
        <v>120870</v>
      </c>
      <c r="GS8" s="123">
        <v>22985</v>
      </c>
      <c r="GT8" s="82">
        <v>28870</v>
      </c>
      <c r="GU8" s="83">
        <v>51855</v>
      </c>
      <c r="GV8" s="241"/>
      <c r="GW8" s="82">
        <v>29089</v>
      </c>
      <c r="GX8" s="82">
        <v>36374</v>
      </c>
      <c r="GY8" s="82">
        <v>24272</v>
      </c>
      <c r="GZ8" s="82">
        <v>22602</v>
      </c>
      <c r="HA8" s="82">
        <v>15062</v>
      </c>
      <c r="HB8" s="84">
        <v>127399</v>
      </c>
      <c r="HC8" s="85">
        <v>179254</v>
      </c>
      <c r="HD8" s="70">
        <v>652</v>
      </c>
      <c r="HE8" s="71">
        <v>923</v>
      </c>
      <c r="HF8" s="72">
        <v>1575</v>
      </c>
      <c r="HG8" s="244"/>
      <c r="HH8" s="71">
        <v>714</v>
      </c>
      <c r="HI8" s="71">
        <v>1216</v>
      </c>
      <c r="HJ8" s="71">
        <v>678</v>
      </c>
      <c r="HK8" s="71">
        <v>679</v>
      </c>
      <c r="HL8" s="71">
        <v>579</v>
      </c>
      <c r="HM8" s="72">
        <v>3866</v>
      </c>
      <c r="HN8" s="73">
        <v>5441</v>
      </c>
      <c r="HO8" s="70">
        <v>1797</v>
      </c>
      <c r="HP8" s="71">
        <v>2476</v>
      </c>
      <c r="HQ8" s="72">
        <v>4273</v>
      </c>
      <c r="HR8" s="244"/>
      <c r="HS8" s="71">
        <v>1908</v>
      </c>
      <c r="HT8" s="71">
        <v>2858</v>
      </c>
      <c r="HU8" s="71">
        <v>1850</v>
      </c>
      <c r="HV8" s="71">
        <v>1603</v>
      </c>
      <c r="HW8" s="71">
        <v>1296</v>
      </c>
      <c r="HX8" s="72">
        <v>9515</v>
      </c>
      <c r="HY8" s="73">
        <v>13788</v>
      </c>
      <c r="HZ8" s="70">
        <v>3544</v>
      </c>
      <c r="IA8" s="71">
        <v>4343</v>
      </c>
      <c r="IB8" s="72">
        <v>7887</v>
      </c>
      <c r="IC8" s="244"/>
      <c r="ID8" s="71">
        <v>3741</v>
      </c>
      <c r="IE8" s="71">
        <v>4559</v>
      </c>
      <c r="IF8" s="71">
        <v>2786</v>
      </c>
      <c r="IG8" s="71">
        <v>2403</v>
      </c>
      <c r="IH8" s="71">
        <v>1861</v>
      </c>
      <c r="II8" s="72">
        <v>15350</v>
      </c>
      <c r="IJ8" s="73">
        <v>23237</v>
      </c>
      <c r="IK8" s="70">
        <v>6490</v>
      </c>
      <c r="IL8" s="71">
        <v>7389</v>
      </c>
      <c r="IM8" s="72">
        <v>13879</v>
      </c>
      <c r="IN8" s="244"/>
      <c r="IO8" s="71">
        <v>7102</v>
      </c>
      <c r="IP8" s="71">
        <v>7754</v>
      </c>
      <c r="IQ8" s="71">
        <v>4746</v>
      </c>
      <c r="IR8" s="71">
        <v>4172</v>
      </c>
      <c r="IS8" s="71">
        <v>2806</v>
      </c>
      <c r="IT8" s="72">
        <v>26580</v>
      </c>
      <c r="IU8" s="73">
        <v>40459</v>
      </c>
      <c r="IV8" s="70">
        <v>6903</v>
      </c>
      <c r="IW8" s="71">
        <v>8411</v>
      </c>
      <c r="IX8" s="72">
        <v>15314</v>
      </c>
      <c r="IY8" s="244"/>
      <c r="IZ8" s="71">
        <v>8904</v>
      </c>
      <c r="JA8" s="71">
        <v>10149</v>
      </c>
      <c r="JB8" s="71">
        <v>6458</v>
      </c>
      <c r="JC8" s="71">
        <v>5894</v>
      </c>
      <c r="JD8" s="71">
        <v>3716</v>
      </c>
      <c r="JE8" s="72">
        <v>35121</v>
      </c>
      <c r="JF8" s="73">
        <v>50435</v>
      </c>
      <c r="JG8" s="70">
        <v>3599</v>
      </c>
      <c r="JH8" s="71">
        <v>5328</v>
      </c>
      <c r="JI8" s="72">
        <v>8927</v>
      </c>
      <c r="JJ8" s="244"/>
      <c r="JK8" s="71">
        <v>6720</v>
      </c>
      <c r="JL8" s="71">
        <v>9838</v>
      </c>
      <c r="JM8" s="71">
        <v>7754</v>
      </c>
      <c r="JN8" s="71">
        <v>7851</v>
      </c>
      <c r="JO8" s="71">
        <v>4804</v>
      </c>
      <c r="JP8" s="72">
        <v>36967</v>
      </c>
      <c r="JQ8" s="73">
        <v>45894</v>
      </c>
      <c r="JR8" s="70">
        <v>332</v>
      </c>
      <c r="JS8" s="71">
        <v>615</v>
      </c>
      <c r="JT8" s="72">
        <v>947</v>
      </c>
      <c r="JU8" s="244"/>
      <c r="JV8" s="71">
        <v>460</v>
      </c>
      <c r="JW8" s="71">
        <v>1057</v>
      </c>
      <c r="JX8" s="71">
        <v>642</v>
      </c>
      <c r="JY8" s="71">
        <v>557</v>
      </c>
      <c r="JZ8" s="71">
        <v>587</v>
      </c>
      <c r="KA8" s="72">
        <v>3303</v>
      </c>
      <c r="KB8" s="73">
        <v>4250</v>
      </c>
      <c r="KC8" s="70">
        <v>23317</v>
      </c>
      <c r="KD8" s="71">
        <v>29485</v>
      </c>
      <c r="KE8" s="72">
        <v>52802</v>
      </c>
      <c r="KF8" s="244"/>
      <c r="KG8" s="71">
        <v>29549</v>
      </c>
      <c r="KH8" s="71">
        <v>37431</v>
      </c>
      <c r="KI8" s="71">
        <v>24914</v>
      </c>
      <c r="KJ8" s="71">
        <v>23159</v>
      </c>
      <c r="KK8" s="71">
        <v>15649</v>
      </c>
      <c r="KL8" s="72">
        <v>130702</v>
      </c>
      <c r="KM8" s="73">
        <v>183504</v>
      </c>
    </row>
    <row r="9" spans="2:299" ht="19.5" customHeight="1" x14ac:dyDescent="0.2">
      <c r="B9" s="126" t="s">
        <v>6</v>
      </c>
      <c r="C9" s="316">
        <v>2666</v>
      </c>
      <c r="D9" s="82">
        <v>2296</v>
      </c>
      <c r="E9" s="83">
        <v>4962</v>
      </c>
      <c r="F9" s="241"/>
      <c r="G9" s="82">
        <v>4952</v>
      </c>
      <c r="H9" s="82">
        <v>3670</v>
      </c>
      <c r="I9" s="82">
        <v>2836</v>
      </c>
      <c r="J9" s="82">
        <v>2520</v>
      </c>
      <c r="K9" s="82">
        <v>1680</v>
      </c>
      <c r="L9" s="84">
        <v>15658</v>
      </c>
      <c r="M9" s="85">
        <v>20620</v>
      </c>
      <c r="N9" s="70">
        <v>131</v>
      </c>
      <c r="O9" s="71">
        <v>147</v>
      </c>
      <c r="P9" s="72">
        <v>278</v>
      </c>
      <c r="Q9" s="244"/>
      <c r="R9" s="71">
        <v>269</v>
      </c>
      <c r="S9" s="71">
        <v>229</v>
      </c>
      <c r="T9" s="71">
        <v>156</v>
      </c>
      <c r="U9" s="71">
        <v>163</v>
      </c>
      <c r="V9" s="71">
        <v>128</v>
      </c>
      <c r="W9" s="72">
        <v>945</v>
      </c>
      <c r="X9" s="73">
        <v>1223</v>
      </c>
      <c r="Y9" s="70">
        <v>312</v>
      </c>
      <c r="Z9" s="71">
        <v>287</v>
      </c>
      <c r="AA9" s="72">
        <v>599</v>
      </c>
      <c r="AB9" s="244"/>
      <c r="AC9" s="71">
        <v>586</v>
      </c>
      <c r="AD9" s="71">
        <v>506</v>
      </c>
      <c r="AE9" s="71">
        <v>364</v>
      </c>
      <c r="AF9" s="71">
        <v>327</v>
      </c>
      <c r="AG9" s="71">
        <v>258</v>
      </c>
      <c r="AH9" s="72">
        <v>2041</v>
      </c>
      <c r="AI9" s="73">
        <v>2640</v>
      </c>
      <c r="AJ9" s="70">
        <v>409</v>
      </c>
      <c r="AK9" s="71">
        <v>417</v>
      </c>
      <c r="AL9" s="72">
        <v>826</v>
      </c>
      <c r="AM9" s="244"/>
      <c r="AN9" s="71">
        <v>814</v>
      </c>
      <c r="AO9" s="71">
        <v>630</v>
      </c>
      <c r="AP9" s="71">
        <v>462</v>
      </c>
      <c r="AQ9" s="71">
        <v>417</v>
      </c>
      <c r="AR9" s="71">
        <v>327</v>
      </c>
      <c r="AS9" s="72">
        <v>2650</v>
      </c>
      <c r="AT9" s="73">
        <v>3476</v>
      </c>
      <c r="AU9" s="70">
        <v>633</v>
      </c>
      <c r="AV9" s="71">
        <v>488</v>
      </c>
      <c r="AW9" s="72">
        <v>1121</v>
      </c>
      <c r="AX9" s="244"/>
      <c r="AY9" s="71">
        <v>1219</v>
      </c>
      <c r="AZ9" s="71">
        <v>834</v>
      </c>
      <c r="BA9" s="71">
        <v>695</v>
      </c>
      <c r="BB9" s="71">
        <v>562</v>
      </c>
      <c r="BC9" s="71">
        <v>334</v>
      </c>
      <c r="BD9" s="72">
        <v>3644</v>
      </c>
      <c r="BE9" s="73">
        <v>4765</v>
      </c>
      <c r="BF9" s="70">
        <v>718</v>
      </c>
      <c r="BG9" s="71">
        <v>604</v>
      </c>
      <c r="BH9" s="72">
        <v>1322</v>
      </c>
      <c r="BI9" s="244"/>
      <c r="BJ9" s="71">
        <v>1227</v>
      </c>
      <c r="BK9" s="71">
        <v>836</v>
      </c>
      <c r="BL9" s="71">
        <v>667</v>
      </c>
      <c r="BM9" s="71">
        <v>583</v>
      </c>
      <c r="BN9" s="71">
        <v>377</v>
      </c>
      <c r="BO9" s="72">
        <v>3690</v>
      </c>
      <c r="BP9" s="73">
        <v>5012</v>
      </c>
      <c r="BQ9" s="70">
        <v>463</v>
      </c>
      <c r="BR9" s="71">
        <v>353</v>
      </c>
      <c r="BS9" s="72">
        <v>816</v>
      </c>
      <c r="BT9" s="244"/>
      <c r="BU9" s="71">
        <v>837</v>
      </c>
      <c r="BV9" s="71">
        <v>635</v>
      </c>
      <c r="BW9" s="71">
        <v>492</v>
      </c>
      <c r="BX9" s="71">
        <v>468</v>
      </c>
      <c r="BY9" s="71">
        <v>256</v>
      </c>
      <c r="BZ9" s="72">
        <v>2688</v>
      </c>
      <c r="CA9" s="73">
        <v>3504</v>
      </c>
      <c r="CB9" s="70">
        <v>75</v>
      </c>
      <c r="CC9" s="71">
        <v>94</v>
      </c>
      <c r="CD9" s="72">
        <v>169</v>
      </c>
      <c r="CE9" s="244"/>
      <c r="CF9" s="71">
        <v>183</v>
      </c>
      <c r="CG9" s="71">
        <v>177</v>
      </c>
      <c r="CH9" s="71">
        <v>126</v>
      </c>
      <c r="CI9" s="71">
        <v>128</v>
      </c>
      <c r="CJ9" s="71">
        <v>121</v>
      </c>
      <c r="CK9" s="72">
        <v>735</v>
      </c>
      <c r="CL9" s="73">
        <v>904</v>
      </c>
      <c r="CM9" s="70">
        <v>2741</v>
      </c>
      <c r="CN9" s="71">
        <v>2390</v>
      </c>
      <c r="CO9" s="72">
        <v>5131</v>
      </c>
      <c r="CP9" s="244"/>
      <c r="CQ9" s="71">
        <v>5135</v>
      </c>
      <c r="CR9" s="71">
        <v>3847</v>
      </c>
      <c r="CS9" s="71">
        <v>2962</v>
      </c>
      <c r="CT9" s="71">
        <v>2648</v>
      </c>
      <c r="CU9" s="71">
        <v>1801</v>
      </c>
      <c r="CV9" s="72">
        <v>16393</v>
      </c>
      <c r="CW9" s="73">
        <v>21524</v>
      </c>
      <c r="CX9" s="123">
        <v>5176</v>
      </c>
      <c r="CY9" s="82">
        <v>5226</v>
      </c>
      <c r="CZ9" s="83">
        <v>10402</v>
      </c>
      <c r="DA9" s="241"/>
      <c r="DB9" s="82">
        <v>8814</v>
      </c>
      <c r="DC9" s="82">
        <v>6501</v>
      </c>
      <c r="DD9" s="82">
        <v>5302</v>
      </c>
      <c r="DE9" s="82">
        <v>5508</v>
      </c>
      <c r="DF9" s="82">
        <v>3602</v>
      </c>
      <c r="DG9" s="84">
        <v>29727</v>
      </c>
      <c r="DH9" s="85">
        <v>40129</v>
      </c>
      <c r="DI9" s="70">
        <v>131</v>
      </c>
      <c r="DJ9" s="71">
        <v>101</v>
      </c>
      <c r="DK9" s="72">
        <v>232</v>
      </c>
      <c r="DL9" s="244"/>
      <c r="DM9" s="71">
        <v>194</v>
      </c>
      <c r="DN9" s="71">
        <v>143</v>
      </c>
      <c r="DO9" s="71">
        <v>107</v>
      </c>
      <c r="DP9" s="71">
        <v>103</v>
      </c>
      <c r="DQ9" s="71">
        <v>79</v>
      </c>
      <c r="DR9" s="72">
        <v>626</v>
      </c>
      <c r="DS9" s="73">
        <v>858</v>
      </c>
      <c r="DT9" s="70">
        <v>366</v>
      </c>
      <c r="DU9" s="71">
        <v>371</v>
      </c>
      <c r="DV9" s="72">
        <v>737</v>
      </c>
      <c r="DW9" s="244"/>
      <c r="DX9" s="71">
        <v>505</v>
      </c>
      <c r="DY9" s="71">
        <v>386</v>
      </c>
      <c r="DZ9" s="71">
        <v>264</v>
      </c>
      <c r="EA9" s="71">
        <v>290</v>
      </c>
      <c r="EB9" s="71">
        <v>206</v>
      </c>
      <c r="EC9" s="72">
        <v>1651</v>
      </c>
      <c r="ED9" s="73">
        <v>2388</v>
      </c>
      <c r="EE9" s="70">
        <v>806</v>
      </c>
      <c r="EF9" s="71">
        <v>788</v>
      </c>
      <c r="EG9" s="72">
        <v>1594</v>
      </c>
      <c r="EH9" s="244"/>
      <c r="EI9" s="71">
        <v>1126</v>
      </c>
      <c r="EJ9" s="71">
        <v>682</v>
      </c>
      <c r="EK9" s="71">
        <v>500</v>
      </c>
      <c r="EL9" s="71">
        <v>498</v>
      </c>
      <c r="EM9" s="71">
        <v>347</v>
      </c>
      <c r="EN9" s="72">
        <v>3153</v>
      </c>
      <c r="EO9" s="73">
        <v>4747</v>
      </c>
      <c r="EP9" s="70">
        <v>1540</v>
      </c>
      <c r="EQ9" s="71">
        <v>1388</v>
      </c>
      <c r="ER9" s="72">
        <v>2928</v>
      </c>
      <c r="ES9" s="244"/>
      <c r="ET9" s="71">
        <v>2176</v>
      </c>
      <c r="EU9" s="71">
        <v>1366</v>
      </c>
      <c r="EV9" s="71">
        <v>980</v>
      </c>
      <c r="EW9" s="71">
        <v>921</v>
      </c>
      <c r="EX9" s="71">
        <v>626</v>
      </c>
      <c r="EY9" s="72">
        <v>6069</v>
      </c>
      <c r="EZ9" s="73">
        <v>8997</v>
      </c>
      <c r="FA9" s="70">
        <v>1539</v>
      </c>
      <c r="FB9" s="71">
        <v>1589</v>
      </c>
      <c r="FC9" s="72">
        <v>3128</v>
      </c>
      <c r="FD9" s="244"/>
      <c r="FE9" s="71">
        <v>2631</v>
      </c>
      <c r="FF9" s="71">
        <v>1888</v>
      </c>
      <c r="FG9" s="71">
        <v>1496</v>
      </c>
      <c r="FH9" s="71">
        <v>1431</v>
      </c>
      <c r="FI9" s="71">
        <v>986</v>
      </c>
      <c r="FJ9" s="72">
        <v>8432</v>
      </c>
      <c r="FK9" s="73">
        <v>11560</v>
      </c>
      <c r="FL9" s="70">
        <v>794</v>
      </c>
      <c r="FM9" s="71">
        <v>989</v>
      </c>
      <c r="FN9" s="72">
        <v>1783</v>
      </c>
      <c r="FO9" s="244"/>
      <c r="FP9" s="71">
        <v>2182</v>
      </c>
      <c r="FQ9" s="71">
        <v>2036</v>
      </c>
      <c r="FR9" s="71">
        <v>1955</v>
      </c>
      <c r="FS9" s="71">
        <v>2265</v>
      </c>
      <c r="FT9" s="71">
        <v>1358</v>
      </c>
      <c r="FU9" s="72">
        <v>9796</v>
      </c>
      <c r="FV9" s="73">
        <v>11579</v>
      </c>
      <c r="FW9" s="70">
        <v>52</v>
      </c>
      <c r="FX9" s="71">
        <v>91</v>
      </c>
      <c r="FY9" s="72">
        <v>143</v>
      </c>
      <c r="FZ9" s="244"/>
      <c r="GA9" s="71">
        <v>137</v>
      </c>
      <c r="GB9" s="71">
        <v>127</v>
      </c>
      <c r="GC9" s="71">
        <v>105</v>
      </c>
      <c r="GD9" s="71">
        <v>105</v>
      </c>
      <c r="GE9" s="71">
        <v>95</v>
      </c>
      <c r="GF9" s="72">
        <v>569</v>
      </c>
      <c r="GG9" s="73">
        <v>712</v>
      </c>
      <c r="GH9" s="70">
        <v>5228</v>
      </c>
      <c r="GI9" s="71">
        <v>5317</v>
      </c>
      <c r="GJ9" s="72">
        <v>10545</v>
      </c>
      <c r="GK9" s="244"/>
      <c r="GL9" s="71">
        <v>8951</v>
      </c>
      <c r="GM9" s="71">
        <v>6628</v>
      </c>
      <c r="GN9" s="71">
        <v>5407</v>
      </c>
      <c r="GO9" s="71">
        <v>5613</v>
      </c>
      <c r="GP9" s="71">
        <v>3697</v>
      </c>
      <c r="GQ9" s="72">
        <v>30296</v>
      </c>
      <c r="GR9" s="73">
        <v>40841</v>
      </c>
      <c r="GS9" s="123">
        <v>7842</v>
      </c>
      <c r="GT9" s="82">
        <v>7522</v>
      </c>
      <c r="GU9" s="83">
        <v>15364</v>
      </c>
      <c r="GV9" s="241"/>
      <c r="GW9" s="82">
        <v>13766</v>
      </c>
      <c r="GX9" s="82">
        <v>10171</v>
      </c>
      <c r="GY9" s="82">
        <v>8138</v>
      </c>
      <c r="GZ9" s="82">
        <v>8028</v>
      </c>
      <c r="HA9" s="82">
        <v>5282</v>
      </c>
      <c r="HB9" s="84">
        <v>45385</v>
      </c>
      <c r="HC9" s="85">
        <v>60749</v>
      </c>
      <c r="HD9" s="70">
        <v>262</v>
      </c>
      <c r="HE9" s="71">
        <v>248</v>
      </c>
      <c r="HF9" s="72">
        <v>510</v>
      </c>
      <c r="HG9" s="244"/>
      <c r="HH9" s="71">
        <v>463</v>
      </c>
      <c r="HI9" s="71">
        <v>372</v>
      </c>
      <c r="HJ9" s="71">
        <v>263</v>
      </c>
      <c r="HK9" s="71">
        <v>266</v>
      </c>
      <c r="HL9" s="71">
        <v>207</v>
      </c>
      <c r="HM9" s="72">
        <v>1571</v>
      </c>
      <c r="HN9" s="73">
        <v>2081</v>
      </c>
      <c r="HO9" s="70">
        <v>678</v>
      </c>
      <c r="HP9" s="71">
        <v>658</v>
      </c>
      <c r="HQ9" s="72">
        <v>1336</v>
      </c>
      <c r="HR9" s="244"/>
      <c r="HS9" s="71">
        <v>1091</v>
      </c>
      <c r="HT9" s="71">
        <v>892</v>
      </c>
      <c r="HU9" s="71">
        <v>628</v>
      </c>
      <c r="HV9" s="71">
        <v>617</v>
      </c>
      <c r="HW9" s="71">
        <v>464</v>
      </c>
      <c r="HX9" s="72">
        <v>3692</v>
      </c>
      <c r="HY9" s="73">
        <v>5028</v>
      </c>
      <c r="HZ9" s="70">
        <v>1215</v>
      </c>
      <c r="IA9" s="71">
        <v>1205</v>
      </c>
      <c r="IB9" s="72">
        <v>2420</v>
      </c>
      <c r="IC9" s="244"/>
      <c r="ID9" s="71">
        <v>1940</v>
      </c>
      <c r="IE9" s="71">
        <v>1312</v>
      </c>
      <c r="IF9" s="71">
        <v>962</v>
      </c>
      <c r="IG9" s="71">
        <v>915</v>
      </c>
      <c r="IH9" s="71">
        <v>674</v>
      </c>
      <c r="II9" s="72">
        <v>5803</v>
      </c>
      <c r="IJ9" s="73">
        <v>8223</v>
      </c>
      <c r="IK9" s="70">
        <v>2173</v>
      </c>
      <c r="IL9" s="71">
        <v>1876</v>
      </c>
      <c r="IM9" s="72">
        <v>4049</v>
      </c>
      <c r="IN9" s="244"/>
      <c r="IO9" s="71">
        <v>3395</v>
      </c>
      <c r="IP9" s="71">
        <v>2200</v>
      </c>
      <c r="IQ9" s="71">
        <v>1675</v>
      </c>
      <c r="IR9" s="71">
        <v>1483</v>
      </c>
      <c r="IS9" s="71">
        <v>960</v>
      </c>
      <c r="IT9" s="72">
        <v>9713</v>
      </c>
      <c r="IU9" s="73">
        <v>13762</v>
      </c>
      <c r="IV9" s="70">
        <v>2257</v>
      </c>
      <c r="IW9" s="71">
        <v>2193</v>
      </c>
      <c r="IX9" s="72">
        <v>4450</v>
      </c>
      <c r="IY9" s="244"/>
      <c r="IZ9" s="71">
        <v>3858</v>
      </c>
      <c r="JA9" s="71">
        <v>2724</v>
      </c>
      <c r="JB9" s="71">
        <v>2163</v>
      </c>
      <c r="JC9" s="71">
        <v>2014</v>
      </c>
      <c r="JD9" s="71">
        <v>1363</v>
      </c>
      <c r="JE9" s="72">
        <v>12122</v>
      </c>
      <c r="JF9" s="73">
        <v>16572</v>
      </c>
      <c r="JG9" s="70">
        <v>1257</v>
      </c>
      <c r="JH9" s="71">
        <v>1342</v>
      </c>
      <c r="JI9" s="72">
        <v>2599</v>
      </c>
      <c r="JJ9" s="244"/>
      <c r="JK9" s="71">
        <v>3019</v>
      </c>
      <c r="JL9" s="71">
        <v>2671</v>
      </c>
      <c r="JM9" s="71">
        <v>2447</v>
      </c>
      <c r="JN9" s="71">
        <v>2733</v>
      </c>
      <c r="JO9" s="71">
        <v>1614</v>
      </c>
      <c r="JP9" s="72">
        <v>12484</v>
      </c>
      <c r="JQ9" s="73">
        <v>15083</v>
      </c>
      <c r="JR9" s="70">
        <v>127</v>
      </c>
      <c r="JS9" s="71">
        <v>185</v>
      </c>
      <c r="JT9" s="72">
        <v>312</v>
      </c>
      <c r="JU9" s="244"/>
      <c r="JV9" s="71">
        <v>320</v>
      </c>
      <c r="JW9" s="71">
        <v>304</v>
      </c>
      <c r="JX9" s="71">
        <v>231</v>
      </c>
      <c r="JY9" s="71">
        <v>233</v>
      </c>
      <c r="JZ9" s="71">
        <v>216</v>
      </c>
      <c r="KA9" s="72">
        <v>1304</v>
      </c>
      <c r="KB9" s="73">
        <v>1616</v>
      </c>
      <c r="KC9" s="70">
        <v>7969</v>
      </c>
      <c r="KD9" s="71">
        <v>7707</v>
      </c>
      <c r="KE9" s="72">
        <v>15676</v>
      </c>
      <c r="KF9" s="244"/>
      <c r="KG9" s="71">
        <v>14086</v>
      </c>
      <c r="KH9" s="71">
        <v>10475</v>
      </c>
      <c r="KI9" s="71">
        <v>8369</v>
      </c>
      <c r="KJ9" s="71">
        <v>8261</v>
      </c>
      <c r="KK9" s="71">
        <v>5498</v>
      </c>
      <c r="KL9" s="72">
        <v>46689</v>
      </c>
      <c r="KM9" s="73">
        <v>62365</v>
      </c>
    </row>
    <row r="10" spans="2:299" ht="19.5" customHeight="1" x14ac:dyDescent="0.2">
      <c r="B10" s="126" t="s">
        <v>14</v>
      </c>
      <c r="C10" s="316">
        <v>1486</v>
      </c>
      <c r="D10" s="82">
        <v>1844</v>
      </c>
      <c r="E10" s="83">
        <v>3330</v>
      </c>
      <c r="F10" s="241"/>
      <c r="G10" s="82">
        <v>2250</v>
      </c>
      <c r="H10" s="82">
        <v>2406</v>
      </c>
      <c r="I10" s="82">
        <v>1858</v>
      </c>
      <c r="J10" s="82">
        <v>1422</v>
      </c>
      <c r="K10" s="82">
        <v>902</v>
      </c>
      <c r="L10" s="84">
        <v>8838</v>
      </c>
      <c r="M10" s="85">
        <v>12168</v>
      </c>
      <c r="N10" s="70">
        <v>77</v>
      </c>
      <c r="O10" s="71">
        <v>96</v>
      </c>
      <c r="P10" s="72">
        <v>173</v>
      </c>
      <c r="Q10" s="244"/>
      <c r="R10" s="71">
        <v>96</v>
      </c>
      <c r="S10" s="71">
        <v>130</v>
      </c>
      <c r="T10" s="71">
        <v>95</v>
      </c>
      <c r="U10" s="71">
        <v>78</v>
      </c>
      <c r="V10" s="71">
        <v>74</v>
      </c>
      <c r="W10" s="72">
        <v>473</v>
      </c>
      <c r="X10" s="73">
        <v>646</v>
      </c>
      <c r="Y10" s="70">
        <v>169</v>
      </c>
      <c r="Z10" s="71">
        <v>279</v>
      </c>
      <c r="AA10" s="72">
        <v>448</v>
      </c>
      <c r="AB10" s="244"/>
      <c r="AC10" s="71">
        <v>213</v>
      </c>
      <c r="AD10" s="71">
        <v>288</v>
      </c>
      <c r="AE10" s="71">
        <v>223</v>
      </c>
      <c r="AF10" s="71">
        <v>190</v>
      </c>
      <c r="AG10" s="71">
        <v>103</v>
      </c>
      <c r="AH10" s="72">
        <v>1017</v>
      </c>
      <c r="AI10" s="73">
        <v>1465</v>
      </c>
      <c r="AJ10" s="70">
        <v>256</v>
      </c>
      <c r="AK10" s="71">
        <v>340</v>
      </c>
      <c r="AL10" s="72">
        <v>596</v>
      </c>
      <c r="AM10" s="244"/>
      <c r="AN10" s="71">
        <v>399</v>
      </c>
      <c r="AO10" s="71">
        <v>384</v>
      </c>
      <c r="AP10" s="71">
        <v>329</v>
      </c>
      <c r="AQ10" s="71">
        <v>244</v>
      </c>
      <c r="AR10" s="71">
        <v>182</v>
      </c>
      <c r="AS10" s="72">
        <v>1538</v>
      </c>
      <c r="AT10" s="73">
        <v>2134</v>
      </c>
      <c r="AU10" s="70">
        <v>424</v>
      </c>
      <c r="AV10" s="71">
        <v>483</v>
      </c>
      <c r="AW10" s="72">
        <v>907</v>
      </c>
      <c r="AX10" s="244"/>
      <c r="AY10" s="71">
        <v>613</v>
      </c>
      <c r="AZ10" s="71">
        <v>607</v>
      </c>
      <c r="BA10" s="71">
        <v>473</v>
      </c>
      <c r="BB10" s="71">
        <v>370</v>
      </c>
      <c r="BC10" s="71">
        <v>236</v>
      </c>
      <c r="BD10" s="72">
        <v>2299</v>
      </c>
      <c r="BE10" s="73">
        <v>3206</v>
      </c>
      <c r="BF10" s="70">
        <v>364</v>
      </c>
      <c r="BG10" s="71">
        <v>400</v>
      </c>
      <c r="BH10" s="72">
        <v>764</v>
      </c>
      <c r="BI10" s="244"/>
      <c r="BJ10" s="71">
        <v>558</v>
      </c>
      <c r="BK10" s="71">
        <v>631</v>
      </c>
      <c r="BL10" s="71">
        <v>444</v>
      </c>
      <c r="BM10" s="71">
        <v>305</v>
      </c>
      <c r="BN10" s="71">
        <v>172</v>
      </c>
      <c r="BO10" s="72">
        <v>2110</v>
      </c>
      <c r="BP10" s="73">
        <v>2874</v>
      </c>
      <c r="BQ10" s="70">
        <v>196</v>
      </c>
      <c r="BR10" s="71">
        <v>246</v>
      </c>
      <c r="BS10" s="72">
        <v>442</v>
      </c>
      <c r="BT10" s="244"/>
      <c r="BU10" s="71">
        <v>371</v>
      </c>
      <c r="BV10" s="71">
        <v>366</v>
      </c>
      <c r="BW10" s="71">
        <v>294</v>
      </c>
      <c r="BX10" s="71">
        <v>235</v>
      </c>
      <c r="BY10" s="71">
        <v>135</v>
      </c>
      <c r="BZ10" s="72">
        <v>1401</v>
      </c>
      <c r="CA10" s="73">
        <v>1843</v>
      </c>
      <c r="CB10" s="70">
        <v>35</v>
      </c>
      <c r="CC10" s="71">
        <v>85</v>
      </c>
      <c r="CD10" s="72">
        <v>120</v>
      </c>
      <c r="CE10" s="244"/>
      <c r="CF10" s="71">
        <v>45</v>
      </c>
      <c r="CG10" s="71">
        <v>109</v>
      </c>
      <c r="CH10" s="71">
        <v>53</v>
      </c>
      <c r="CI10" s="71">
        <v>70</v>
      </c>
      <c r="CJ10" s="71">
        <v>51</v>
      </c>
      <c r="CK10" s="72">
        <v>328</v>
      </c>
      <c r="CL10" s="73">
        <v>448</v>
      </c>
      <c r="CM10" s="70">
        <v>1521</v>
      </c>
      <c r="CN10" s="71">
        <v>1929</v>
      </c>
      <c r="CO10" s="72">
        <v>3450</v>
      </c>
      <c r="CP10" s="244"/>
      <c r="CQ10" s="71">
        <v>2295</v>
      </c>
      <c r="CR10" s="71">
        <v>2515</v>
      </c>
      <c r="CS10" s="71">
        <v>1911</v>
      </c>
      <c r="CT10" s="71">
        <v>1492</v>
      </c>
      <c r="CU10" s="71">
        <v>953</v>
      </c>
      <c r="CV10" s="72">
        <v>9166</v>
      </c>
      <c r="CW10" s="73">
        <v>12616</v>
      </c>
      <c r="CX10" s="123">
        <v>2806</v>
      </c>
      <c r="CY10" s="82">
        <v>4009</v>
      </c>
      <c r="CZ10" s="83">
        <v>6815</v>
      </c>
      <c r="DA10" s="241"/>
      <c r="DB10" s="82">
        <v>3675</v>
      </c>
      <c r="DC10" s="82">
        <v>3941</v>
      </c>
      <c r="DD10" s="82">
        <v>3007</v>
      </c>
      <c r="DE10" s="82">
        <v>3038</v>
      </c>
      <c r="DF10" s="82">
        <v>1914</v>
      </c>
      <c r="DG10" s="84">
        <v>15575</v>
      </c>
      <c r="DH10" s="85">
        <v>22390</v>
      </c>
      <c r="DI10" s="70">
        <v>81</v>
      </c>
      <c r="DJ10" s="71">
        <v>98</v>
      </c>
      <c r="DK10" s="72">
        <v>179</v>
      </c>
      <c r="DL10" s="244"/>
      <c r="DM10" s="71">
        <v>60</v>
      </c>
      <c r="DN10" s="71">
        <v>93</v>
      </c>
      <c r="DO10" s="71">
        <v>65</v>
      </c>
      <c r="DP10" s="71">
        <v>61</v>
      </c>
      <c r="DQ10" s="71">
        <v>47</v>
      </c>
      <c r="DR10" s="72">
        <v>326</v>
      </c>
      <c r="DS10" s="73">
        <v>505</v>
      </c>
      <c r="DT10" s="70">
        <v>257</v>
      </c>
      <c r="DU10" s="71">
        <v>383</v>
      </c>
      <c r="DV10" s="72">
        <v>640</v>
      </c>
      <c r="DW10" s="244"/>
      <c r="DX10" s="71">
        <v>229</v>
      </c>
      <c r="DY10" s="71">
        <v>308</v>
      </c>
      <c r="DZ10" s="71">
        <v>175</v>
      </c>
      <c r="EA10" s="71">
        <v>157</v>
      </c>
      <c r="EB10" s="71">
        <v>137</v>
      </c>
      <c r="EC10" s="72">
        <v>1006</v>
      </c>
      <c r="ED10" s="73">
        <v>1646</v>
      </c>
      <c r="EE10" s="70">
        <v>520</v>
      </c>
      <c r="EF10" s="71">
        <v>673</v>
      </c>
      <c r="EG10" s="72">
        <v>1193</v>
      </c>
      <c r="EH10" s="244"/>
      <c r="EI10" s="71">
        <v>510</v>
      </c>
      <c r="EJ10" s="71">
        <v>530</v>
      </c>
      <c r="EK10" s="71">
        <v>320</v>
      </c>
      <c r="EL10" s="71">
        <v>331</v>
      </c>
      <c r="EM10" s="71">
        <v>247</v>
      </c>
      <c r="EN10" s="72">
        <v>1938</v>
      </c>
      <c r="EO10" s="73">
        <v>3131</v>
      </c>
      <c r="EP10" s="70">
        <v>871</v>
      </c>
      <c r="EQ10" s="71">
        <v>1155</v>
      </c>
      <c r="ER10" s="72">
        <v>2026</v>
      </c>
      <c r="ES10" s="244"/>
      <c r="ET10" s="71">
        <v>1014</v>
      </c>
      <c r="EU10" s="71">
        <v>901</v>
      </c>
      <c r="EV10" s="71">
        <v>622</v>
      </c>
      <c r="EW10" s="71">
        <v>544</v>
      </c>
      <c r="EX10" s="71">
        <v>359</v>
      </c>
      <c r="EY10" s="72">
        <v>3440</v>
      </c>
      <c r="EZ10" s="73">
        <v>5466</v>
      </c>
      <c r="FA10" s="70">
        <v>728</v>
      </c>
      <c r="FB10" s="71">
        <v>1082</v>
      </c>
      <c r="FC10" s="72">
        <v>1810</v>
      </c>
      <c r="FD10" s="244"/>
      <c r="FE10" s="71">
        <v>1053</v>
      </c>
      <c r="FF10" s="71">
        <v>1065</v>
      </c>
      <c r="FG10" s="71">
        <v>787</v>
      </c>
      <c r="FH10" s="71">
        <v>789</v>
      </c>
      <c r="FI10" s="71">
        <v>464</v>
      </c>
      <c r="FJ10" s="72">
        <v>4158</v>
      </c>
      <c r="FK10" s="73">
        <v>5968</v>
      </c>
      <c r="FL10" s="70">
        <v>349</v>
      </c>
      <c r="FM10" s="71">
        <v>618</v>
      </c>
      <c r="FN10" s="72">
        <v>967</v>
      </c>
      <c r="FO10" s="244"/>
      <c r="FP10" s="71">
        <v>809</v>
      </c>
      <c r="FQ10" s="71">
        <v>1044</v>
      </c>
      <c r="FR10" s="71">
        <v>1038</v>
      </c>
      <c r="FS10" s="71">
        <v>1156</v>
      </c>
      <c r="FT10" s="71">
        <v>660</v>
      </c>
      <c r="FU10" s="72">
        <v>4707</v>
      </c>
      <c r="FV10" s="73">
        <v>5674</v>
      </c>
      <c r="FW10" s="70">
        <v>19</v>
      </c>
      <c r="FX10" s="71">
        <v>77</v>
      </c>
      <c r="FY10" s="72">
        <v>96</v>
      </c>
      <c r="FZ10" s="244"/>
      <c r="GA10" s="71">
        <v>45</v>
      </c>
      <c r="GB10" s="71">
        <v>81</v>
      </c>
      <c r="GC10" s="71">
        <v>43</v>
      </c>
      <c r="GD10" s="71">
        <v>48</v>
      </c>
      <c r="GE10" s="71">
        <v>51</v>
      </c>
      <c r="GF10" s="72">
        <v>268</v>
      </c>
      <c r="GG10" s="73">
        <v>364</v>
      </c>
      <c r="GH10" s="70">
        <v>2825</v>
      </c>
      <c r="GI10" s="71">
        <v>4086</v>
      </c>
      <c r="GJ10" s="72">
        <v>6911</v>
      </c>
      <c r="GK10" s="244"/>
      <c r="GL10" s="71">
        <v>3720</v>
      </c>
      <c r="GM10" s="71">
        <v>4022</v>
      </c>
      <c r="GN10" s="71">
        <v>3050</v>
      </c>
      <c r="GO10" s="71">
        <v>3086</v>
      </c>
      <c r="GP10" s="71">
        <v>1965</v>
      </c>
      <c r="GQ10" s="72">
        <v>15843</v>
      </c>
      <c r="GR10" s="73">
        <v>22754</v>
      </c>
      <c r="GS10" s="123">
        <v>4292</v>
      </c>
      <c r="GT10" s="82">
        <v>5853</v>
      </c>
      <c r="GU10" s="83">
        <v>10145</v>
      </c>
      <c r="GV10" s="241"/>
      <c r="GW10" s="82">
        <v>5925</v>
      </c>
      <c r="GX10" s="82">
        <v>6347</v>
      </c>
      <c r="GY10" s="82">
        <v>4865</v>
      </c>
      <c r="GZ10" s="82">
        <v>4460</v>
      </c>
      <c r="HA10" s="82">
        <v>2816</v>
      </c>
      <c r="HB10" s="84">
        <v>24413</v>
      </c>
      <c r="HC10" s="85">
        <v>34558</v>
      </c>
      <c r="HD10" s="70">
        <v>158</v>
      </c>
      <c r="HE10" s="71">
        <v>194</v>
      </c>
      <c r="HF10" s="72">
        <v>352</v>
      </c>
      <c r="HG10" s="244"/>
      <c r="HH10" s="71">
        <v>156</v>
      </c>
      <c r="HI10" s="71">
        <v>223</v>
      </c>
      <c r="HJ10" s="71">
        <v>160</v>
      </c>
      <c r="HK10" s="71">
        <v>139</v>
      </c>
      <c r="HL10" s="71">
        <v>121</v>
      </c>
      <c r="HM10" s="72">
        <v>799</v>
      </c>
      <c r="HN10" s="73">
        <v>1151</v>
      </c>
      <c r="HO10" s="70">
        <v>426</v>
      </c>
      <c r="HP10" s="71">
        <v>662</v>
      </c>
      <c r="HQ10" s="72">
        <v>1088</v>
      </c>
      <c r="HR10" s="244"/>
      <c r="HS10" s="71">
        <v>442</v>
      </c>
      <c r="HT10" s="71">
        <v>596</v>
      </c>
      <c r="HU10" s="71">
        <v>398</v>
      </c>
      <c r="HV10" s="71">
        <v>347</v>
      </c>
      <c r="HW10" s="71">
        <v>240</v>
      </c>
      <c r="HX10" s="72">
        <v>2023</v>
      </c>
      <c r="HY10" s="73">
        <v>3111</v>
      </c>
      <c r="HZ10" s="70">
        <v>776</v>
      </c>
      <c r="IA10" s="71">
        <v>1013</v>
      </c>
      <c r="IB10" s="72">
        <v>1789</v>
      </c>
      <c r="IC10" s="244"/>
      <c r="ID10" s="71">
        <v>909</v>
      </c>
      <c r="IE10" s="71">
        <v>914</v>
      </c>
      <c r="IF10" s="71">
        <v>649</v>
      </c>
      <c r="IG10" s="71">
        <v>575</v>
      </c>
      <c r="IH10" s="71">
        <v>429</v>
      </c>
      <c r="II10" s="72">
        <v>3476</v>
      </c>
      <c r="IJ10" s="73">
        <v>5265</v>
      </c>
      <c r="IK10" s="70">
        <v>1295</v>
      </c>
      <c r="IL10" s="71">
        <v>1638</v>
      </c>
      <c r="IM10" s="72">
        <v>2933</v>
      </c>
      <c r="IN10" s="244"/>
      <c r="IO10" s="71">
        <v>1627</v>
      </c>
      <c r="IP10" s="71">
        <v>1508</v>
      </c>
      <c r="IQ10" s="71">
        <v>1095</v>
      </c>
      <c r="IR10" s="71">
        <v>914</v>
      </c>
      <c r="IS10" s="71">
        <v>595</v>
      </c>
      <c r="IT10" s="72">
        <v>5739</v>
      </c>
      <c r="IU10" s="73">
        <v>8672</v>
      </c>
      <c r="IV10" s="70">
        <v>1092</v>
      </c>
      <c r="IW10" s="71">
        <v>1482</v>
      </c>
      <c r="IX10" s="72">
        <v>2574</v>
      </c>
      <c r="IY10" s="244"/>
      <c r="IZ10" s="71">
        <v>1611</v>
      </c>
      <c r="JA10" s="71">
        <v>1696</v>
      </c>
      <c r="JB10" s="71">
        <v>1231</v>
      </c>
      <c r="JC10" s="71">
        <v>1094</v>
      </c>
      <c r="JD10" s="71">
        <v>636</v>
      </c>
      <c r="JE10" s="72">
        <v>6268</v>
      </c>
      <c r="JF10" s="73">
        <v>8842</v>
      </c>
      <c r="JG10" s="70">
        <v>545</v>
      </c>
      <c r="JH10" s="71">
        <v>864</v>
      </c>
      <c r="JI10" s="72">
        <v>1409</v>
      </c>
      <c r="JJ10" s="244"/>
      <c r="JK10" s="71">
        <v>1180</v>
      </c>
      <c r="JL10" s="71">
        <v>1410</v>
      </c>
      <c r="JM10" s="71">
        <v>1332</v>
      </c>
      <c r="JN10" s="71">
        <v>1391</v>
      </c>
      <c r="JO10" s="71">
        <v>795</v>
      </c>
      <c r="JP10" s="72">
        <v>6108</v>
      </c>
      <c r="JQ10" s="73">
        <v>7517</v>
      </c>
      <c r="JR10" s="70">
        <v>54</v>
      </c>
      <c r="JS10" s="71">
        <v>162</v>
      </c>
      <c r="JT10" s="72">
        <v>216</v>
      </c>
      <c r="JU10" s="244"/>
      <c r="JV10" s="71">
        <v>90</v>
      </c>
      <c r="JW10" s="71">
        <v>190</v>
      </c>
      <c r="JX10" s="71">
        <v>96</v>
      </c>
      <c r="JY10" s="71">
        <v>118</v>
      </c>
      <c r="JZ10" s="71">
        <v>102</v>
      </c>
      <c r="KA10" s="72">
        <v>596</v>
      </c>
      <c r="KB10" s="73">
        <v>812</v>
      </c>
      <c r="KC10" s="70">
        <v>4346</v>
      </c>
      <c r="KD10" s="71">
        <v>6015</v>
      </c>
      <c r="KE10" s="72">
        <v>10361</v>
      </c>
      <c r="KF10" s="244"/>
      <c r="KG10" s="71">
        <v>6015</v>
      </c>
      <c r="KH10" s="71">
        <v>6537</v>
      </c>
      <c r="KI10" s="71">
        <v>4961</v>
      </c>
      <c r="KJ10" s="71">
        <v>4578</v>
      </c>
      <c r="KK10" s="71">
        <v>2918</v>
      </c>
      <c r="KL10" s="72">
        <v>25009</v>
      </c>
      <c r="KM10" s="73">
        <v>35370</v>
      </c>
    </row>
    <row r="11" spans="2:299" ht="19.5" customHeight="1" x14ac:dyDescent="0.2">
      <c r="B11" s="126" t="s">
        <v>7</v>
      </c>
      <c r="C11" s="316">
        <v>979</v>
      </c>
      <c r="D11" s="82">
        <v>718</v>
      </c>
      <c r="E11" s="83">
        <v>1697</v>
      </c>
      <c r="F11" s="241"/>
      <c r="G11" s="82">
        <v>2293</v>
      </c>
      <c r="H11" s="82">
        <v>1500</v>
      </c>
      <c r="I11" s="82">
        <v>970</v>
      </c>
      <c r="J11" s="82">
        <v>841</v>
      </c>
      <c r="K11" s="82">
        <v>466</v>
      </c>
      <c r="L11" s="84">
        <v>6070</v>
      </c>
      <c r="M11" s="85">
        <v>7767</v>
      </c>
      <c r="N11" s="70">
        <v>33</v>
      </c>
      <c r="O11" s="71">
        <v>24</v>
      </c>
      <c r="P11" s="72">
        <v>57</v>
      </c>
      <c r="Q11" s="244"/>
      <c r="R11" s="71">
        <v>92</v>
      </c>
      <c r="S11" s="71">
        <v>78</v>
      </c>
      <c r="T11" s="71">
        <v>54</v>
      </c>
      <c r="U11" s="71">
        <v>46</v>
      </c>
      <c r="V11" s="71">
        <v>29</v>
      </c>
      <c r="W11" s="72">
        <v>299</v>
      </c>
      <c r="X11" s="73">
        <v>356</v>
      </c>
      <c r="Y11" s="70">
        <v>94</v>
      </c>
      <c r="Z11" s="71">
        <v>80</v>
      </c>
      <c r="AA11" s="72">
        <v>174</v>
      </c>
      <c r="AB11" s="244"/>
      <c r="AC11" s="71">
        <v>257</v>
      </c>
      <c r="AD11" s="71">
        <v>180</v>
      </c>
      <c r="AE11" s="71">
        <v>110</v>
      </c>
      <c r="AF11" s="71">
        <v>83</v>
      </c>
      <c r="AG11" s="71">
        <v>71</v>
      </c>
      <c r="AH11" s="72">
        <v>701</v>
      </c>
      <c r="AI11" s="73">
        <v>875</v>
      </c>
      <c r="AJ11" s="70">
        <v>148</v>
      </c>
      <c r="AK11" s="71">
        <v>120</v>
      </c>
      <c r="AL11" s="72">
        <v>268</v>
      </c>
      <c r="AM11" s="244"/>
      <c r="AN11" s="71">
        <v>377</v>
      </c>
      <c r="AO11" s="71">
        <v>235</v>
      </c>
      <c r="AP11" s="71">
        <v>163</v>
      </c>
      <c r="AQ11" s="71">
        <v>131</v>
      </c>
      <c r="AR11" s="71">
        <v>76</v>
      </c>
      <c r="AS11" s="72">
        <v>982</v>
      </c>
      <c r="AT11" s="73">
        <v>1250</v>
      </c>
      <c r="AU11" s="70">
        <v>262</v>
      </c>
      <c r="AV11" s="71">
        <v>178</v>
      </c>
      <c r="AW11" s="72">
        <v>440</v>
      </c>
      <c r="AX11" s="244"/>
      <c r="AY11" s="71">
        <v>544</v>
      </c>
      <c r="AZ11" s="71">
        <v>397</v>
      </c>
      <c r="BA11" s="71">
        <v>222</v>
      </c>
      <c r="BB11" s="71">
        <v>185</v>
      </c>
      <c r="BC11" s="71">
        <v>120</v>
      </c>
      <c r="BD11" s="72">
        <v>1468</v>
      </c>
      <c r="BE11" s="73">
        <v>1908</v>
      </c>
      <c r="BF11" s="70">
        <v>293</v>
      </c>
      <c r="BG11" s="71">
        <v>204</v>
      </c>
      <c r="BH11" s="72">
        <v>497</v>
      </c>
      <c r="BI11" s="244"/>
      <c r="BJ11" s="71">
        <v>599</v>
      </c>
      <c r="BK11" s="71">
        <v>351</v>
      </c>
      <c r="BL11" s="71">
        <v>250</v>
      </c>
      <c r="BM11" s="71">
        <v>201</v>
      </c>
      <c r="BN11" s="71">
        <v>106</v>
      </c>
      <c r="BO11" s="72">
        <v>1507</v>
      </c>
      <c r="BP11" s="73">
        <v>2004</v>
      </c>
      <c r="BQ11" s="70">
        <v>149</v>
      </c>
      <c r="BR11" s="71">
        <v>112</v>
      </c>
      <c r="BS11" s="72">
        <v>261</v>
      </c>
      <c r="BT11" s="244"/>
      <c r="BU11" s="71">
        <v>424</v>
      </c>
      <c r="BV11" s="71">
        <v>259</v>
      </c>
      <c r="BW11" s="71">
        <v>171</v>
      </c>
      <c r="BX11" s="71">
        <v>195</v>
      </c>
      <c r="BY11" s="71">
        <v>64</v>
      </c>
      <c r="BZ11" s="72">
        <v>1113</v>
      </c>
      <c r="CA11" s="73">
        <v>1374</v>
      </c>
      <c r="CB11" s="70">
        <v>17</v>
      </c>
      <c r="CC11" s="71">
        <v>15</v>
      </c>
      <c r="CD11" s="72">
        <v>32</v>
      </c>
      <c r="CE11" s="244"/>
      <c r="CF11" s="71">
        <v>64</v>
      </c>
      <c r="CG11" s="71">
        <v>57</v>
      </c>
      <c r="CH11" s="71">
        <v>34</v>
      </c>
      <c r="CI11" s="71">
        <v>33</v>
      </c>
      <c r="CJ11" s="71">
        <v>26</v>
      </c>
      <c r="CK11" s="72">
        <v>214</v>
      </c>
      <c r="CL11" s="73">
        <v>246</v>
      </c>
      <c r="CM11" s="70">
        <v>996</v>
      </c>
      <c r="CN11" s="71">
        <v>733</v>
      </c>
      <c r="CO11" s="72">
        <v>1729</v>
      </c>
      <c r="CP11" s="244"/>
      <c r="CQ11" s="71">
        <v>2357</v>
      </c>
      <c r="CR11" s="71">
        <v>1557</v>
      </c>
      <c r="CS11" s="71">
        <v>1004</v>
      </c>
      <c r="CT11" s="71">
        <v>874</v>
      </c>
      <c r="CU11" s="71">
        <v>492</v>
      </c>
      <c r="CV11" s="72">
        <v>6284</v>
      </c>
      <c r="CW11" s="73">
        <v>8013</v>
      </c>
      <c r="CX11" s="123">
        <v>1801</v>
      </c>
      <c r="CY11" s="82">
        <v>1936</v>
      </c>
      <c r="CZ11" s="83">
        <v>3737</v>
      </c>
      <c r="DA11" s="241"/>
      <c r="DB11" s="82">
        <v>4305</v>
      </c>
      <c r="DC11" s="82">
        <v>2631</v>
      </c>
      <c r="DD11" s="82">
        <v>1981</v>
      </c>
      <c r="DE11" s="82">
        <v>2049</v>
      </c>
      <c r="DF11" s="82">
        <v>1175</v>
      </c>
      <c r="DG11" s="84">
        <v>12141</v>
      </c>
      <c r="DH11" s="85">
        <v>15878</v>
      </c>
      <c r="DI11" s="70">
        <v>41</v>
      </c>
      <c r="DJ11" s="71">
        <v>40</v>
      </c>
      <c r="DK11" s="72">
        <v>81</v>
      </c>
      <c r="DL11" s="244"/>
      <c r="DM11" s="71">
        <v>81</v>
      </c>
      <c r="DN11" s="71">
        <v>40</v>
      </c>
      <c r="DO11" s="71">
        <v>36</v>
      </c>
      <c r="DP11" s="71">
        <v>45</v>
      </c>
      <c r="DQ11" s="71">
        <v>37</v>
      </c>
      <c r="DR11" s="72">
        <v>239</v>
      </c>
      <c r="DS11" s="73">
        <v>320</v>
      </c>
      <c r="DT11" s="70">
        <v>120</v>
      </c>
      <c r="DU11" s="71">
        <v>122</v>
      </c>
      <c r="DV11" s="72">
        <v>242</v>
      </c>
      <c r="DW11" s="244"/>
      <c r="DX11" s="71">
        <v>282</v>
      </c>
      <c r="DY11" s="71">
        <v>185</v>
      </c>
      <c r="DZ11" s="71">
        <v>95</v>
      </c>
      <c r="EA11" s="71">
        <v>103</v>
      </c>
      <c r="EB11" s="71">
        <v>57</v>
      </c>
      <c r="EC11" s="72">
        <v>722</v>
      </c>
      <c r="ED11" s="73">
        <v>964</v>
      </c>
      <c r="EE11" s="70">
        <v>280</v>
      </c>
      <c r="EF11" s="71">
        <v>263</v>
      </c>
      <c r="EG11" s="72">
        <v>543</v>
      </c>
      <c r="EH11" s="244"/>
      <c r="EI11" s="71">
        <v>554</v>
      </c>
      <c r="EJ11" s="71">
        <v>283</v>
      </c>
      <c r="EK11" s="71">
        <v>180</v>
      </c>
      <c r="EL11" s="71">
        <v>190</v>
      </c>
      <c r="EM11" s="71">
        <v>134</v>
      </c>
      <c r="EN11" s="72">
        <v>1341</v>
      </c>
      <c r="EO11" s="73">
        <v>1884</v>
      </c>
      <c r="EP11" s="70">
        <v>553</v>
      </c>
      <c r="EQ11" s="71">
        <v>524</v>
      </c>
      <c r="ER11" s="72">
        <v>1077</v>
      </c>
      <c r="ES11" s="244"/>
      <c r="ET11" s="71">
        <v>1031</v>
      </c>
      <c r="EU11" s="71">
        <v>529</v>
      </c>
      <c r="EV11" s="71">
        <v>334</v>
      </c>
      <c r="EW11" s="71">
        <v>349</v>
      </c>
      <c r="EX11" s="71">
        <v>205</v>
      </c>
      <c r="EY11" s="72">
        <v>2448</v>
      </c>
      <c r="EZ11" s="73">
        <v>3525</v>
      </c>
      <c r="FA11" s="70">
        <v>525</v>
      </c>
      <c r="FB11" s="71">
        <v>601</v>
      </c>
      <c r="FC11" s="72">
        <v>1126</v>
      </c>
      <c r="FD11" s="244"/>
      <c r="FE11" s="71">
        <v>1262</v>
      </c>
      <c r="FF11" s="71">
        <v>717</v>
      </c>
      <c r="FG11" s="71">
        <v>561</v>
      </c>
      <c r="FH11" s="71">
        <v>532</v>
      </c>
      <c r="FI11" s="71">
        <v>304</v>
      </c>
      <c r="FJ11" s="72">
        <v>3376</v>
      </c>
      <c r="FK11" s="73">
        <v>4502</v>
      </c>
      <c r="FL11" s="70">
        <v>282</v>
      </c>
      <c r="FM11" s="71">
        <v>386</v>
      </c>
      <c r="FN11" s="72">
        <v>668</v>
      </c>
      <c r="FO11" s="244"/>
      <c r="FP11" s="71">
        <v>1095</v>
      </c>
      <c r="FQ11" s="71">
        <v>877</v>
      </c>
      <c r="FR11" s="71">
        <v>775</v>
      </c>
      <c r="FS11" s="71">
        <v>830</v>
      </c>
      <c r="FT11" s="71">
        <v>438</v>
      </c>
      <c r="FU11" s="72">
        <v>4015</v>
      </c>
      <c r="FV11" s="73">
        <v>4683</v>
      </c>
      <c r="FW11" s="70">
        <v>13</v>
      </c>
      <c r="FX11" s="71">
        <v>14</v>
      </c>
      <c r="FY11" s="72">
        <v>27</v>
      </c>
      <c r="FZ11" s="244"/>
      <c r="GA11" s="71">
        <v>66</v>
      </c>
      <c r="GB11" s="71">
        <v>60</v>
      </c>
      <c r="GC11" s="71">
        <v>37</v>
      </c>
      <c r="GD11" s="71">
        <v>24</v>
      </c>
      <c r="GE11" s="71">
        <v>28</v>
      </c>
      <c r="GF11" s="72">
        <v>215</v>
      </c>
      <c r="GG11" s="73">
        <v>242</v>
      </c>
      <c r="GH11" s="70">
        <v>1814</v>
      </c>
      <c r="GI11" s="71">
        <v>1950</v>
      </c>
      <c r="GJ11" s="72">
        <v>3764</v>
      </c>
      <c r="GK11" s="244"/>
      <c r="GL11" s="71">
        <v>4371</v>
      </c>
      <c r="GM11" s="71">
        <v>2691</v>
      </c>
      <c r="GN11" s="71">
        <v>2018</v>
      </c>
      <c r="GO11" s="71">
        <v>2073</v>
      </c>
      <c r="GP11" s="71">
        <v>1203</v>
      </c>
      <c r="GQ11" s="72">
        <v>12356</v>
      </c>
      <c r="GR11" s="73">
        <v>16120</v>
      </c>
      <c r="GS11" s="123">
        <v>2780</v>
      </c>
      <c r="GT11" s="82">
        <v>2654</v>
      </c>
      <c r="GU11" s="83">
        <v>5434</v>
      </c>
      <c r="GV11" s="241"/>
      <c r="GW11" s="82">
        <v>6598</v>
      </c>
      <c r="GX11" s="82">
        <v>4131</v>
      </c>
      <c r="GY11" s="82">
        <v>2951</v>
      </c>
      <c r="GZ11" s="82">
        <v>2890</v>
      </c>
      <c r="HA11" s="82">
        <v>1641</v>
      </c>
      <c r="HB11" s="84">
        <v>18211</v>
      </c>
      <c r="HC11" s="85">
        <v>23645</v>
      </c>
      <c r="HD11" s="70">
        <v>74</v>
      </c>
      <c r="HE11" s="71">
        <v>64</v>
      </c>
      <c r="HF11" s="72">
        <v>138</v>
      </c>
      <c r="HG11" s="244"/>
      <c r="HH11" s="71">
        <v>173</v>
      </c>
      <c r="HI11" s="71">
        <v>118</v>
      </c>
      <c r="HJ11" s="71">
        <v>90</v>
      </c>
      <c r="HK11" s="71">
        <v>91</v>
      </c>
      <c r="HL11" s="71">
        <v>66</v>
      </c>
      <c r="HM11" s="72">
        <v>538</v>
      </c>
      <c r="HN11" s="73">
        <v>676</v>
      </c>
      <c r="HO11" s="70">
        <v>214</v>
      </c>
      <c r="HP11" s="71">
        <v>202</v>
      </c>
      <c r="HQ11" s="72">
        <v>416</v>
      </c>
      <c r="HR11" s="244"/>
      <c r="HS11" s="71">
        <v>539</v>
      </c>
      <c r="HT11" s="71">
        <v>365</v>
      </c>
      <c r="HU11" s="71">
        <v>205</v>
      </c>
      <c r="HV11" s="71">
        <v>186</v>
      </c>
      <c r="HW11" s="71">
        <v>128</v>
      </c>
      <c r="HX11" s="72">
        <v>1423</v>
      </c>
      <c r="HY11" s="73">
        <v>1839</v>
      </c>
      <c r="HZ11" s="70">
        <v>428</v>
      </c>
      <c r="IA11" s="71">
        <v>383</v>
      </c>
      <c r="IB11" s="72">
        <v>811</v>
      </c>
      <c r="IC11" s="244"/>
      <c r="ID11" s="71">
        <v>931</v>
      </c>
      <c r="IE11" s="71">
        <v>518</v>
      </c>
      <c r="IF11" s="71">
        <v>343</v>
      </c>
      <c r="IG11" s="71">
        <v>321</v>
      </c>
      <c r="IH11" s="71">
        <v>210</v>
      </c>
      <c r="II11" s="72">
        <v>2323</v>
      </c>
      <c r="IJ11" s="73">
        <v>3134</v>
      </c>
      <c r="IK11" s="70">
        <v>815</v>
      </c>
      <c r="IL11" s="71">
        <v>702</v>
      </c>
      <c r="IM11" s="72">
        <v>1517</v>
      </c>
      <c r="IN11" s="244"/>
      <c r="IO11" s="71">
        <v>1575</v>
      </c>
      <c r="IP11" s="71">
        <v>926</v>
      </c>
      <c r="IQ11" s="71">
        <v>556</v>
      </c>
      <c r="IR11" s="71">
        <v>534</v>
      </c>
      <c r="IS11" s="71">
        <v>325</v>
      </c>
      <c r="IT11" s="72">
        <v>3916</v>
      </c>
      <c r="IU11" s="73">
        <v>5433</v>
      </c>
      <c r="IV11" s="70">
        <v>818</v>
      </c>
      <c r="IW11" s="71">
        <v>805</v>
      </c>
      <c r="IX11" s="72">
        <v>1623</v>
      </c>
      <c r="IY11" s="244"/>
      <c r="IZ11" s="71">
        <v>1861</v>
      </c>
      <c r="JA11" s="71">
        <v>1068</v>
      </c>
      <c r="JB11" s="71">
        <v>811</v>
      </c>
      <c r="JC11" s="71">
        <v>733</v>
      </c>
      <c r="JD11" s="71">
        <v>410</v>
      </c>
      <c r="JE11" s="72">
        <v>4883</v>
      </c>
      <c r="JF11" s="73">
        <v>6506</v>
      </c>
      <c r="JG11" s="70">
        <v>431</v>
      </c>
      <c r="JH11" s="71">
        <v>498</v>
      </c>
      <c r="JI11" s="72">
        <v>929</v>
      </c>
      <c r="JJ11" s="244"/>
      <c r="JK11" s="71">
        <v>1519</v>
      </c>
      <c r="JL11" s="71">
        <v>1136</v>
      </c>
      <c r="JM11" s="71">
        <v>946</v>
      </c>
      <c r="JN11" s="71">
        <v>1025</v>
      </c>
      <c r="JO11" s="71">
        <v>502</v>
      </c>
      <c r="JP11" s="72">
        <v>5128</v>
      </c>
      <c r="JQ11" s="73">
        <v>6057</v>
      </c>
      <c r="JR11" s="70">
        <v>30</v>
      </c>
      <c r="JS11" s="71">
        <v>29</v>
      </c>
      <c r="JT11" s="72">
        <v>59</v>
      </c>
      <c r="JU11" s="244"/>
      <c r="JV11" s="71">
        <v>130</v>
      </c>
      <c r="JW11" s="71">
        <v>117</v>
      </c>
      <c r="JX11" s="71">
        <v>71</v>
      </c>
      <c r="JY11" s="71">
        <v>57</v>
      </c>
      <c r="JZ11" s="71">
        <v>54</v>
      </c>
      <c r="KA11" s="72">
        <v>429</v>
      </c>
      <c r="KB11" s="73">
        <v>488</v>
      </c>
      <c r="KC11" s="70">
        <v>2810</v>
      </c>
      <c r="KD11" s="71">
        <v>2683</v>
      </c>
      <c r="KE11" s="72">
        <v>5493</v>
      </c>
      <c r="KF11" s="244"/>
      <c r="KG11" s="71">
        <v>6728</v>
      </c>
      <c r="KH11" s="71">
        <v>4248</v>
      </c>
      <c r="KI11" s="71">
        <v>3022</v>
      </c>
      <c r="KJ11" s="71">
        <v>2947</v>
      </c>
      <c r="KK11" s="71">
        <v>1695</v>
      </c>
      <c r="KL11" s="72">
        <v>18640</v>
      </c>
      <c r="KM11" s="73">
        <v>24133</v>
      </c>
    </row>
    <row r="12" spans="2:299" ht="19.5" customHeight="1" x14ac:dyDescent="0.2">
      <c r="B12" s="126" t="s">
        <v>8</v>
      </c>
      <c r="C12" s="316">
        <v>565</v>
      </c>
      <c r="D12" s="82">
        <v>362</v>
      </c>
      <c r="E12" s="83">
        <v>927</v>
      </c>
      <c r="F12" s="241"/>
      <c r="G12" s="82">
        <v>940</v>
      </c>
      <c r="H12" s="82">
        <v>871</v>
      </c>
      <c r="I12" s="82">
        <v>629</v>
      </c>
      <c r="J12" s="82">
        <v>473</v>
      </c>
      <c r="K12" s="82">
        <v>279</v>
      </c>
      <c r="L12" s="84">
        <v>3192</v>
      </c>
      <c r="M12" s="85">
        <v>4119</v>
      </c>
      <c r="N12" s="70">
        <v>29</v>
      </c>
      <c r="O12" s="71">
        <v>28</v>
      </c>
      <c r="P12" s="72">
        <v>57</v>
      </c>
      <c r="Q12" s="244"/>
      <c r="R12" s="71">
        <v>41</v>
      </c>
      <c r="S12" s="71">
        <v>44</v>
      </c>
      <c r="T12" s="71">
        <v>24</v>
      </c>
      <c r="U12" s="71">
        <v>29</v>
      </c>
      <c r="V12" s="71">
        <v>15</v>
      </c>
      <c r="W12" s="72">
        <v>153</v>
      </c>
      <c r="X12" s="73">
        <v>210</v>
      </c>
      <c r="Y12" s="70">
        <v>61</v>
      </c>
      <c r="Z12" s="71">
        <v>44</v>
      </c>
      <c r="AA12" s="72">
        <v>105</v>
      </c>
      <c r="AB12" s="244"/>
      <c r="AC12" s="71">
        <v>113</v>
      </c>
      <c r="AD12" s="71">
        <v>119</v>
      </c>
      <c r="AE12" s="71">
        <v>80</v>
      </c>
      <c r="AF12" s="71">
        <v>61</v>
      </c>
      <c r="AG12" s="71">
        <v>42</v>
      </c>
      <c r="AH12" s="72">
        <v>415</v>
      </c>
      <c r="AI12" s="73">
        <v>520</v>
      </c>
      <c r="AJ12" s="70">
        <v>91</v>
      </c>
      <c r="AK12" s="71">
        <v>54</v>
      </c>
      <c r="AL12" s="72">
        <v>145</v>
      </c>
      <c r="AM12" s="244"/>
      <c r="AN12" s="71">
        <v>165</v>
      </c>
      <c r="AO12" s="71">
        <v>129</v>
      </c>
      <c r="AP12" s="71">
        <v>126</v>
      </c>
      <c r="AQ12" s="71">
        <v>76</v>
      </c>
      <c r="AR12" s="71">
        <v>53</v>
      </c>
      <c r="AS12" s="72">
        <v>549</v>
      </c>
      <c r="AT12" s="73">
        <v>694</v>
      </c>
      <c r="AU12" s="70">
        <v>153</v>
      </c>
      <c r="AV12" s="71">
        <v>81</v>
      </c>
      <c r="AW12" s="72">
        <v>234</v>
      </c>
      <c r="AX12" s="244"/>
      <c r="AY12" s="71">
        <v>220</v>
      </c>
      <c r="AZ12" s="71">
        <v>223</v>
      </c>
      <c r="BA12" s="71">
        <v>122</v>
      </c>
      <c r="BB12" s="71">
        <v>108</v>
      </c>
      <c r="BC12" s="71">
        <v>60</v>
      </c>
      <c r="BD12" s="72">
        <v>733</v>
      </c>
      <c r="BE12" s="73">
        <v>967</v>
      </c>
      <c r="BF12" s="70">
        <v>146</v>
      </c>
      <c r="BG12" s="71">
        <v>86</v>
      </c>
      <c r="BH12" s="72">
        <v>232</v>
      </c>
      <c r="BI12" s="244"/>
      <c r="BJ12" s="71">
        <v>251</v>
      </c>
      <c r="BK12" s="71">
        <v>198</v>
      </c>
      <c r="BL12" s="71">
        <v>155</v>
      </c>
      <c r="BM12" s="71">
        <v>103</v>
      </c>
      <c r="BN12" s="71">
        <v>60</v>
      </c>
      <c r="BO12" s="72">
        <v>767</v>
      </c>
      <c r="BP12" s="73">
        <v>999</v>
      </c>
      <c r="BQ12" s="70">
        <v>85</v>
      </c>
      <c r="BR12" s="71">
        <v>69</v>
      </c>
      <c r="BS12" s="72">
        <v>154</v>
      </c>
      <c r="BT12" s="244"/>
      <c r="BU12" s="71">
        <v>150</v>
      </c>
      <c r="BV12" s="71">
        <v>158</v>
      </c>
      <c r="BW12" s="71">
        <v>122</v>
      </c>
      <c r="BX12" s="71">
        <v>96</v>
      </c>
      <c r="BY12" s="71">
        <v>49</v>
      </c>
      <c r="BZ12" s="72">
        <v>575</v>
      </c>
      <c r="CA12" s="73">
        <v>729</v>
      </c>
      <c r="CB12" s="70">
        <v>15</v>
      </c>
      <c r="CC12" s="71">
        <v>17</v>
      </c>
      <c r="CD12" s="72">
        <v>32</v>
      </c>
      <c r="CE12" s="244"/>
      <c r="CF12" s="71">
        <v>29</v>
      </c>
      <c r="CG12" s="71">
        <v>46</v>
      </c>
      <c r="CH12" s="71">
        <v>25</v>
      </c>
      <c r="CI12" s="71">
        <v>19</v>
      </c>
      <c r="CJ12" s="71">
        <v>15</v>
      </c>
      <c r="CK12" s="72">
        <v>134</v>
      </c>
      <c r="CL12" s="73">
        <v>166</v>
      </c>
      <c r="CM12" s="70">
        <v>580</v>
      </c>
      <c r="CN12" s="71">
        <v>379</v>
      </c>
      <c r="CO12" s="72">
        <v>959</v>
      </c>
      <c r="CP12" s="244"/>
      <c r="CQ12" s="71">
        <v>969</v>
      </c>
      <c r="CR12" s="71">
        <v>917</v>
      </c>
      <c r="CS12" s="71">
        <v>654</v>
      </c>
      <c r="CT12" s="71">
        <v>492</v>
      </c>
      <c r="CU12" s="71">
        <v>294</v>
      </c>
      <c r="CV12" s="72">
        <v>3326</v>
      </c>
      <c r="CW12" s="73">
        <v>4285</v>
      </c>
      <c r="CX12" s="123">
        <v>1031</v>
      </c>
      <c r="CY12" s="82">
        <v>909</v>
      </c>
      <c r="CZ12" s="83">
        <v>1940</v>
      </c>
      <c r="DA12" s="241"/>
      <c r="DB12" s="82">
        <v>1697</v>
      </c>
      <c r="DC12" s="82">
        <v>1580</v>
      </c>
      <c r="DD12" s="82">
        <v>1265</v>
      </c>
      <c r="DE12" s="82">
        <v>1029</v>
      </c>
      <c r="DF12" s="82">
        <v>657</v>
      </c>
      <c r="DG12" s="84">
        <v>6228</v>
      </c>
      <c r="DH12" s="85">
        <v>8168</v>
      </c>
      <c r="DI12" s="70">
        <v>24</v>
      </c>
      <c r="DJ12" s="71">
        <v>20</v>
      </c>
      <c r="DK12" s="72">
        <v>44</v>
      </c>
      <c r="DL12" s="244"/>
      <c r="DM12" s="71">
        <v>45</v>
      </c>
      <c r="DN12" s="71">
        <v>33</v>
      </c>
      <c r="DO12" s="71">
        <v>18</v>
      </c>
      <c r="DP12" s="71">
        <v>20</v>
      </c>
      <c r="DQ12" s="71">
        <v>14</v>
      </c>
      <c r="DR12" s="72">
        <v>130</v>
      </c>
      <c r="DS12" s="73">
        <v>174</v>
      </c>
      <c r="DT12" s="70">
        <v>84</v>
      </c>
      <c r="DU12" s="71">
        <v>73</v>
      </c>
      <c r="DV12" s="72">
        <v>157</v>
      </c>
      <c r="DW12" s="244"/>
      <c r="DX12" s="71">
        <v>95</v>
      </c>
      <c r="DY12" s="71">
        <v>87</v>
      </c>
      <c r="DZ12" s="71">
        <v>60</v>
      </c>
      <c r="EA12" s="71">
        <v>58</v>
      </c>
      <c r="EB12" s="71">
        <v>35</v>
      </c>
      <c r="EC12" s="72">
        <v>335</v>
      </c>
      <c r="ED12" s="73">
        <v>492</v>
      </c>
      <c r="EE12" s="70">
        <v>154</v>
      </c>
      <c r="EF12" s="71">
        <v>141</v>
      </c>
      <c r="EG12" s="72">
        <v>295</v>
      </c>
      <c r="EH12" s="244"/>
      <c r="EI12" s="71">
        <v>226</v>
      </c>
      <c r="EJ12" s="71">
        <v>179</v>
      </c>
      <c r="EK12" s="71">
        <v>118</v>
      </c>
      <c r="EL12" s="71">
        <v>99</v>
      </c>
      <c r="EM12" s="71">
        <v>73</v>
      </c>
      <c r="EN12" s="72">
        <v>695</v>
      </c>
      <c r="EO12" s="73">
        <v>990</v>
      </c>
      <c r="EP12" s="70">
        <v>322</v>
      </c>
      <c r="EQ12" s="71">
        <v>252</v>
      </c>
      <c r="ER12" s="72">
        <v>574</v>
      </c>
      <c r="ES12" s="244"/>
      <c r="ET12" s="71">
        <v>409</v>
      </c>
      <c r="EU12" s="71">
        <v>316</v>
      </c>
      <c r="EV12" s="71">
        <v>253</v>
      </c>
      <c r="EW12" s="71">
        <v>172</v>
      </c>
      <c r="EX12" s="71">
        <v>114</v>
      </c>
      <c r="EY12" s="72">
        <v>1264</v>
      </c>
      <c r="EZ12" s="73">
        <v>1838</v>
      </c>
      <c r="FA12" s="70">
        <v>308</v>
      </c>
      <c r="FB12" s="71">
        <v>268</v>
      </c>
      <c r="FC12" s="72">
        <v>576</v>
      </c>
      <c r="FD12" s="244"/>
      <c r="FE12" s="71">
        <v>489</v>
      </c>
      <c r="FF12" s="71">
        <v>459</v>
      </c>
      <c r="FG12" s="71">
        <v>342</v>
      </c>
      <c r="FH12" s="71">
        <v>251</v>
      </c>
      <c r="FI12" s="71">
        <v>160</v>
      </c>
      <c r="FJ12" s="72">
        <v>1701</v>
      </c>
      <c r="FK12" s="73">
        <v>2277</v>
      </c>
      <c r="FL12" s="70">
        <v>139</v>
      </c>
      <c r="FM12" s="71">
        <v>155</v>
      </c>
      <c r="FN12" s="72">
        <v>294</v>
      </c>
      <c r="FO12" s="244"/>
      <c r="FP12" s="71">
        <v>433</v>
      </c>
      <c r="FQ12" s="71">
        <v>506</v>
      </c>
      <c r="FR12" s="71">
        <v>474</v>
      </c>
      <c r="FS12" s="71">
        <v>429</v>
      </c>
      <c r="FT12" s="71">
        <v>261</v>
      </c>
      <c r="FU12" s="72">
        <v>2103</v>
      </c>
      <c r="FV12" s="73">
        <v>2397</v>
      </c>
      <c r="FW12" s="70">
        <v>5</v>
      </c>
      <c r="FX12" s="71">
        <v>24</v>
      </c>
      <c r="FY12" s="72">
        <v>29</v>
      </c>
      <c r="FZ12" s="244"/>
      <c r="GA12" s="71">
        <v>16</v>
      </c>
      <c r="GB12" s="71">
        <v>39</v>
      </c>
      <c r="GC12" s="71">
        <v>17</v>
      </c>
      <c r="GD12" s="71">
        <v>17</v>
      </c>
      <c r="GE12" s="71">
        <v>16</v>
      </c>
      <c r="GF12" s="72">
        <v>105</v>
      </c>
      <c r="GG12" s="73">
        <v>134</v>
      </c>
      <c r="GH12" s="70">
        <v>1036</v>
      </c>
      <c r="GI12" s="71">
        <v>933</v>
      </c>
      <c r="GJ12" s="72">
        <v>1969</v>
      </c>
      <c r="GK12" s="244"/>
      <c r="GL12" s="71">
        <v>1713</v>
      </c>
      <c r="GM12" s="71">
        <v>1619</v>
      </c>
      <c r="GN12" s="71">
        <v>1282</v>
      </c>
      <c r="GO12" s="71">
        <v>1046</v>
      </c>
      <c r="GP12" s="71">
        <v>673</v>
      </c>
      <c r="GQ12" s="72">
        <v>6333</v>
      </c>
      <c r="GR12" s="73">
        <v>8302</v>
      </c>
      <c r="GS12" s="123">
        <v>1596</v>
      </c>
      <c r="GT12" s="82">
        <v>1271</v>
      </c>
      <c r="GU12" s="83">
        <v>2867</v>
      </c>
      <c r="GV12" s="241"/>
      <c r="GW12" s="82">
        <v>2637</v>
      </c>
      <c r="GX12" s="82">
        <v>2451</v>
      </c>
      <c r="GY12" s="82">
        <v>1894</v>
      </c>
      <c r="GZ12" s="82">
        <v>1502</v>
      </c>
      <c r="HA12" s="82">
        <v>936</v>
      </c>
      <c r="HB12" s="84">
        <v>9420</v>
      </c>
      <c r="HC12" s="85">
        <v>12287</v>
      </c>
      <c r="HD12" s="70">
        <v>53</v>
      </c>
      <c r="HE12" s="71">
        <v>48</v>
      </c>
      <c r="HF12" s="72">
        <v>101</v>
      </c>
      <c r="HG12" s="244"/>
      <c r="HH12" s="71">
        <v>86</v>
      </c>
      <c r="HI12" s="71">
        <v>77</v>
      </c>
      <c r="HJ12" s="71">
        <v>42</v>
      </c>
      <c r="HK12" s="71">
        <v>49</v>
      </c>
      <c r="HL12" s="71">
        <v>29</v>
      </c>
      <c r="HM12" s="72">
        <v>283</v>
      </c>
      <c r="HN12" s="73">
        <v>384</v>
      </c>
      <c r="HO12" s="70">
        <v>145</v>
      </c>
      <c r="HP12" s="71">
        <v>117</v>
      </c>
      <c r="HQ12" s="72">
        <v>262</v>
      </c>
      <c r="HR12" s="244"/>
      <c r="HS12" s="71">
        <v>208</v>
      </c>
      <c r="HT12" s="71">
        <v>206</v>
      </c>
      <c r="HU12" s="71">
        <v>140</v>
      </c>
      <c r="HV12" s="71">
        <v>119</v>
      </c>
      <c r="HW12" s="71">
        <v>77</v>
      </c>
      <c r="HX12" s="72">
        <v>750</v>
      </c>
      <c r="HY12" s="73">
        <v>1012</v>
      </c>
      <c r="HZ12" s="70">
        <v>245</v>
      </c>
      <c r="IA12" s="71">
        <v>195</v>
      </c>
      <c r="IB12" s="72">
        <v>440</v>
      </c>
      <c r="IC12" s="244"/>
      <c r="ID12" s="71">
        <v>391</v>
      </c>
      <c r="IE12" s="71">
        <v>308</v>
      </c>
      <c r="IF12" s="71">
        <v>244</v>
      </c>
      <c r="IG12" s="71">
        <v>175</v>
      </c>
      <c r="IH12" s="71">
        <v>126</v>
      </c>
      <c r="II12" s="72">
        <v>1244</v>
      </c>
      <c r="IJ12" s="73">
        <v>1684</v>
      </c>
      <c r="IK12" s="70">
        <v>475</v>
      </c>
      <c r="IL12" s="71">
        <v>333</v>
      </c>
      <c r="IM12" s="72">
        <v>808</v>
      </c>
      <c r="IN12" s="244"/>
      <c r="IO12" s="71">
        <v>629</v>
      </c>
      <c r="IP12" s="71">
        <v>539</v>
      </c>
      <c r="IQ12" s="71">
        <v>375</v>
      </c>
      <c r="IR12" s="71">
        <v>280</v>
      </c>
      <c r="IS12" s="71">
        <v>174</v>
      </c>
      <c r="IT12" s="72">
        <v>1997</v>
      </c>
      <c r="IU12" s="73">
        <v>2805</v>
      </c>
      <c r="IV12" s="70">
        <v>454</v>
      </c>
      <c r="IW12" s="71">
        <v>354</v>
      </c>
      <c r="IX12" s="72">
        <v>808</v>
      </c>
      <c r="IY12" s="244"/>
      <c r="IZ12" s="71">
        <v>740</v>
      </c>
      <c r="JA12" s="71">
        <v>657</v>
      </c>
      <c r="JB12" s="71">
        <v>497</v>
      </c>
      <c r="JC12" s="71">
        <v>354</v>
      </c>
      <c r="JD12" s="71">
        <v>220</v>
      </c>
      <c r="JE12" s="72">
        <v>2468</v>
      </c>
      <c r="JF12" s="73">
        <v>3276</v>
      </c>
      <c r="JG12" s="70">
        <v>224</v>
      </c>
      <c r="JH12" s="71">
        <v>224</v>
      </c>
      <c r="JI12" s="72">
        <v>448</v>
      </c>
      <c r="JJ12" s="244"/>
      <c r="JK12" s="71">
        <v>583</v>
      </c>
      <c r="JL12" s="71">
        <v>664</v>
      </c>
      <c r="JM12" s="71">
        <v>596</v>
      </c>
      <c r="JN12" s="71">
        <v>525</v>
      </c>
      <c r="JO12" s="71">
        <v>310</v>
      </c>
      <c r="JP12" s="72">
        <v>2678</v>
      </c>
      <c r="JQ12" s="73">
        <v>3126</v>
      </c>
      <c r="JR12" s="70">
        <v>20</v>
      </c>
      <c r="JS12" s="71">
        <v>41</v>
      </c>
      <c r="JT12" s="72">
        <v>61</v>
      </c>
      <c r="JU12" s="244"/>
      <c r="JV12" s="71">
        <v>45</v>
      </c>
      <c r="JW12" s="71">
        <v>85</v>
      </c>
      <c r="JX12" s="71">
        <v>42</v>
      </c>
      <c r="JY12" s="71">
        <v>36</v>
      </c>
      <c r="JZ12" s="71">
        <v>31</v>
      </c>
      <c r="KA12" s="72">
        <v>239</v>
      </c>
      <c r="KB12" s="73">
        <v>300</v>
      </c>
      <c r="KC12" s="70">
        <v>1616</v>
      </c>
      <c r="KD12" s="71">
        <v>1312</v>
      </c>
      <c r="KE12" s="72">
        <v>2928</v>
      </c>
      <c r="KF12" s="244"/>
      <c r="KG12" s="71">
        <v>2682</v>
      </c>
      <c r="KH12" s="71">
        <v>2536</v>
      </c>
      <c r="KI12" s="71">
        <v>1936</v>
      </c>
      <c r="KJ12" s="71">
        <v>1538</v>
      </c>
      <c r="KK12" s="71">
        <v>967</v>
      </c>
      <c r="KL12" s="72">
        <v>9659</v>
      </c>
      <c r="KM12" s="73">
        <v>12587</v>
      </c>
    </row>
    <row r="13" spans="2:299" ht="19.5" customHeight="1" x14ac:dyDescent="0.2">
      <c r="B13" s="126" t="s">
        <v>9</v>
      </c>
      <c r="C13" s="316">
        <v>673</v>
      </c>
      <c r="D13" s="82">
        <v>388</v>
      </c>
      <c r="E13" s="83">
        <v>1061</v>
      </c>
      <c r="F13" s="241"/>
      <c r="G13" s="82">
        <v>826</v>
      </c>
      <c r="H13" s="82">
        <v>574</v>
      </c>
      <c r="I13" s="82">
        <v>411</v>
      </c>
      <c r="J13" s="82">
        <v>391</v>
      </c>
      <c r="K13" s="82">
        <v>215</v>
      </c>
      <c r="L13" s="84">
        <v>2417</v>
      </c>
      <c r="M13" s="85">
        <v>3478</v>
      </c>
      <c r="N13" s="70">
        <v>18</v>
      </c>
      <c r="O13" s="71">
        <v>14</v>
      </c>
      <c r="P13" s="72">
        <v>32</v>
      </c>
      <c r="Q13" s="244"/>
      <c r="R13" s="71">
        <v>22</v>
      </c>
      <c r="S13" s="71">
        <v>26</v>
      </c>
      <c r="T13" s="71">
        <v>14</v>
      </c>
      <c r="U13" s="71">
        <v>13</v>
      </c>
      <c r="V13" s="71">
        <v>12</v>
      </c>
      <c r="W13" s="72">
        <v>87</v>
      </c>
      <c r="X13" s="73">
        <v>119</v>
      </c>
      <c r="Y13" s="70">
        <v>46</v>
      </c>
      <c r="Z13" s="71">
        <v>31</v>
      </c>
      <c r="AA13" s="72">
        <v>77</v>
      </c>
      <c r="AB13" s="244"/>
      <c r="AC13" s="71">
        <v>55</v>
      </c>
      <c r="AD13" s="71">
        <v>47</v>
      </c>
      <c r="AE13" s="71">
        <v>30</v>
      </c>
      <c r="AF13" s="71">
        <v>41</v>
      </c>
      <c r="AG13" s="71">
        <v>22</v>
      </c>
      <c r="AH13" s="72">
        <v>195</v>
      </c>
      <c r="AI13" s="73">
        <v>272</v>
      </c>
      <c r="AJ13" s="70">
        <v>84</v>
      </c>
      <c r="AK13" s="71">
        <v>40</v>
      </c>
      <c r="AL13" s="72">
        <v>124</v>
      </c>
      <c r="AM13" s="244"/>
      <c r="AN13" s="71">
        <v>104</v>
      </c>
      <c r="AO13" s="71">
        <v>72</v>
      </c>
      <c r="AP13" s="71">
        <v>68</v>
      </c>
      <c r="AQ13" s="71">
        <v>60</v>
      </c>
      <c r="AR13" s="71">
        <v>36</v>
      </c>
      <c r="AS13" s="72">
        <v>340</v>
      </c>
      <c r="AT13" s="73">
        <v>464</v>
      </c>
      <c r="AU13" s="70">
        <v>167</v>
      </c>
      <c r="AV13" s="71">
        <v>92</v>
      </c>
      <c r="AW13" s="72">
        <v>259</v>
      </c>
      <c r="AX13" s="244"/>
      <c r="AY13" s="71">
        <v>185</v>
      </c>
      <c r="AZ13" s="71">
        <v>112</v>
      </c>
      <c r="BA13" s="71">
        <v>68</v>
      </c>
      <c r="BB13" s="71">
        <v>70</v>
      </c>
      <c r="BC13" s="71">
        <v>50</v>
      </c>
      <c r="BD13" s="72">
        <v>485</v>
      </c>
      <c r="BE13" s="73">
        <v>744</v>
      </c>
      <c r="BF13" s="70">
        <v>216</v>
      </c>
      <c r="BG13" s="71">
        <v>122</v>
      </c>
      <c r="BH13" s="72">
        <v>338</v>
      </c>
      <c r="BI13" s="244"/>
      <c r="BJ13" s="71">
        <v>257</v>
      </c>
      <c r="BK13" s="71">
        <v>160</v>
      </c>
      <c r="BL13" s="71">
        <v>110</v>
      </c>
      <c r="BM13" s="71">
        <v>114</v>
      </c>
      <c r="BN13" s="71">
        <v>37</v>
      </c>
      <c r="BO13" s="72">
        <v>678</v>
      </c>
      <c r="BP13" s="73">
        <v>1016</v>
      </c>
      <c r="BQ13" s="70">
        <v>142</v>
      </c>
      <c r="BR13" s="71">
        <v>89</v>
      </c>
      <c r="BS13" s="72">
        <v>231</v>
      </c>
      <c r="BT13" s="244"/>
      <c r="BU13" s="71">
        <v>203</v>
      </c>
      <c r="BV13" s="71">
        <v>157</v>
      </c>
      <c r="BW13" s="71">
        <v>121</v>
      </c>
      <c r="BX13" s="71">
        <v>93</v>
      </c>
      <c r="BY13" s="71">
        <v>58</v>
      </c>
      <c r="BZ13" s="72">
        <v>632</v>
      </c>
      <c r="CA13" s="73">
        <v>863</v>
      </c>
      <c r="CB13" s="70">
        <v>4</v>
      </c>
      <c r="CC13" s="71">
        <v>17</v>
      </c>
      <c r="CD13" s="72">
        <v>21</v>
      </c>
      <c r="CE13" s="244"/>
      <c r="CF13" s="71">
        <v>26</v>
      </c>
      <c r="CG13" s="71">
        <v>23</v>
      </c>
      <c r="CH13" s="71">
        <v>12</v>
      </c>
      <c r="CI13" s="71">
        <v>14</v>
      </c>
      <c r="CJ13" s="71">
        <v>9</v>
      </c>
      <c r="CK13" s="72">
        <v>84</v>
      </c>
      <c r="CL13" s="73">
        <v>105</v>
      </c>
      <c r="CM13" s="70">
        <v>677</v>
      </c>
      <c r="CN13" s="71">
        <v>405</v>
      </c>
      <c r="CO13" s="72">
        <v>1082</v>
      </c>
      <c r="CP13" s="244"/>
      <c r="CQ13" s="71">
        <v>852</v>
      </c>
      <c r="CR13" s="71">
        <v>597</v>
      </c>
      <c r="CS13" s="71">
        <v>423</v>
      </c>
      <c r="CT13" s="71">
        <v>405</v>
      </c>
      <c r="CU13" s="71">
        <v>224</v>
      </c>
      <c r="CV13" s="72">
        <v>2501</v>
      </c>
      <c r="CW13" s="73">
        <v>3583</v>
      </c>
      <c r="CX13" s="123">
        <v>1360</v>
      </c>
      <c r="CY13" s="82">
        <v>979</v>
      </c>
      <c r="CZ13" s="83">
        <v>2339</v>
      </c>
      <c r="DA13" s="241"/>
      <c r="DB13" s="82">
        <v>1652</v>
      </c>
      <c r="DC13" s="82">
        <v>1171</v>
      </c>
      <c r="DD13" s="82">
        <v>928</v>
      </c>
      <c r="DE13" s="82">
        <v>1013</v>
      </c>
      <c r="DF13" s="82">
        <v>699</v>
      </c>
      <c r="DG13" s="84">
        <v>5463</v>
      </c>
      <c r="DH13" s="85">
        <v>7802</v>
      </c>
      <c r="DI13" s="70">
        <v>26</v>
      </c>
      <c r="DJ13" s="71">
        <v>12</v>
      </c>
      <c r="DK13" s="72">
        <v>38</v>
      </c>
      <c r="DL13" s="244"/>
      <c r="DM13" s="71">
        <v>10</v>
      </c>
      <c r="DN13" s="71">
        <v>15</v>
      </c>
      <c r="DO13" s="71">
        <v>10</v>
      </c>
      <c r="DP13" s="71">
        <v>8</v>
      </c>
      <c r="DQ13" s="71">
        <v>13</v>
      </c>
      <c r="DR13" s="72">
        <v>56</v>
      </c>
      <c r="DS13" s="73">
        <v>94</v>
      </c>
      <c r="DT13" s="70">
        <v>82</v>
      </c>
      <c r="DU13" s="71">
        <v>57</v>
      </c>
      <c r="DV13" s="72">
        <v>139</v>
      </c>
      <c r="DW13" s="244"/>
      <c r="DX13" s="71">
        <v>74</v>
      </c>
      <c r="DY13" s="71">
        <v>41</v>
      </c>
      <c r="DZ13" s="71">
        <v>31</v>
      </c>
      <c r="EA13" s="71">
        <v>36</v>
      </c>
      <c r="EB13" s="71">
        <v>25</v>
      </c>
      <c r="EC13" s="72">
        <v>207</v>
      </c>
      <c r="ED13" s="73">
        <v>346</v>
      </c>
      <c r="EE13" s="70">
        <v>190</v>
      </c>
      <c r="EF13" s="71">
        <v>137</v>
      </c>
      <c r="EG13" s="72">
        <v>327</v>
      </c>
      <c r="EH13" s="244"/>
      <c r="EI13" s="71">
        <v>166</v>
      </c>
      <c r="EJ13" s="71">
        <v>98</v>
      </c>
      <c r="EK13" s="71">
        <v>50</v>
      </c>
      <c r="EL13" s="71">
        <v>61</v>
      </c>
      <c r="EM13" s="71">
        <v>65</v>
      </c>
      <c r="EN13" s="72">
        <v>440</v>
      </c>
      <c r="EO13" s="73">
        <v>767</v>
      </c>
      <c r="EP13" s="70">
        <v>363</v>
      </c>
      <c r="EQ13" s="71">
        <v>233</v>
      </c>
      <c r="ER13" s="72">
        <v>596</v>
      </c>
      <c r="ES13" s="244"/>
      <c r="ET13" s="71">
        <v>362</v>
      </c>
      <c r="EU13" s="71">
        <v>205</v>
      </c>
      <c r="EV13" s="71">
        <v>131</v>
      </c>
      <c r="EW13" s="71">
        <v>151</v>
      </c>
      <c r="EX13" s="71">
        <v>110</v>
      </c>
      <c r="EY13" s="72">
        <v>959</v>
      </c>
      <c r="EZ13" s="73">
        <v>1555</v>
      </c>
      <c r="FA13" s="70">
        <v>436</v>
      </c>
      <c r="FB13" s="71">
        <v>307</v>
      </c>
      <c r="FC13" s="72">
        <v>743</v>
      </c>
      <c r="FD13" s="244"/>
      <c r="FE13" s="71">
        <v>512</v>
      </c>
      <c r="FF13" s="71">
        <v>349</v>
      </c>
      <c r="FG13" s="71">
        <v>263</v>
      </c>
      <c r="FH13" s="71">
        <v>252</v>
      </c>
      <c r="FI13" s="71">
        <v>173</v>
      </c>
      <c r="FJ13" s="72">
        <v>1549</v>
      </c>
      <c r="FK13" s="73">
        <v>2292</v>
      </c>
      <c r="FL13" s="70">
        <v>263</v>
      </c>
      <c r="FM13" s="71">
        <v>233</v>
      </c>
      <c r="FN13" s="72">
        <v>496</v>
      </c>
      <c r="FO13" s="244"/>
      <c r="FP13" s="71">
        <v>528</v>
      </c>
      <c r="FQ13" s="71">
        <v>463</v>
      </c>
      <c r="FR13" s="71">
        <v>443</v>
      </c>
      <c r="FS13" s="71">
        <v>505</v>
      </c>
      <c r="FT13" s="71">
        <v>313</v>
      </c>
      <c r="FU13" s="72">
        <v>2252</v>
      </c>
      <c r="FV13" s="73">
        <v>2748</v>
      </c>
      <c r="FW13" s="70">
        <v>6</v>
      </c>
      <c r="FX13" s="71">
        <v>15</v>
      </c>
      <c r="FY13" s="72">
        <v>21</v>
      </c>
      <c r="FZ13" s="244"/>
      <c r="GA13" s="71">
        <v>8</v>
      </c>
      <c r="GB13" s="71">
        <v>18</v>
      </c>
      <c r="GC13" s="71">
        <v>10</v>
      </c>
      <c r="GD13" s="71">
        <v>11</v>
      </c>
      <c r="GE13" s="71">
        <v>10</v>
      </c>
      <c r="GF13" s="72">
        <v>57</v>
      </c>
      <c r="GG13" s="73">
        <v>78</v>
      </c>
      <c r="GH13" s="70">
        <v>1366</v>
      </c>
      <c r="GI13" s="71">
        <v>994</v>
      </c>
      <c r="GJ13" s="72">
        <v>2360</v>
      </c>
      <c r="GK13" s="244"/>
      <c r="GL13" s="71">
        <v>1660</v>
      </c>
      <c r="GM13" s="71">
        <v>1189</v>
      </c>
      <c r="GN13" s="71">
        <v>938</v>
      </c>
      <c r="GO13" s="71">
        <v>1024</v>
      </c>
      <c r="GP13" s="71">
        <v>709</v>
      </c>
      <c r="GQ13" s="72">
        <v>5520</v>
      </c>
      <c r="GR13" s="73">
        <v>7880</v>
      </c>
      <c r="GS13" s="123">
        <v>2033</v>
      </c>
      <c r="GT13" s="82">
        <v>1367</v>
      </c>
      <c r="GU13" s="83">
        <v>3400</v>
      </c>
      <c r="GV13" s="241"/>
      <c r="GW13" s="82">
        <v>2478</v>
      </c>
      <c r="GX13" s="82">
        <v>1745</v>
      </c>
      <c r="GY13" s="82">
        <v>1339</v>
      </c>
      <c r="GZ13" s="82">
        <v>1404</v>
      </c>
      <c r="HA13" s="82">
        <v>914</v>
      </c>
      <c r="HB13" s="84">
        <v>7880</v>
      </c>
      <c r="HC13" s="85">
        <v>11280</v>
      </c>
      <c r="HD13" s="70">
        <v>44</v>
      </c>
      <c r="HE13" s="71">
        <v>26</v>
      </c>
      <c r="HF13" s="72">
        <v>70</v>
      </c>
      <c r="HG13" s="244"/>
      <c r="HH13" s="71">
        <v>32</v>
      </c>
      <c r="HI13" s="71">
        <v>41</v>
      </c>
      <c r="HJ13" s="71">
        <v>24</v>
      </c>
      <c r="HK13" s="71">
        <v>21</v>
      </c>
      <c r="HL13" s="71">
        <v>25</v>
      </c>
      <c r="HM13" s="72">
        <v>143</v>
      </c>
      <c r="HN13" s="73">
        <v>213</v>
      </c>
      <c r="HO13" s="70">
        <v>128</v>
      </c>
      <c r="HP13" s="71">
        <v>88</v>
      </c>
      <c r="HQ13" s="72">
        <v>216</v>
      </c>
      <c r="HR13" s="244"/>
      <c r="HS13" s="71">
        <v>129</v>
      </c>
      <c r="HT13" s="71">
        <v>88</v>
      </c>
      <c r="HU13" s="71">
        <v>61</v>
      </c>
      <c r="HV13" s="71">
        <v>77</v>
      </c>
      <c r="HW13" s="71">
        <v>47</v>
      </c>
      <c r="HX13" s="72">
        <v>402</v>
      </c>
      <c r="HY13" s="73">
        <v>618</v>
      </c>
      <c r="HZ13" s="70">
        <v>274</v>
      </c>
      <c r="IA13" s="71">
        <v>177</v>
      </c>
      <c r="IB13" s="72">
        <v>451</v>
      </c>
      <c r="IC13" s="244"/>
      <c r="ID13" s="71">
        <v>270</v>
      </c>
      <c r="IE13" s="71">
        <v>170</v>
      </c>
      <c r="IF13" s="71">
        <v>118</v>
      </c>
      <c r="IG13" s="71">
        <v>121</v>
      </c>
      <c r="IH13" s="71">
        <v>101</v>
      </c>
      <c r="II13" s="72">
        <v>780</v>
      </c>
      <c r="IJ13" s="73">
        <v>1231</v>
      </c>
      <c r="IK13" s="70">
        <v>530</v>
      </c>
      <c r="IL13" s="71">
        <v>325</v>
      </c>
      <c r="IM13" s="72">
        <v>855</v>
      </c>
      <c r="IN13" s="244"/>
      <c r="IO13" s="71">
        <v>547</v>
      </c>
      <c r="IP13" s="71">
        <v>317</v>
      </c>
      <c r="IQ13" s="71">
        <v>199</v>
      </c>
      <c r="IR13" s="71">
        <v>221</v>
      </c>
      <c r="IS13" s="71">
        <v>160</v>
      </c>
      <c r="IT13" s="72">
        <v>1444</v>
      </c>
      <c r="IU13" s="73">
        <v>2299</v>
      </c>
      <c r="IV13" s="70">
        <v>652</v>
      </c>
      <c r="IW13" s="71">
        <v>429</v>
      </c>
      <c r="IX13" s="72">
        <v>1081</v>
      </c>
      <c r="IY13" s="244"/>
      <c r="IZ13" s="71">
        <v>769</v>
      </c>
      <c r="JA13" s="71">
        <v>509</v>
      </c>
      <c r="JB13" s="71">
        <v>373</v>
      </c>
      <c r="JC13" s="71">
        <v>366</v>
      </c>
      <c r="JD13" s="71">
        <v>210</v>
      </c>
      <c r="JE13" s="72">
        <v>2227</v>
      </c>
      <c r="JF13" s="73">
        <v>3308</v>
      </c>
      <c r="JG13" s="70">
        <v>405</v>
      </c>
      <c r="JH13" s="71">
        <v>322</v>
      </c>
      <c r="JI13" s="72">
        <v>727</v>
      </c>
      <c r="JJ13" s="244"/>
      <c r="JK13" s="71">
        <v>731</v>
      </c>
      <c r="JL13" s="71">
        <v>620</v>
      </c>
      <c r="JM13" s="71">
        <v>564</v>
      </c>
      <c r="JN13" s="71">
        <v>598</v>
      </c>
      <c r="JO13" s="71">
        <v>371</v>
      </c>
      <c r="JP13" s="72">
        <v>2884</v>
      </c>
      <c r="JQ13" s="73">
        <v>3611</v>
      </c>
      <c r="JR13" s="70">
        <v>10</v>
      </c>
      <c r="JS13" s="71">
        <v>32</v>
      </c>
      <c r="JT13" s="72">
        <v>42</v>
      </c>
      <c r="JU13" s="244"/>
      <c r="JV13" s="71">
        <v>34</v>
      </c>
      <c r="JW13" s="71">
        <v>41</v>
      </c>
      <c r="JX13" s="71">
        <v>22</v>
      </c>
      <c r="JY13" s="71">
        <v>25</v>
      </c>
      <c r="JZ13" s="71">
        <v>19</v>
      </c>
      <c r="KA13" s="72">
        <v>141</v>
      </c>
      <c r="KB13" s="73">
        <v>183</v>
      </c>
      <c r="KC13" s="70">
        <v>2043</v>
      </c>
      <c r="KD13" s="71">
        <v>1399</v>
      </c>
      <c r="KE13" s="72">
        <v>3442</v>
      </c>
      <c r="KF13" s="244"/>
      <c r="KG13" s="71">
        <v>2512</v>
      </c>
      <c r="KH13" s="71">
        <v>1786</v>
      </c>
      <c r="KI13" s="71">
        <v>1361</v>
      </c>
      <c r="KJ13" s="71">
        <v>1429</v>
      </c>
      <c r="KK13" s="71">
        <v>933</v>
      </c>
      <c r="KL13" s="72">
        <v>8021</v>
      </c>
      <c r="KM13" s="73">
        <v>11463</v>
      </c>
    </row>
    <row r="14" spans="2:299" ht="19.5" customHeight="1" x14ac:dyDescent="0.2">
      <c r="B14" s="126" t="s">
        <v>10</v>
      </c>
      <c r="C14" s="316">
        <v>1426</v>
      </c>
      <c r="D14" s="82">
        <v>961</v>
      </c>
      <c r="E14" s="83">
        <v>2387</v>
      </c>
      <c r="F14" s="241"/>
      <c r="G14" s="82">
        <v>1691</v>
      </c>
      <c r="H14" s="82">
        <v>957</v>
      </c>
      <c r="I14" s="82">
        <v>712</v>
      </c>
      <c r="J14" s="82">
        <v>629</v>
      </c>
      <c r="K14" s="82">
        <v>419</v>
      </c>
      <c r="L14" s="84">
        <v>4408</v>
      </c>
      <c r="M14" s="85">
        <v>6795</v>
      </c>
      <c r="N14" s="70">
        <v>56</v>
      </c>
      <c r="O14" s="71">
        <v>55</v>
      </c>
      <c r="P14" s="72">
        <v>111</v>
      </c>
      <c r="Q14" s="244"/>
      <c r="R14" s="71">
        <v>68</v>
      </c>
      <c r="S14" s="71">
        <v>50</v>
      </c>
      <c r="T14" s="71">
        <v>36</v>
      </c>
      <c r="U14" s="71">
        <v>25</v>
      </c>
      <c r="V14" s="71">
        <v>31</v>
      </c>
      <c r="W14" s="72">
        <v>210</v>
      </c>
      <c r="X14" s="73">
        <v>321</v>
      </c>
      <c r="Y14" s="70">
        <v>129</v>
      </c>
      <c r="Z14" s="71">
        <v>117</v>
      </c>
      <c r="AA14" s="72">
        <v>246</v>
      </c>
      <c r="AB14" s="244"/>
      <c r="AC14" s="71">
        <v>180</v>
      </c>
      <c r="AD14" s="71">
        <v>108</v>
      </c>
      <c r="AE14" s="71">
        <v>69</v>
      </c>
      <c r="AF14" s="71">
        <v>72</v>
      </c>
      <c r="AG14" s="71">
        <v>63</v>
      </c>
      <c r="AH14" s="72">
        <v>492</v>
      </c>
      <c r="AI14" s="73">
        <v>738</v>
      </c>
      <c r="AJ14" s="70">
        <v>198</v>
      </c>
      <c r="AK14" s="71">
        <v>147</v>
      </c>
      <c r="AL14" s="72">
        <v>345</v>
      </c>
      <c r="AM14" s="244"/>
      <c r="AN14" s="71">
        <v>282</v>
      </c>
      <c r="AO14" s="71">
        <v>173</v>
      </c>
      <c r="AP14" s="71">
        <v>111</v>
      </c>
      <c r="AQ14" s="71">
        <v>98</v>
      </c>
      <c r="AR14" s="71">
        <v>64</v>
      </c>
      <c r="AS14" s="72">
        <v>728</v>
      </c>
      <c r="AT14" s="73">
        <v>1073</v>
      </c>
      <c r="AU14" s="70">
        <v>381</v>
      </c>
      <c r="AV14" s="71">
        <v>222</v>
      </c>
      <c r="AW14" s="72">
        <v>603</v>
      </c>
      <c r="AX14" s="244"/>
      <c r="AY14" s="71">
        <v>384</v>
      </c>
      <c r="AZ14" s="71">
        <v>196</v>
      </c>
      <c r="BA14" s="71">
        <v>154</v>
      </c>
      <c r="BB14" s="71">
        <v>144</v>
      </c>
      <c r="BC14" s="71">
        <v>110</v>
      </c>
      <c r="BD14" s="72">
        <v>988</v>
      </c>
      <c r="BE14" s="73">
        <v>1591</v>
      </c>
      <c r="BF14" s="70">
        <v>432</v>
      </c>
      <c r="BG14" s="71">
        <v>246</v>
      </c>
      <c r="BH14" s="72">
        <v>678</v>
      </c>
      <c r="BI14" s="244"/>
      <c r="BJ14" s="71">
        <v>455</v>
      </c>
      <c r="BK14" s="71">
        <v>226</v>
      </c>
      <c r="BL14" s="71">
        <v>177</v>
      </c>
      <c r="BM14" s="71">
        <v>159</v>
      </c>
      <c r="BN14" s="71">
        <v>84</v>
      </c>
      <c r="BO14" s="72">
        <v>1101</v>
      </c>
      <c r="BP14" s="73">
        <v>1779</v>
      </c>
      <c r="BQ14" s="70">
        <v>230</v>
      </c>
      <c r="BR14" s="71">
        <v>174</v>
      </c>
      <c r="BS14" s="72">
        <v>404</v>
      </c>
      <c r="BT14" s="244"/>
      <c r="BU14" s="71">
        <v>322</v>
      </c>
      <c r="BV14" s="71">
        <v>204</v>
      </c>
      <c r="BW14" s="71">
        <v>165</v>
      </c>
      <c r="BX14" s="71">
        <v>131</v>
      </c>
      <c r="BY14" s="71">
        <v>67</v>
      </c>
      <c r="BZ14" s="72">
        <v>889</v>
      </c>
      <c r="CA14" s="73">
        <v>1293</v>
      </c>
      <c r="CB14" s="70">
        <v>40</v>
      </c>
      <c r="CC14" s="71">
        <v>34</v>
      </c>
      <c r="CD14" s="72">
        <v>74</v>
      </c>
      <c r="CE14" s="244"/>
      <c r="CF14" s="71">
        <v>72</v>
      </c>
      <c r="CG14" s="71">
        <v>47</v>
      </c>
      <c r="CH14" s="71">
        <v>27</v>
      </c>
      <c r="CI14" s="71">
        <v>17</v>
      </c>
      <c r="CJ14" s="71">
        <v>32</v>
      </c>
      <c r="CK14" s="72">
        <v>195</v>
      </c>
      <c r="CL14" s="73">
        <v>269</v>
      </c>
      <c r="CM14" s="70">
        <v>1466</v>
      </c>
      <c r="CN14" s="71">
        <v>995</v>
      </c>
      <c r="CO14" s="72">
        <v>2461</v>
      </c>
      <c r="CP14" s="244"/>
      <c r="CQ14" s="71">
        <v>1763</v>
      </c>
      <c r="CR14" s="71">
        <v>1004</v>
      </c>
      <c r="CS14" s="71">
        <v>739</v>
      </c>
      <c r="CT14" s="71">
        <v>646</v>
      </c>
      <c r="CU14" s="71">
        <v>451</v>
      </c>
      <c r="CV14" s="72">
        <v>4603</v>
      </c>
      <c r="CW14" s="73">
        <v>7064</v>
      </c>
      <c r="CX14" s="123">
        <v>2842</v>
      </c>
      <c r="CY14" s="82">
        <v>2155</v>
      </c>
      <c r="CZ14" s="83">
        <v>4997</v>
      </c>
      <c r="DA14" s="241"/>
      <c r="DB14" s="82">
        <v>3172</v>
      </c>
      <c r="DC14" s="82">
        <v>1769</v>
      </c>
      <c r="DD14" s="82">
        <v>1472</v>
      </c>
      <c r="DE14" s="82">
        <v>1422</v>
      </c>
      <c r="DF14" s="82">
        <v>1232</v>
      </c>
      <c r="DG14" s="84">
        <v>9067</v>
      </c>
      <c r="DH14" s="85">
        <v>14064</v>
      </c>
      <c r="DI14" s="70">
        <v>57</v>
      </c>
      <c r="DJ14" s="71">
        <v>54</v>
      </c>
      <c r="DK14" s="72">
        <v>111</v>
      </c>
      <c r="DL14" s="244"/>
      <c r="DM14" s="71">
        <v>69</v>
      </c>
      <c r="DN14" s="71">
        <v>27</v>
      </c>
      <c r="DO14" s="71">
        <v>26</v>
      </c>
      <c r="DP14" s="71">
        <v>19</v>
      </c>
      <c r="DQ14" s="71">
        <v>27</v>
      </c>
      <c r="DR14" s="72">
        <v>168</v>
      </c>
      <c r="DS14" s="73">
        <v>279</v>
      </c>
      <c r="DT14" s="70">
        <v>192</v>
      </c>
      <c r="DU14" s="71">
        <v>146</v>
      </c>
      <c r="DV14" s="72">
        <v>338</v>
      </c>
      <c r="DW14" s="244"/>
      <c r="DX14" s="71">
        <v>175</v>
      </c>
      <c r="DY14" s="71">
        <v>103</v>
      </c>
      <c r="DZ14" s="71">
        <v>50</v>
      </c>
      <c r="EA14" s="71">
        <v>60</v>
      </c>
      <c r="EB14" s="71">
        <v>63</v>
      </c>
      <c r="EC14" s="72">
        <v>451</v>
      </c>
      <c r="ED14" s="73">
        <v>789</v>
      </c>
      <c r="EE14" s="70">
        <v>450</v>
      </c>
      <c r="EF14" s="71">
        <v>293</v>
      </c>
      <c r="EG14" s="72">
        <v>743</v>
      </c>
      <c r="EH14" s="244"/>
      <c r="EI14" s="71">
        <v>369</v>
      </c>
      <c r="EJ14" s="71">
        <v>161</v>
      </c>
      <c r="EK14" s="71">
        <v>140</v>
      </c>
      <c r="EL14" s="71">
        <v>130</v>
      </c>
      <c r="EM14" s="71">
        <v>111</v>
      </c>
      <c r="EN14" s="72">
        <v>911</v>
      </c>
      <c r="EO14" s="73">
        <v>1654</v>
      </c>
      <c r="EP14" s="70">
        <v>818</v>
      </c>
      <c r="EQ14" s="71">
        <v>541</v>
      </c>
      <c r="ER14" s="72">
        <v>1359</v>
      </c>
      <c r="ES14" s="244"/>
      <c r="ET14" s="71">
        <v>683</v>
      </c>
      <c r="EU14" s="71">
        <v>357</v>
      </c>
      <c r="EV14" s="71">
        <v>246</v>
      </c>
      <c r="EW14" s="71">
        <v>220</v>
      </c>
      <c r="EX14" s="71">
        <v>207</v>
      </c>
      <c r="EY14" s="72">
        <v>1713</v>
      </c>
      <c r="EZ14" s="73">
        <v>3072</v>
      </c>
      <c r="FA14" s="70">
        <v>891</v>
      </c>
      <c r="FB14" s="71">
        <v>631</v>
      </c>
      <c r="FC14" s="72">
        <v>1522</v>
      </c>
      <c r="FD14" s="244"/>
      <c r="FE14" s="71">
        <v>983</v>
      </c>
      <c r="FF14" s="71">
        <v>500</v>
      </c>
      <c r="FG14" s="71">
        <v>404</v>
      </c>
      <c r="FH14" s="71">
        <v>339</v>
      </c>
      <c r="FI14" s="71">
        <v>346</v>
      </c>
      <c r="FJ14" s="72">
        <v>2572</v>
      </c>
      <c r="FK14" s="73">
        <v>4094</v>
      </c>
      <c r="FL14" s="70">
        <v>434</v>
      </c>
      <c r="FM14" s="71">
        <v>490</v>
      </c>
      <c r="FN14" s="72">
        <v>924</v>
      </c>
      <c r="FO14" s="244"/>
      <c r="FP14" s="71">
        <v>893</v>
      </c>
      <c r="FQ14" s="71">
        <v>621</v>
      </c>
      <c r="FR14" s="71">
        <v>606</v>
      </c>
      <c r="FS14" s="71">
        <v>654</v>
      </c>
      <c r="FT14" s="71">
        <v>478</v>
      </c>
      <c r="FU14" s="72">
        <v>3252</v>
      </c>
      <c r="FV14" s="73">
        <v>4176</v>
      </c>
      <c r="FW14" s="70">
        <v>29</v>
      </c>
      <c r="FX14" s="71">
        <v>39</v>
      </c>
      <c r="FY14" s="72">
        <v>68</v>
      </c>
      <c r="FZ14" s="244"/>
      <c r="GA14" s="71">
        <v>56</v>
      </c>
      <c r="GB14" s="71">
        <v>33</v>
      </c>
      <c r="GC14" s="71">
        <v>19</v>
      </c>
      <c r="GD14" s="71">
        <v>21</v>
      </c>
      <c r="GE14" s="71">
        <v>34</v>
      </c>
      <c r="GF14" s="72">
        <v>163</v>
      </c>
      <c r="GG14" s="73">
        <v>231</v>
      </c>
      <c r="GH14" s="70">
        <v>2871</v>
      </c>
      <c r="GI14" s="71">
        <v>2194</v>
      </c>
      <c r="GJ14" s="72">
        <v>5065</v>
      </c>
      <c r="GK14" s="244"/>
      <c r="GL14" s="71">
        <v>3228</v>
      </c>
      <c r="GM14" s="71">
        <v>1802</v>
      </c>
      <c r="GN14" s="71">
        <v>1491</v>
      </c>
      <c r="GO14" s="71">
        <v>1443</v>
      </c>
      <c r="GP14" s="71">
        <v>1266</v>
      </c>
      <c r="GQ14" s="72">
        <v>9230</v>
      </c>
      <c r="GR14" s="73">
        <v>14295</v>
      </c>
      <c r="GS14" s="123">
        <v>4268</v>
      </c>
      <c r="GT14" s="82">
        <v>3116</v>
      </c>
      <c r="GU14" s="83">
        <v>7384</v>
      </c>
      <c r="GV14" s="241"/>
      <c r="GW14" s="82">
        <v>4863</v>
      </c>
      <c r="GX14" s="82">
        <v>2726</v>
      </c>
      <c r="GY14" s="82">
        <v>2184</v>
      </c>
      <c r="GZ14" s="82">
        <v>2051</v>
      </c>
      <c r="HA14" s="82">
        <v>1651</v>
      </c>
      <c r="HB14" s="84">
        <v>13475</v>
      </c>
      <c r="HC14" s="85">
        <v>20859</v>
      </c>
      <c r="HD14" s="70">
        <v>113</v>
      </c>
      <c r="HE14" s="71">
        <v>109</v>
      </c>
      <c r="HF14" s="72">
        <v>222</v>
      </c>
      <c r="HG14" s="244"/>
      <c r="HH14" s="71">
        <v>137</v>
      </c>
      <c r="HI14" s="71">
        <v>77</v>
      </c>
      <c r="HJ14" s="71">
        <v>62</v>
      </c>
      <c r="HK14" s="71">
        <v>44</v>
      </c>
      <c r="HL14" s="71">
        <v>58</v>
      </c>
      <c r="HM14" s="72">
        <v>378</v>
      </c>
      <c r="HN14" s="73">
        <v>600</v>
      </c>
      <c r="HO14" s="70">
        <v>321</v>
      </c>
      <c r="HP14" s="71">
        <v>263</v>
      </c>
      <c r="HQ14" s="72">
        <v>584</v>
      </c>
      <c r="HR14" s="244"/>
      <c r="HS14" s="71">
        <v>355</v>
      </c>
      <c r="HT14" s="71">
        <v>211</v>
      </c>
      <c r="HU14" s="71">
        <v>119</v>
      </c>
      <c r="HV14" s="71">
        <v>132</v>
      </c>
      <c r="HW14" s="71">
        <v>126</v>
      </c>
      <c r="HX14" s="72">
        <v>943</v>
      </c>
      <c r="HY14" s="73">
        <v>1527</v>
      </c>
      <c r="HZ14" s="70">
        <v>648</v>
      </c>
      <c r="IA14" s="71">
        <v>440</v>
      </c>
      <c r="IB14" s="72">
        <v>1088</v>
      </c>
      <c r="IC14" s="244"/>
      <c r="ID14" s="71">
        <v>651</v>
      </c>
      <c r="IE14" s="71">
        <v>334</v>
      </c>
      <c r="IF14" s="71">
        <v>251</v>
      </c>
      <c r="IG14" s="71">
        <v>228</v>
      </c>
      <c r="IH14" s="71">
        <v>175</v>
      </c>
      <c r="II14" s="72">
        <v>1639</v>
      </c>
      <c r="IJ14" s="73">
        <v>2727</v>
      </c>
      <c r="IK14" s="70">
        <v>1199</v>
      </c>
      <c r="IL14" s="71">
        <v>763</v>
      </c>
      <c r="IM14" s="72">
        <v>1962</v>
      </c>
      <c r="IN14" s="244"/>
      <c r="IO14" s="71">
        <v>1067</v>
      </c>
      <c r="IP14" s="71">
        <v>553</v>
      </c>
      <c r="IQ14" s="71">
        <v>400</v>
      </c>
      <c r="IR14" s="71">
        <v>364</v>
      </c>
      <c r="IS14" s="71">
        <v>317</v>
      </c>
      <c r="IT14" s="72">
        <v>2701</v>
      </c>
      <c r="IU14" s="73">
        <v>4663</v>
      </c>
      <c r="IV14" s="70">
        <v>1323</v>
      </c>
      <c r="IW14" s="71">
        <v>877</v>
      </c>
      <c r="IX14" s="72">
        <v>2200</v>
      </c>
      <c r="IY14" s="244"/>
      <c r="IZ14" s="71">
        <v>1438</v>
      </c>
      <c r="JA14" s="71">
        <v>726</v>
      </c>
      <c r="JB14" s="71">
        <v>581</v>
      </c>
      <c r="JC14" s="71">
        <v>498</v>
      </c>
      <c r="JD14" s="71">
        <v>430</v>
      </c>
      <c r="JE14" s="72">
        <v>3673</v>
      </c>
      <c r="JF14" s="73">
        <v>5873</v>
      </c>
      <c r="JG14" s="70">
        <v>664</v>
      </c>
      <c r="JH14" s="71">
        <v>664</v>
      </c>
      <c r="JI14" s="72">
        <v>1328</v>
      </c>
      <c r="JJ14" s="244"/>
      <c r="JK14" s="71">
        <v>1215</v>
      </c>
      <c r="JL14" s="71">
        <v>825</v>
      </c>
      <c r="JM14" s="71">
        <v>771</v>
      </c>
      <c r="JN14" s="71">
        <v>785</v>
      </c>
      <c r="JO14" s="71">
        <v>545</v>
      </c>
      <c r="JP14" s="72">
        <v>4141</v>
      </c>
      <c r="JQ14" s="73">
        <v>5469</v>
      </c>
      <c r="JR14" s="70">
        <v>69</v>
      </c>
      <c r="JS14" s="71">
        <v>73</v>
      </c>
      <c r="JT14" s="72">
        <v>142</v>
      </c>
      <c r="JU14" s="244"/>
      <c r="JV14" s="71">
        <v>128</v>
      </c>
      <c r="JW14" s="71">
        <v>80</v>
      </c>
      <c r="JX14" s="71">
        <v>46</v>
      </c>
      <c r="JY14" s="71">
        <v>38</v>
      </c>
      <c r="JZ14" s="71">
        <v>66</v>
      </c>
      <c r="KA14" s="72">
        <v>358</v>
      </c>
      <c r="KB14" s="73">
        <v>500</v>
      </c>
      <c r="KC14" s="70">
        <v>4337</v>
      </c>
      <c r="KD14" s="71">
        <v>3189</v>
      </c>
      <c r="KE14" s="72">
        <v>7526</v>
      </c>
      <c r="KF14" s="244"/>
      <c r="KG14" s="71">
        <v>4991</v>
      </c>
      <c r="KH14" s="71">
        <v>2806</v>
      </c>
      <c r="KI14" s="71">
        <v>2230</v>
      </c>
      <c r="KJ14" s="71">
        <v>2089</v>
      </c>
      <c r="KK14" s="71">
        <v>1717</v>
      </c>
      <c r="KL14" s="72">
        <v>13833</v>
      </c>
      <c r="KM14" s="73">
        <v>21359</v>
      </c>
    </row>
    <row r="15" spans="2:299" ht="19.5" customHeight="1" x14ac:dyDescent="0.2">
      <c r="B15" s="126" t="s">
        <v>11</v>
      </c>
      <c r="C15" s="316">
        <v>476</v>
      </c>
      <c r="D15" s="82">
        <v>335</v>
      </c>
      <c r="E15" s="83">
        <v>811</v>
      </c>
      <c r="F15" s="241"/>
      <c r="G15" s="82">
        <v>859</v>
      </c>
      <c r="H15" s="82">
        <v>547</v>
      </c>
      <c r="I15" s="82">
        <v>476</v>
      </c>
      <c r="J15" s="82">
        <v>398</v>
      </c>
      <c r="K15" s="82">
        <v>195</v>
      </c>
      <c r="L15" s="84">
        <v>2475</v>
      </c>
      <c r="M15" s="85">
        <v>3286</v>
      </c>
      <c r="N15" s="70">
        <v>14</v>
      </c>
      <c r="O15" s="71">
        <v>15</v>
      </c>
      <c r="P15" s="72">
        <v>29</v>
      </c>
      <c r="Q15" s="244"/>
      <c r="R15" s="71">
        <v>48</v>
      </c>
      <c r="S15" s="71">
        <v>29</v>
      </c>
      <c r="T15" s="71">
        <v>19</v>
      </c>
      <c r="U15" s="71">
        <v>16</v>
      </c>
      <c r="V15" s="71">
        <v>12</v>
      </c>
      <c r="W15" s="72">
        <v>124</v>
      </c>
      <c r="X15" s="73">
        <v>153</v>
      </c>
      <c r="Y15" s="70">
        <v>59</v>
      </c>
      <c r="Z15" s="71">
        <v>40</v>
      </c>
      <c r="AA15" s="72">
        <v>99</v>
      </c>
      <c r="AB15" s="244"/>
      <c r="AC15" s="71">
        <v>101</v>
      </c>
      <c r="AD15" s="71">
        <v>55</v>
      </c>
      <c r="AE15" s="71">
        <v>59</v>
      </c>
      <c r="AF15" s="71">
        <v>40</v>
      </c>
      <c r="AG15" s="71">
        <v>33</v>
      </c>
      <c r="AH15" s="72">
        <v>288</v>
      </c>
      <c r="AI15" s="73">
        <v>387</v>
      </c>
      <c r="AJ15" s="70">
        <v>70</v>
      </c>
      <c r="AK15" s="71">
        <v>61</v>
      </c>
      <c r="AL15" s="72">
        <v>131</v>
      </c>
      <c r="AM15" s="244"/>
      <c r="AN15" s="71">
        <v>150</v>
      </c>
      <c r="AO15" s="71">
        <v>96</v>
      </c>
      <c r="AP15" s="71">
        <v>82</v>
      </c>
      <c r="AQ15" s="71">
        <v>74</v>
      </c>
      <c r="AR15" s="71">
        <v>35</v>
      </c>
      <c r="AS15" s="72">
        <v>437</v>
      </c>
      <c r="AT15" s="73">
        <v>568</v>
      </c>
      <c r="AU15" s="70">
        <v>130</v>
      </c>
      <c r="AV15" s="71">
        <v>77</v>
      </c>
      <c r="AW15" s="72">
        <v>207</v>
      </c>
      <c r="AX15" s="244"/>
      <c r="AY15" s="71">
        <v>210</v>
      </c>
      <c r="AZ15" s="71">
        <v>134</v>
      </c>
      <c r="BA15" s="71">
        <v>108</v>
      </c>
      <c r="BB15" s="71">
        <v>90</v>
      </c>
      <c r="BC15" s="71">
        <v>44</v>
      </c>
      <c r="BD15" s="72">
        <v>586</v>
      </c>
      <c r="BE15" s="73">
        <v>793</v>
      </c>
      <c r="BF15" s="70">
        <v>128</v>
      </c>
      <c r="BG15" s="71">
        <v>95</v>
      </c>
      <c r="BH15" s="72">
        <v>223</v>
      </c>
      <c r="BI15" s="244"/>
      <c r="BJ15" s="71">
        <v>192</v>
      </c>
      <c r="BK15" s="71">
        <v>125</v>
      </c>
      <c r="BL15" s="71">
        <v>108</v>
      </c>
      <c r="BM15" s="71">
        <v>101</v>
      </c>
      <c r="BN15" s="71">
        <v>36</v>
      </c>
      <c r="BO15" s="72">
        <v>562</v>
      </c>
      <c r="BP15" s="73">
        <v>785</v>
      </c>
      <c r="BQ15" s="70">
        <v>75</v>
      </c>
      <c r="BR15" s="71">
        <v>47</v>
      </c>
      <c r="BS15" s="72">
        <v>122</v>
      </c>
      <c r="BT15" s="244"/>
      <c r="BU15" s="71">
        <v>158</v>
      </c>
      <c r="BV15" s="71">
        <v>108</v>
      </c>
      <c r="BW15" s="71">
        <v>100</v>
      </c>
      <c r="BX15" s="71">
        <v>77</v>
      </c>
      <c r="BY15" s="71">
        <v>35</v>
      </c>
      <c r="BZ15" s="72">
        <v>478</v>
      </c>
      <c r="CA15" s="73">
        <v>600</v>
      </c>
      <c r="CB15" s="70">
        <v>10</v>
      </c>
      <c r="CC15" s="71">
        <v>12</v>
      </c>
      <c r="CD15" s="72">
        <v>22</v>
      </c>
      <c r="CE15" s="244"/>
      <c r="CF15" s="71">
        <v>25</v>
      </c>
      <c r="CG15" s="71">
        <v>17</v>
      </c>
      <c r="CH15" s="71">
        <v>14</v>
      </c>
      <c r="CI15" s="71">
        <v>8</v>
      </c>
      <c r="CJ15" s="71">
        <v>13</v>
      </c>
      <c r="CK15" s="72">
        <v>77</v>
      </c>
      <c r="CL15" s="73">
        <v>99</v>
      </c>
      <c r="CM15" s="70">
        <v>486</v>
      </c>
      <c r="CN15" s="71">
        <v>347</v>
      </c>
      <c r="CO15" s="72">
        <v>833</v>
      </c>
      <c r="CP15" s="244"/>
      <c r="CQ15" s="71">
        <v>884</v>
      </c>
      <c r="CR15" s="71">
        <v>564</v>
      </c>
      <c r="CS15" s="71">
        <v>490</v>
      </c>
      <c r="CT15" s="71">
        <v>406</v>
      </c>
      <c r="CU15" s="71">
        <v>208</v>
      </c>
      <c r="CV15" s="72">
        <v>2552</v>
      </c>
      <c r="CW15" s="73">
        <v>3385</v>
      </c>
      <c r="CX15" s="123">
        <v>981</v>
      </c>
      <c r="CY15" s="82">
        <v>768</v>
      </c>
      <c r="CZ15" s="83">
        <v>1749</v>
      </c>
      <c r="DA15" s="241"/>
      <c r="DB15" s="82">
        <v>1824</v>
      </c>
      <c r="DC15" s="82">
        <v>1043</v>
      </c>
      <c r="DD15" s="82">
        <v>891</v>
      </c>
      <c r="DE15" s="82">
        <v>929</v>
      </c>
      <c r="DF15" s="82">
        <v>529</v>
      </c>
      <c r="DG15" s="84">
        <v>5216</v>
      </c>
      <c r="DH15" s="85">
        <v>6965</v>
      </c>
      <c r="DI15" s="70">
        <v>23</v>
      </c>
      <c r="DJ15" s="71">
        <v>19</v>
      </c>
      <c r="DK15" s="72">
        <v>42</v>
      </c>
      <c r="DL15" s="244"/>
      <c r="DM15" s="71">
        <v>50</v>
      </c>
      <c r="DN15" s="71">
        <v>22</v>
      </c>
      <c r="DO15" s="71">
        <v>12</v>
      </c>
      <c r="DP15" s="71">
        <v>17</v>
      </c>
      <c r="DQ15" s="71">
        <v>11</v>
      </c>
      <c r="DR15" s="72">
        <v>112</v>
      </c>
      <c r="DS15" s="73">
        <v>154</v>
      </c>
      <c r="DT15" s="70">
        <v>70</v>
      </c>
      <c r="DU15" s="71">
        <v>57</v>
      </c>
      <c r="DV15" s="72">
        <v>127</v>
      </c>
      <c r="DW15" s="244"/>
      <c r="DX15" s="71">
        <v>102</v>
      </c>
      <c r="DY15" s="71">
        <v>52</v>
      </c>
      <c r="DZ15" s="71">
        <v>49</v>
      </c>
      <c r="EA15" s="71">
        <v>39</v>
      </c>
      <c r="EB15" s="71">
        <v>42</v>
      </c>
      <c r="EC15" s="72">
        <v>284</v>
      </c>
      <c r="ED15" s="73">
        <v>411</v>
      </c>
      <c r="EE15" s="70">
        <v>118</v>
      </c>
      <c r="EF15" s="71">
        <v>102</v>
      </c>
      <c r="EG15" s="72">
        <v>220</v>
      </c>
      <c r="EH15" s="244"/>
      <c r="EI15" s="71">
        <v>180</v>
      </c>
      <c r="EJ15" s="71">
        <v>124</v>
      </c>
      <c r="EK15" s="71">
        <v>102</v>
      </c>
      <c r="EL15" s="71">
        <v>82</v>
      </c>
      <c r="EM15" s="71">
        <v>42</v>
      </c>
      <c r="EN15" s="72">
        <v>530</v>
      </c>
      <c r="EO15" s="73">
        <v>750</v>
      </c>
      <c r="EP15" s="70">
        <v>301</v>
      </c>
      <c r="EQ15" s="71">
        <v>220</v>
      </c>
      <c r="ER15" s="72">
        <v>521</v>
      </c>
      <c r="ES15" s="244"/>
      <c r="ET15" s="71">
        <v>410</v>
      </c>
      <c r="EU15" s="71">
        <v>203</v>
      </c>
      <c r="EV15" s="71">
        <v>139</v>
      </c>
      <c r="EW15" s="71">
        <v>153</v>
      </c>
      <c r="EX15" s="71">
        <v>86</v>
      </c>
      <c r="EY15" s="72">
        <v>991</v>
      </c>
      <c r="EZ15" s="73">
        <v>1512</v>
      </c>
      <c r="FA15" s="70">
        <v>303</v>
      </c>
      <c r="FB15" s="71">
        <v>217</v>
      </c>
      <c r="FC15" s="72">
        <v>520</v>
      </c>
      <c r="FD15" s="244"/>
      <c r="FE15" s="71">
        <v>583</v>
      </c>
      <c r="FF15" s="71">
        <v>302</v>
      </c>
      <c r="FG15" s="71">
        <v>240</v>
      </c>
      <c r="FH15" s="71">
        <v>248</v>
      </c>
      <c r="FI15" s="71">
        <v>151</v>
      </c>
      <c r="FJ15" s="72">
        <v>1524</v>
      </c>
      <c r="FK15" s="73">
        <v>2044</v>
      </c>
      <c r="FL15" s="70">
        <v>166</v>
      </c>
      <c r="FM15" s="71">
        <v>153</v>
      </c>
      <c r="FN15" s="72">
        <v>319</v>
      </c>
      <c r="FO15" s="244"/>
      <c r="FP15" s="71">
        <v>499</v>
      </c>
      <c r="FQ15" s="71">
        <v>340</v>
      </c>
      <c r="FR15" s="71">
        <v>349</v>
      </c>
      <c r="FS15" s="71">
        <v>390</v>
      </c>
      <c r="FT15" s="71">
        <v>197</v>
      </c>
      <c r="FU15" s="72">
        <v>1775</v>
      </c>
      <c r="FV15" s="73">
        <v>2094</v>
      </c>
      <c r="FW15" s="70">
        <v>9</v>
      </c>
      <c r="FX15" s="71">
        <v>10</v>
      </c>
      <c r="FY15" s="72">
        <v>19</v>
      </c>
      <c r="FZ15" s="244"/>
      <c r="GA15" s="71">
        <v>27</v>
      </c>
      <c r="GB15" s="71">
        <v>18</v>
      </c>
      <c r="GC15" s="71">
        <v>12</v>
      </c>
      <c r="GD15" s="71">
        <v>13</v>
      </c>
      <c r="GE15" s="71">
        <v>9</v>
      </c>
      <c r="GF15" s="72">
        <v>79</v>
      </c>
      <c r="GG15" s="73">
        <v>98</v>
      </c>
      <c r="GH15" s="70">
        <v>990</v>
      </c>
      <c r="GI15" s="71">
        <v>778</v>
      </c>
      <c r="GJ15" s="72">
        <v>1768</v>
      </c>
      <c r="GK15" s="244"/>
      <c r="GL15" s="71">
        <v>1851</v>
      </c>
      <c r="GM15" s="71">
        <v>1061</v>
      </c>
      <c r="GN15" s="71">
        <v>903</v>
      </c>
      <c r="GO15" s="71">
        <v>942</v>
      </c>
      <c r="GP15" s="71">
        <v>538</v>
      </c>
      <c r="GQ15" s="72">
        <v>5295</v>
      </c>
      <c r="GR15" s="73">
        <v>7063</v>
      </c>
      <c r="GS15" s="123">
        <v>1457</v>
      </c>
      <c r="GT15" s="82">
        <v>1103</v>
      </c>
      <c r="GU15" s="83">
        <v>2560</v>
      </c>
      <c r="GV15" s="241"/>
      <c r="GW15" s="82">
        <v>2683</v>
      </c>
      <c r="GX15" s="82">
        <v>1590</v>
      </c>
      <c r="GY15" s="82">
        <v>1367</v>
      </c>
      <c r="GZ15" s="82">
        <v>1327</v>
      </c>
      <c r="HA15" s="82">
        <v>724</v>
      </c>
      <c r="HB15" s="84">
        <v>7691</v>
      </c>
      <c r="HC15" s="85">
        <v>10251</v>
      </c>
      <c r="HD15" s="70">
        <v>37</v>
      </c>
      <c r="HE15" s="71">
        <v>34</v>
      </c>
      <c r="HF15" s="72">
        <v>71</v>
      </c>
      <c r="HG15" s="244"/>
      <c r="HH15" s="71">
        <v>98</v>
      </c>
      <c r="HI15" s="71">
        <v>51</v>
      </c>
      <c r="HJ15" s="71">
        <v>31</v>
      </c>
      <c r="HK15" s="71">
        <v>33</v>
      </c>
      <c r="HL15" s="71">
        <v>23</v>
      </c>
      <c r="HM15" s="72">
        <v>236</v>
      </c>
      <c r="HN15" s="73">
        <v>307</v>
      </c>
      <c r="HO15" s="70">
        <v>129</v>
      </c>
      <c r="HP15" s="71">
        <v>97</v>
      </c>
      <c r="HQ15" s="72">
        <v>226</v>
      </c>
      <c r="HR15" s="244"/>
      <c r="HS15" s="71">
        <v>203</v>
      </c>
      <c r="HT15" s="71">
        <v>107</v>
      </c>
      <c r="HU15" s="71">
        <v>108</v>
      </c>
      <c r="HV15" s="71">
        <v>79</v>
      </c>
      <c r="HW15" s="71">
        <v>75</v>
      </c>
      <c r="HX15" s="72">
        <v>572</v>
      </c>
      <c r="HY15" s="73">
        <v>798</v>
      </c>
      <c r="HZ15" s="70">
        <v>188</v>
      </c>
      <c r="IA15" s="71">
        <v>163</v>
      </c>
      <c r="IB15" s="72">
        <v>351</v>
      </c>
      <c r="IC15" s="244"/>
      <c r="ID15" s="71">
        <v>330</v>
      </c>
      <c r="IE15" s="71">
        <v>220</v>
      </c>
      <c r="IF15" s="71">
        <v>184</v>
      </c>
      <c r="IG15" s="71">
        <v>156</v>
      </c>
      <c r="IH15" s="71">
        <v>77</v>
      </c>
      <c r="II15" s="72">
        <v>967</v>
      </c>
      <c r="IJ15" s="73">
        <v>1318</v>
      </c>
      <c r="IK15" s="70">
        <v>431</v>
      </c>
      <c r="IL15" s="71">
        <v>297</v>
      </c>
      <c r="IM15" s="72">
        <v>728</v>
      </c>
      <c r="IN15" s="244"/>
      <c r="IO15" s="71">
        <v>620</v>
      </c>
      <c r="IP15" s="71">
        <v>337</v>
      </c>
      <c r="IQ15" s="71">
        <v>247</v>
      </c>
      <c r="IR15" s="71">
        <v>243</v>
      </c>
      <c r="IS15" s="71">
        <v>130</v>
      </c>
      <c r="IT15" s="72">
        <v>1577</v>
      </c>
      <c r="IU15" s="73">
        <v>2305</v>
      </c>
      <c r="IV15" s="70">
        <v>431</v>
      </c>
      <c r="IW15" s="71">
        <v>312</v>
      </c>
      <c r="IX15" s="72">
        <v>743</v>
      </c>
      <c r="IY15" s="244"/>
      <c r="IZ15" s="71">
        <v>775</v>
      </c>
      <c r="JA15" s="71">
        <v>427</v>
      </c>
      <c r="JB15" s="71">
        <v>348</v>
      </c>
      <c r="JC15" s="71">
        <v>349</v>
      </c>
      <c r="JD15" s="71">
        <v>187</v>
      </c>
      <c r="JE15" s="72">
        <v>2086</v>
      </c>
      <c r="JF15" s="73">
        <v>2829</v>
      </c>
      <c r="JG15" s="70">
        <v>241</v>
      </c>
      <c r="JH15" s="71">
        <v>200</v>
      </c>
      <c r="JI15" s="72">
        <v>441</v>
      </c>
      <c r="JJ15" s="244"/>
      <c r="JK15" s="71">
        <v>657</v>
      </c>
      <c r="JL15" s="71">
        <v>448</v>
      </c>
      <c r="JM15" s="71">
        <v>449</v>
      </c>
      <c r="JN15" s="71">
        <v>467</v>
      </c>
      <c r="JO15" s="71">
        <v>232</v>
      </c>
      <c r="JP15" s="72">
        <v>2253</v>
      </c>
      <c r="JQ15" s="73">
        <v>2694</v>
      </c>
      <c r="JR15" s="70">
        <v>19</v>
      </c>
      <c r="JS15" s="71">
        <v>22</v>
      </c>
      <c r="JT15" s="72">
        <v>41</v>
      </c>
      <c r="JU15" s="244"/>
      <c r="JV15" s="71">
        <v>52</v>
      </c>
      <c r="JW15" s="71">
        <v>35</v>
      </c>
      <c r="JX15" s="71">
        <v>26</v>
      </c>
      <c r="JY15" s="71">
        <v>21</v>
      </c>
      <c r="JZ15" s="71">
        <v>22</v>
      </c>
      <c r="KA15" s="72">
        <v>156</v>
      </c>
      <c r="KB15" s="73">
        <v>197</v>
      </c>
      <c r="KC15" s="70">
        <v>1476</v>
      </c>
      <c r="KD15" s="71">
        <v>1125</v>
      </c>
      <c r="KE15" s="72">
        <v>2601</v>
      </c>
      <c r="KF15" s="244"/>
      <c r="KG15" s="71">
        <v>2735</v>
      </c>
      <c r="KH15" s="71">
        <v>1625</v>
      </c>
      <c r="KI15" s="71">
        <v>1393</v>
      </c>
      <c r="KJ15" s="71">
        <v>1348</v>
      </c>
      <c r="KK15" s="71">
        <v>746</v>
      </c>
      <c r="KL15" s="72">
        <v>7847</v>
      </c>
      <c r="KM15" s="73">
        <v>10448</v>
      </c>
    </row>
    <row r="16" spans="2:299" ht="19.5" customHeight="1" x14ac:dyDescent="0.2">
      <c r="B16" s="126" t="s">
        <v>12</v>
      </c>
      <c r="C16" s="316">
        <v>697</v>
      </c>
      <c r="D16" s="82">
        <v>570</v>
      </c>
      <c r="E16" s="83">
        <v>1267</v>
      </c>
      <c r="F16" s="241"/>
      <c r="G16" s="82">
        <v>668</v>
      </c>
      <c r="H16" s="82">
        <v>628</v>
      </c>
      <c r="I16" s="82">
        <v>472</v>
      </c>
      <c r="J16" s="82">
        <v>430</v>
      </c>
      <c r="K16" s="82">
        <v>216</v>
      </c>
      <c r="L16" s="84">
        <v>2414</v>
      </c>
      <c r="M16" s="85">
        <v>3681</v>
      </c>
      <c r="N16" s="86">
        <v>24</v>
      </c>
      <c r="O16" s="71">
        <v>33</v>
      </c>
      <c r="P16" s="72">
        <v>57</v>
      </c>
      <c r="Q16" s="244"/>
      <c r="R16" s="71">
        <v>13</v>
      </c>
      <c r="S16" s="71">
        <v>33</v>
      </c>
      <c r="T16" s="71">
        <v>22</v>
      </c>
      <c r="U16" s="71">
        <v>20</v>
      </c>
      <c r="V16" s="71">
        <v>14</v>
      </c>
      <c r="W16" s="72">
        <v>102</v>
      </c>
      <c r="X16" s="73">
        <v>159</v>
      </c>
      <c r="Y16" s="70">
        <v>57</v>
      </c>
      <c r="Z16" s="71">
        <v>62</v>
      </c>
      <c r="AA16" s="72">
        <v>119</v>
      </c>
      <c r="AB16" s="244"/>
      <c r="AC16" s="71">
        <v>52</v>
      </c>
      <c r="AD16" s="71">
        <v>44</v>
      </c>
      <c r="AE16" s="71">
        <v>44</v>
      </c>
      <c r="AF16" s="71">
        <v>37</v>
      </c>
      <c r="AG16" s="71">
        <v>26</v>
      </c>
      <c r="AH16" s="72">
        <v>203</v>
      </c>
      <c r="AI16" s="73">
        <v>322</v>
      </c>
      <c r="AJ16" s="86">
        <v>86</v>
      </c>
      <c r="AK16" s="71">
        <v>102</v>
      </c>
      <c r="AL16" s="72">
        <v>188</v>
      </c>
      <c r="AM16" s="244"/>
      <c r="AN16" s="71">
        <v>74</v>
      </c>
      <c r="AO16" s="71">
        <v>91</v>
      </c>
      <c r="AP16" s="71">
        <v>76</v>
      </c>
      <c r="AQ16" s="71">
        <v>57</v>
      </c>
      <c r="AR16" s="71">
        <v>45</v>
      </c>
      <c r="AS16" s="72">
        <v>343</v>
      </c>
      <c r="AT16" s="73">
        <v>531</v>
      </c>
      <c r="AU16" s="70">
        <v>178</v>
      </c>
      <c r="AV16" s="71">
        <v>134</v>
      </c>
      <c r="AW16" s="72">
        <v>312</v>
      </c>
      <c r="AX16" s="244"/>
      <c r="AY16" s="71">
        <v>173</v>
      </c>
      <c r="AZ16" s="71">
        <v>162</v>
      </c>
      <c r="BA16" s="71">
        <v>102</v>
      </c>
      <c r="BB16" s="71">
        <v>97</v>
      </c>
      <c r="BC16" s="71">
        <v>52</v>
      </c>
      <c r="BD16" s="72">
        <v>586</v>
      </c>
      <c r="BE16" s="73">
        <v>898</v>
      </c>
      <c r="BF16" s="86">
        <v>223</v>
      </c>
      <c r="BG16" s="71">
        <v>129</v>
      </c>
      <c r="BH16" s="72">
        <v>352</v>
      </c>
      <c r="BI16" s="244"/>
      <c r="BJ16" s="71">
        <v>205</v>
      </c>
      <c r="BK16" s="71">
        <v>168</v>
      </c>
      <c r="BL16" s="71">
        <v>133</v>
      </c>
      <c r="BM16" s="71">
        <v>123</v>
      </c>
      <c r="BN16" s="71">
        <v>49</v>
      </c>
      <c r="BO16" s="72">
        <v>678</v>
      </c>
      <c r="BP16" s="73">
        <v>1030</v>
      </c>
      <c r="BQ16" s="70">
        <v>129</v>
      </c>
      <c r="BR16" s="71">
        <v>110</v>
      </c>
      <c r="BS16" s="72">
        <v>239</v>
      </c>
      <c r="BT16" s="244"/>
      <c r="BU16" s="71">
        <v>151</v>
      </c>
      <c r="BV16" s="71">
        <v>130</v>
      </c>
      <c r="BW16" s="71">
        <v>95</v>
      </c>
      <c r="BX16" s="71">
        <v>96</v>
      </c>
      <c r="BY16" s="71">
        <v>30</v>
      </c>
      <c r="BZ16" s="72">
        <v>502</v>
      </c>
      <c r="CA16" s="73">
        <v>741</v>
      </c>
      <c r="CB16" s="70">
        <v>13</v>
      </c>
      <c r="CC16" s="71">
        <v>25</v>
      </c>
      <c r="CD16" s="72">
        <v>38</v>
      </c>
      <c r="CE16" s="244"/>
      <c r="CF16" s="71">
        <v>11</v>
      </c>
      <c r="CG16" s="71">
        <v>18</v>
      </c>
      <c r="CH16" s="71">
        <v>15</v>
      </c>
      <c r="CI16" s="71">
        <v>14</v>
      </c>
      <c r="CJ16" s="71">
        <v>11</v>
      </c>
      <c r="CK16" s="72">
        <v>69</v>
      </c>
      <c r="CL16" s="73">
        <v>107</v>
      </c>
      <c r="CM16" s="70">
        <v>710</v>
      </c>
      <c r="CN16" s="71">
        <v>595</v>
      </c>
      <c r="CO16" s="72">
        <v>1305</v>
      </c>
      <c r="CP16" s="244"/>
      <c r="CQ16" s="71">
        <v>679</v>
      </c>
      <c r="CR16" s="71">
        <v>646</v>
      </c>
      <c r="CS16" s="71">
        <v>487</v>
      </c>
      <c r="CT16" s="71">
        <v>444</v>
      </c>
      <c r="CU16" s="71">
        <v>227</v>
      </c>
      <c r="CV16" s="72">
        <v>2483</v>
      </c>
      <c r="CW16" s="73">
        <v>3788</v>
      </c>
      <c r="CX16" s="123">
        <v>1325</v>
      </c>
      <c r="CY16" s="82">
        <v>1276</v>
      </c>
      <c r="CZ16" s="83">
        <v>2601</v>
      </c>
      <c r="DA16" s="241"/>
      <c r="DB16" s="82">
        <v>1392</v>
      </c>
      <c r="DC16" s="82">
        <v>1044</v>
      </c>
      <c r="DD16" s="82">
        <v>935</v>
      </c>
      <c r="DE16" s="82">
        <v>1004</v>
      </c>
      <c r="DF16" s="82">
        <v>670</v>
      </c>
      <c r="DG16" s="84">
        <v>5045</v>
      </c>
      <c r="DH16" s="85">
        <v>7646</v>
      </c>
      <c r="DI16" s="86">
        <v>27</v>
      </c>
      <c r="DJ16" s="71">
        <v>33</v>
      </c>
      <c r="DK16" s="72">
        <v>60</v>
      </c>
      <c r="DL16" s="244"/>
      <c r="DM16" s="71">
        <v>18</v>
      </c>
      <c r="DN16" s="71">
        <v>17</v>
      </c>
      <c r="DO16" s="71">
        <v>19</v>
      </c>
      <c r="DP16" s="71">
        <v>12</v>
      </c>
      <c r="DQ16" s="71">
        <v>13</v>
      </c>
      <c r="DR16" s="72">
        <v>79</v>
      </c>
      <c r="DS16" s="73">
        <v>139</v>
      </c>
      <c r="DT16" s="70">
        <v>81</v>
      </c>
      <c r="DU16" s="71">
        <v>101</v>
      </c>
      <c r="DV16" s="72">
        <v>182</v>
      </c>
      <c r="DW16" s="244"/>
      <c r="DX16" s="71">
        <v>59</v>
      </c>
      <c r="DY16" s="71">
        <v>50</v>
      </c>
      <c r="DZ16" s="71">
        <v>40</v>
      </c>
      <c r="EA16" s="71">
        <v>47</v>
      </c>
      <c r="EB16" s="71">
        <v>48</v>
      </c>
      <c r="EC16" s="72">
        <v>244</v>
      </c>
      <c r="ED16" s="73">
        <v>426</v>
      </c>
      <c r="EE16" s="86">
        <v>196</v>
      </c>
      <c r="EF16" s="71">
        <v>192</v>
      </c>
      <c r="EG16" s="72">
        <v>388</v>
      </c>
      <c r="EH16" s="244"/>
      <c r="EI16" s="71">
        <v>126</v>
      </c>
      <c r="EJ16" s="71">
        <v>111</v>
      </c>
      <c r="EK16" s="71">
        <v>87</v>
      </c>
      <c r="EL16" s="71">
        <v>81</v>
      </c>
      <c r="EM16" s="71">
        <v>61</v>
      </c>
      <c r="EN16" s="72">
        <v>466</v>
      </c>
      <c r="EO16" s="73">
        <v>854</v>
      </c>
      <c r="EP16" s="70">
        <v>369</v>
      </c>
      <c r="EQ16" s="71">
        <v>328</v>
      </c>
      <c r="ER16" s="72">
        <v>697</v>
      </c>
      <c r="ES16" s="244"/>
      <c r="ET16" s="71">
        <v>331</v>
      </c>
      <c r="EU16" s="71">
        <v>198</v>
      </c>
      <c r="EV16" s="71">
        <v>154</v>
      </c>
      <c r="EW16" s="71">
        <v>161</v>
      </c>
      <c r="EX16" s="71">
        <v>115</v>
      </c>
      <c r="EY16" s="72">
        <v>959</v>
      </c>
      <c r="EZ16" s="73">
        <v>1656</v>
      </c>
      <c r="FA16" s="86">
        <v>403</v>
      </c>
      <c r="FB16" s="71">
        <v>359</v>
      </c>
      <c r="FC16" s="72">
        <v>762</v>
      </c>
      <c r="FD16" s="244"/>
      <c r="FE16" s="71">
        <v>435</v>
      </c>
      <c r="FF16" s="71">
        <v>329</v>
      </c>
      <c r="FG16" s="71">
        <v>270</v>
      </c>
      <c r="FH16" s="71">
        <v>281</v>
      </c>
      <c r="FI16" s="71">
        <v>157</v>
      </c>
      <c r="FJ16" s="72">
        <v>1472</v>
      </c>
      <c r="FK16" s="73">
        <v>2234</v>
      </c>
      <c r="FL16" s="70">
        <v>249</v>
      </c>
      <c r="FM16" s="71">
        <v>263</v>
      </c>
      <c r="FN16" s="72">
        <v>512</v>
      </c>
      <c r="FO16" s="244"/>
      <c r="FP16" s="71">
        <v>423</v>
      </c>
      <c r="FQ16" s="71">
        <v>339</v>
      </c>
      <c r="FR16" s="71">
        <v>365</v>
      </c>
      <c r="FS16" s="71">
        <v>422</v>
      </c>
      <c r="FT16" s="71">
        <v>276</v>
      </c>
      <c r="FU16" s="72">
        <v>1825</v>
      </c>
      <c r="FV16" s="73">
        <v>2337</v>
      </c>
      <c r="FW16" s="70">
        <v>19</v>
      </c>
      <c r="FX16" s="71">
        <v>22</v>
      </c>
      <c r="FY16" s="72">
        <v>41</v>
      </c>
      <c r="FZ16" s="244"/>
      <c r="GA16" s="71">
        <v>13</v>
      </c>
      <c r="GB16" s="71">
        <v>10</v>
      </c>
      <c r="GC16" s="71">
        <v>10</v>
      </c>
      <c r="GD16" s="71">
        <v>20</v>
      </c>
      <c r="GE16" s="71">
        <v>6</v>
      </c>
      <c r="GF16" s="72">
        <v>59</v>
      </c>
      <c r="GG16" s="73">
        <v>100</v>
      </c>
      <c r="GH16" s="70">
        <v>1344</v>
      </c>
      <c r="GI16" s="71">
        <v>1298</v>
      </c>
      <c r="GJ16" s="72">
        <v>2642</v>
      </c>
      <c r="GK16" s="244"/>
      <c r="GL16" s="71">
        <v>1405</v>
      </c>
      <c r="GM16" s="71">
        <v>1054</v>
      </c>
      <c r="GN16" s="71">
        <v>945</v>
      </c>
      <c r="GO16" s="71">
        <v>1024</v>
      </c>
      <c r="GP16" s="71">
        <v>676</v>
      </c>
      <c r="GQ16" s="72">
        <v>5104</v>
      </c>
      <c r="GR16" s="73">
        <v>7746</v>
      </c>
      <c r="GS16" s="123">
        <v>2022</v>
      </c>
      <c r="GT16" s="82">
        <v>1846</v>
      </c>
      <c r="GU16" s="83">
        <v>3868</v>
      </c>
      <c r="GV16" s="241"/>
      <c r="GW16" s="82">
        <v>2060</v>
      </c>
      <c r="GX16" s="82">
        <v>1672</v>
      </c>
      <c r="GY16" s="82">
        <v>1407</v>
      </c>
      <c r="GZ16" s="82">
        <v>1434</v>
      </c>
      <c r="HA16" s="82">
        <v>886</v>
      </c>
      <c r="HB16" s="84">
        <v>7459</v>
      </c>
      <c r="HC16" s="85">
        <v>11327</v>
      </c>
      <c r="HD16" s="86">
        <v>51</v>
      </c>
      <c r="HE16" s="71">
        <v>66</v>
      </c>
      <c r="HF16" s="72">
        <v>117</v>
      </c>
      <c r="HG16" s="244"/>
      <c r="HH16" s="71">
        <v>31</v>
      </c>
      <c r="HI16" s="71">
        <v>50</v>
      </c>
      <c r="HJ16" s="71">
        <v>41</v>
      </c>
      <c r="HK16" s="71">
        <v>32</v>
      </c>
      <c r="HL16" s="71">
        <v>27</v>
      </c>
      <c r="HM16" s="72">
        <v>181</v>
      </c>
      <c r="HN16" s="73">
        <v>298</v>
      </c>
      <c r="HO16" s="70">
        <v>138</v>
      </c>
      <c r="HP16" s="71">
        <v>163</v>
      </c>
      <c r="HQ16" s="72">
        <v>301</v>
      </c>
      <c r="HR16" s="244"/>
      <c r="HS16" s="71">
        <v>111</v>
      </c>
      <c r="HT16" s="71">
        <v>94</v>
      </c>
      <c r="HU16" s="71">
        <v>84</v>
      </c>
      <c r="HV16" s="71">
        <v>84</v>
      </c>
      <c r="HW16" s="71">
        <v>74</v>
      </c>
      <c r="HX16" s="72">
        <v>447</v>
      </c>
      <c r="HY16" s="73">
        <v>748</v>
      </c>
      <c r="HZ16" s="86">
        <v>282</v>
      </c>
      <c r="IA16" s="71">
        <v>294</v>
      </c>
      <c r="IB16" s="72">
        <v>576</v>
      </c>
      <c r="IC16" s="244"/>
      <c r="ID16" s="71">
        <v>200</v>
      </c>
      <c r="IE16" s="71">
        <v>202</v>
      </c>
      <c r="IF16" s="71">
        <v>163</v>
      </c>
      <c r="IG16" s="71">
        <v>138</v>
      </c>
      <c r="IH16" s="71">
        <v>106</v>
      </c>
      <c r="II16" s="72">
        <v>809</v>
      </c>
      <c r="IJ16" s="73">
        <v>1385</v>
      </c>
      <c r="IK16" s="70">
        <v>547</v>
      </c>
      <c r="IL16" s="71">
        <v>462</v>
      </c>
      <c r="IM16" s="72">
        <v>1009</v>
      </c>
      <c r="IN16" s="244"/>
      <c r="IO16" s="71">
        <v>504</v>
      </c>
      <c r="IP16" s="71">
        <v>360</v>
      </c>
      <c r="IQ16" s="71">
        <v>256</v>
      </c>
      <c r="IR16" s="71">
        <v>258</v>
      </c>
      <c r="IS16" s="71">
        <v>167</v>
      </c>
      <c r="IT16" s="72">
        <v>1545</v>
      </c>
      <c r="IU16" s="73">
        <v>2554</v>
      </c>
      <c r="IV16" s="86">
        <v>626</v>
      </c>
      <c r="IW16" s="71">
        <v>488</v>
      </c>
      <c r="IX16" s="72">
        <v>1114</v>
      </c>
      <c r="IY16" s="244"/>
      <c r="IZ16" s="71">
        <v>640</v>
      </c>
      <c r="JA16" s="71">
        <v>497</v>
      </c>
      <c r="JB16" s="71">
        <v>403</v>
      </c>
      <c r="JC16" s="71">
        <v>404</v>
      </c>
      <c r="JD16" s="71">
        <v>206</v>
      </c>
      <c r="JE16" s="72">
        <v>2150</v>
      </c>
      <c r="JF16" s="73">
        <v>3264</v>
      </c>
      <c r="JG16" s="70">
        <v>378</v>
      </c>
      <c r="JH16" s="71">
        <v>373</v>
      </c>
      <c r="JI16" s="72">
        <v>751</v>
      </c>
      <c r="JJ16" s="244"/>
      <c r="JK16" s="71">
        <v>574</v>
      </c>
      <c r="JL16" s="71">
        <v>469</v>
      </c>
      <c r="JM16" s="71">
        <v>460</v>
      </c>
      <c r="JN16" s="71">
        <v>518</v>
      </c>
      <c r="JO16" s="71">
        <v>306</v>
      </c>
      <c r="JP16" s="72">
        <v>2327</v>
      </c>
      <c r="JQ16" s="73">
        <v>3078</v>
      </c>
      <c r="JR16" s="70">
        <v>32</v>
      </c>
      <c r="JS16" s="71">
        <v>47</v>
      </c>
      <c r="JT16" s="72">
        <v>79</v>
      </c>
      <c r="JU16" s="244"/>
      <c r="JV16" s="71">
        <v>24</v>
      </c>
      <c r="JW16" s="71">
        <v>28</v>
      </c>
      <c r="JX16" s="71">
        <v>25</v>
      </c>
      <c r="JY16" s="71">
        <v>34</v>
      </c>
      <c r="JZ16" s="71">
        <v>17</v>
      </c>
      <c r="KA16" s="72">
        <v>128</v>
      </c>
      <c r="KB16" s="73">
        <v>207</v>
      </c>
      <c r="KC16" s="70">
        <v>2054</v>
      </c>
      <c r="KD16" s="71">
        <v>1893</v>
      </c>
      <c r="KE16" s="72">
        <v>3947</v>
      </c>
      <c r="KF16" s="244"/>
      <c r="KG16" s="71">
        <v>2084</v>
      </c>
      <c r="KH16" s="71">
        <v>1700</v>
      </c>
      <c r="KI16" s="71">
        <v>1432</v>
      </c>
      <c r="KJ16" s="71">
        <v>1468</v>
      </c>
      <c r="KK16" s="71">
        <v>903</v>
      </c>
      <c r="KL16" s="72">
        <v>7587</v>
      </c>
      <c r="KM16" s="73">
        <v>11534</v>
      </c>
    </row>
    <row r="17" spans="2:299" ht="19.5" customHeight="1" x14ac:dyDescent="0.2">
      <c r="B17" s="126" t="s">
        <v>13</v>
      </c>
      <c r="C17" s="316">
        <v>149</v>
      </c>
      <c r="D17" s="82">
        <v>187</v>
      </c>
      <c r="E17" s="83">
        <v>336</v>
      </c>
      <c r="F17" s="241"/>
      <c r="G17" s="82">
        <v>298</v>
      </c>
      <c r="H17" s="82">
        <v>247</v>
      </c>
      <c r="I17" s="82">
        <v>177</v>
      </c>
      <c r="J17" s="82">
        <v>163</v>
      </c>
      <c r="K17" s="82">
        <v>94</v>
      </c>
      <c r="L17" s="84">
        <v>979</v>
      </c>
      <c r="M17" s="85">
        <v>1315</v>
      </c>
      <c r="N17" s="70">
        <v>5</v>
      </c>
      <c r="O17" s="71">
        <v>1</v>
      </c>
      <c r="P17" s="72">
        <v>6</v>
      </c>
      <c r="Q17" s="244"/>
      <c r="R17" s="71">
        <v>17</v>
      </c>
      <c r="S17" s="71">
        <v>7</v>
      </c>
      <c r="T17" s="71">
        <v>5</v>
      </c>
      <c r="U17" s="71">
        <v>8</v>
      </c>
      <c r="V17" s="71">
        <v>3</v>
      </c>
      <c r="W17" s="72">
        <v>40</v>
      </c>
      <c r="X17" s="73">
        <v>46</v>
      </c>
      <c r="Y17" s="70">
        <v>14</v>
      </c>
      <c r="Z17" s="71">
        <v>12</v>
      </c>
      <c r="AA17" s="72">
        <v>26</v>
      </c>
      <c r="AB17" s="244"/>
      <c r="AC17" s="71">
        <v>23</v>
      </c>
      <c r="AD17" s="71">
        <v>20</v>
      </c>
      <c r="AE17" s="71">
        <v>12</v>
      </c>
      <c r="AF17" s="71">
        <v>12</v>
      </c>
      <c r="AG17" s="71">
        <v>13</v>
      </c>
      <c r="AH17" s="72">
        <v>80</v>
      </c>
      <c r="AI17" s="73">
        <v>106</v>
      </c>
      <c r="AJ17" s="70">
        <v>16</v>
      </c>
      <c r="AK17" s="71">
        <v>15</v>
      </c>
      <c r="AL17" s="72">
        <v>31</v>
      </c>
      <c r="AM17" s="244"/>
      <c r="AN17" s="71">
        <v>33</v>
      </c>
      <c r="AO17" s="71">
        <v>33</v>
      </c>
      <c r="AP17" s="71">
        <v>23</v>
      </c>
      <c r="AQ17" s="71">
        <v>19</v>
      </c>
      <c r="AR17" s="71">
        <v>13</v>
      </c>
      <c r="AS17" s="72">
        <v>121</v>
      </c>
      <c r="AT17" s="73">
        <v>152</v>
      </c>
      <c r="AU17" s="70">
        <v>30</v>
      </c>
      <c r="AV17" s="71">
        <v>66</v>
      </c>
      <c r="AW17" s="72">
        <v>96</v>
      </c>
      <c r="AX17" s="244"/>
      <c r="AY17" s="71">
        <v>68</v>
      </c>
      <c r="AZ17" s="71">
        <v>40</v>
      </c>
      <c r="BA17" s="71">
        <v>36</v>
      </c>
      <c r="BB17" s="71">
        <v>34</v>
      </c>
      <c r="BC17" s="71">
        <v>26</v>
      </c>
      <c r="BD17" s="72">
        <v>204</v>
      </c>
      <c r="BE17" s="73">
        <v>300</v>
      </c>
      <c r="BF17" s="70">
        <v>51</v>
      </c>
      <c r="BG17" s="71">
        <v>56</v>
      </c>
      <c r="BH17" s="72">
        <v>107</v>
      </c>
      <c r="BI17" s="244"/>
      <c r="BJ17" s="71">
        <v>86</v>
      </c>
      <c r="BK17" s="71">
        <v>80</v>
      </c>
      <c r="BL17" s="71">
        <v>54</v>
      </c>
      <c r="BM17" s="71">
        <v>53</v>
      </c>
      <c r="BN17" s="71">
        <v>19</v>
      </c>
      <c r="BO17" s="72">
        <v>292</v>
      </c>
      <c r="BP17" s="73">
        <v>399</v>
      </c>
      <c r="BQ17" s="70">
        <v>33</v>
      </c>
      <c r="BR17" s="71">
        <v>37</v>
      </c>
      <c r="BS17" s="72">
        <v>70</v>
      </c>
      <c r="BT17" s="244"/>
      <c r="BU17" s="71">
        <v>71</v>
      </c>
      <c r="BV17" s="71">
        <v>67</v>
      </c>
      <c r="BW17" s="71">
        <v>47</v>
      </c>
      <c r="BX17" s="71">
        <v>37</v>
      </c>
      <c r="BY17" s="71">
        <v>20</v>
      </c>
      <c r="BZ17" s="72">
        <v>242</v>
      </c>
      <c r="CA17" s="73">
        <v>312</v>
      </c>
      <c r="CB17" s="70">
        <v>4</v>
      </c>
      <c r="CC17" s="71">
        <v>3</v>
      </c>
      <c r="CD17" s="72">
        <v>7</v>
      </c>
      <c r="CE17" s="244"/>
      <c r="CF17" s="71">
        <v>8</v>
      </c>
      <c r="CG17" s="71">
        <v>6</v>
      </c>
      <c r="CH17" s="71">
        <v>11</v>
      </c>
      <c r="CI17" s="71">
        <v>2</v>
      </c>
      <c r="CJ17" s="71">
        <v>7</v>
      </c>
      <c r="CK17" s="72">
        <v>34</v>
      </c>
      <c r="CL17" s="73">
        <v>41</v>
      </c>
      <c r="CM17" s="70">
        <v>153</v>
      </c>
      <c r="CN17" s="71">
        <v>190</v>
      </c>
      <c r="CO17" s="72">
        <v>343</v>
      </c>
      <c r="CP17" s="244"/>
      <c r="CQ17" s="71">
        <v>306</v>
      </c>
      <c r="CR17" s="71">
        <v>253</v>
      </c>
      <c r="CS17" s="71">
        <v>188</v>
      </c>
      <c r="CT17" s="71">
        <v>165</v>
      </c>
      <c r="CU17" s="71">
        <v>101</v>
      </c>
      <c r="CV17" s="72">
        <v>1013</v>
      </c>
      <c r="CW17" s="73">
        <v>1356</v>
      </c>
      <c r="CX17" s="123">
        <v>380</v>
      </c>
      <c r="CY17" s="82">
        <v>412</v>
      </c>
      <c r="CZ17" s="83">
        <v>792</v>
      </c>
      <c r="DA17" s="241"/>
      <c r="DB17" s="82">
        <v>601</v>
      </c>
      <c r="DC17" s="82">
        <v>475</v>
      </c>
      <c r="DD17" s="82">
        <v>343</v>
      </c>
      <c r="DE17" s="82">
        <v>372</v>
      </c>
      <c r="DF17" s="82">
        <v>302</v>
      </c>
      <c r="DG17" s="84">
        <v>2093</v>
      </c>
      <c r="DH17" s="85">
        <v>2885</v>
      </c>
      <c r="DI17" s="70">
        <v>4</v>
      </c>
      <c r="DJ17" s="71">
        <v>5</v>
      </c>
      <c r="DK17" s="72">
        <v>9</v>
      </c>
      <c r="DL17" s="244"/>
      <c r="DM17" s="71">
        <v>7</v>
      </c>
      <c r="DN17" s="71">
        <v>9</v>
      </c>
      <c r="DO17" s="71">
        <v>2</v>
      </c>
      <c r="DP17" s="71">
        <v>5</v>
      </c>
      <c r="DQ17" s="71">
        <v>3</v>
      </c>
      <c r="DR17" s="72">
        <v>26</v>
      </c>
      <c r="DS17" s="73">
        <v>35</v>
      </c>
      <c r="DT17" s="70">
        <v>16</v>
      </c>
      <c r="DU17" s="71">
        <v>33</v>
      </c>
      <c r="DV17" s="72">
        <v>49</v>
      </c>
      <c r="DW17" s="244"/>
      <c r="DX17" s="71">
        <v>26</v>
      </c>
      <c r="DY17" s="71">
        <v>22</v>
      </c>
      <c r="DZ17" s="71">
        <v>13</v>
      </c>
      <c r="EA17" s="71">
        <v>12</v>
      </c>
      <c r="EB17" s="71">
        <v>15</v>
      </c>
      <c r="EC17" s="72">
        <v>88</v>
      </c>
      <c r="ED17" s="73">
        <v>137</v>
      </c>
      <c r="EE17" s="70">
        <v>41</v>
      </c>
      <c r="EF17" s="71">
        <v>43</v>
      </c>
      <c r="EG17" s="72">
        <v>84</v>
      </c>
      <c r="EH17" s="244"/>
      <c r="EI17" s="71">
        <v>78</v>
      </c>
      <c r="EJ17" s="71">
        <v>48</v>
      </c>
      <c r="EK17" s="71">
        <v>29</v>
      </c>
      <c r="EL17" s="71">
        <v>21</v>
      </c>
      <c r="EM17" s="71">
        <v>29</v>
      </c>
      <c r="EN17" s="72">
        <v>205</v>
      </c>
      <c r="EO17" s="73">
        <v>289</v>
      </c>
      <c r="EP17" s="70">
        <v>113</v>
      </c>
      <c r="EQ17" s="71">
        <v>103</v>
      </c>
      <c r="ER17" s="72">
        <v>216</v>
      </c>
      <c r="ES17" s="244"/>
      <c r="ET17" s="71">
        <v>131</v>
      </c>
      <c r="EU17" s="71">
        <v>81</v>
      </c>
      <c r="EV17" s="71">
        <v>51</v>
      </c>
      <c r="EW17" s="71">
        <v>51</v>
      </c>
      <c r="EX17" s="71">
        <v>51</v>
      </c>
      <c r="EY17" s="72">
        <v>365</v>
      </c>
      <c r="EZ17" s="73">
        <v>581</v>
      </c>
      <c r="FA17" s="70">
        <v>120</v>
      </c>
      <c r="FB17" s="71">
        <v>129</v>
      </c>
      <c r="FC17" s="72">
        <v>249</v>
      </c>
      <c r="FD17" s="244"/>
      <c r="FE17" s="71">
        <v>197</v>
      </c>
      <c r="FF17" s="71">
        <v>139</v>
      </c>
      <c r="FG17" s="71">
        <v>96</v>
      </c>
      <c r="FH17" s="71">
        <v>98</v>
      </c>
      <c r="FI17" s="71">
        <v>69</v>
      </c>
      <c r="FJ17" s="72">
        <v>599</v>
      </c>
      <c r="FK17" s="73">
        <v>848</v>
      </c>
      <c r="FL17" s="70">
        <v>86</v>
      </c>
      <c r="FM17" s="71">
        <v>99</v>
      </c>
      <c r="FN17" s="72">
        <v>185</v>
      </c>
      <c r="FO17" s="244"/>
      <c r="FP17" s="71">
        <v>162</v>
      </c>
      <c r="FQ17" s="71">
        <v>176</v>
      </c>
      <c r="FR17" s="71">
        <v>152</v>
      </c>
      <c r="FS17" s="71">
        <v>185</v>
      </c>
      <c r="FT17" s="71">
        <v>135</v>
      </c>
      <c r="FU17" s="72">
        <v>810</v>
      </c>
      <c r="FV17" s="73">
        <v>995</v>
      </c>
      <c r="FW17" s="70">
        <v>2</v>
      </c>
      <c r="FX17" s="71">
        <v>1</v>
      </c>
      <c r="FY17" s="72">
        <v>3</v>
      </c>
      <c r="FZ17" s="244"/>
      <c r="GA17" s="71">
        <v>7</v>
      </c>
      <c r="GB17" s="71">
        <v>5</v>
      </c>
      <c r="GC17" s="71">
        <v>8</v>
      </c>
      <c r="GD17" s="71">
        <v>4</v>
      </c>
      <c r="GE17" s="71">
        <v>4</v>
      </c>
      <c r="GF17" s="72">
        <v>28</v>
      </c>
      <c r="GG17" s="73">
        <v>31</v>
      </c>
      <c r="GH17" s="70">
        <v>382</v>
      </c>
      <c r="GI17" s="71">
        <v>413</v>
      </c>
      <c r="GJ17" s="72">
        <v>795</v>
      </c>
      <c r="GK17" s="244"/>
      <c r="GL17" s="71">
        <v>608</v>
      </c>
      <c r="GM17" s="71">
        <v>480</v>
      </c>
      <c r="GN17" s="71">
        <v>351</v>
      </c>
      <c r="GO17" s="71">
        <v>376</v>
      </c>
      <c r="GP17" s="71">
        <v>306</v>
      </c>
      <c r="GQ17" s="72">
        <v>2121</v>
      </c>
      <c r="GR17" s="73">
        <v>2916</v>
      </c>
      <c r="GS17" s="123">
        <v>529</v>
      </c>
      <c r="GT17" s="82">
        <v>599</v>
      </c>
      <c r="GU17" s="83">
        <v>1128</v>
      </c>
      <c r="GV17" s="241"/>
      <c r="GW17" s="82">
        <v>899</v>
      </c>
      <c r="GX17" s="82">
        <v>722</v>
      </c>
      <c r="GY17" s="82">
        <v>520</v>
      </c>
      <c r="GZ17" s="82">
        <v>535</v>
      </c>
      <c r="HA17" s="82">
        <v>396</v>
      </c>
      <c r="HB17" s="84">
        <v>3072</v>
      </c>
      <c r="HC17" s="85">
        <v>4200</v>
      </c>
      <c r="HD17" s="70">
        <v>9</v>
      </c>
      <c r="HE17" s="71">
        <v>6</v>
      </c>
      <c r="HF17" s="72">
        <v>15</v>
      </c>
      <c r="HG17" s="244"/>
      <c r="HH17" s="71">
        <v>24</v>
      </c>
      <c r="HI17" s="71">
        <v>16</v>
      </c>
      <c r="HJ17" s="71">
        <v>7</v>
      </c>
      <c r="HK17" s="71">
        <v>13</v>
      </c>
      <c r="HL17" s="71">
        <v>6</v>
      </c>
      <c r="HM17" s="72">
        <v>66</v>
      </c>
      <c r="HN17" s="73">
        <v>81</v>
      </c>
      <c r="HO17" s="70">
        <v>30</v>
      </c>
      <c r="HP17" s="71">
        <v>45</v>
      </c>
      <c r="HQ17" s="72">
        <v>75</v>
      </c>
      <c r="HR17" s="244"/>
      <c r="HS17" s="71">
        <v>49</v>
      </c>
      <c r="HT17" s="71">
        <v>42</v>
      </c>
      <c r="HU17" s="71">
        <v>25</v>
      </c>
      <c r="HV17" s="71">
        <v>24</v>
      </c>
      <c r="HW17" s="71">
        <v>28</v>
      </c>
      <c r="HX17" s="72">
        <v>168</v>
      </c>
      <c r="HY17" s="73">
        <v>243</v>
      </c>
      <c r="HZ17" s="70">
        <v>57</v>
      </c>
      <c r="IA17" s="71">
        <v>58</v>
      </c>
      <c r="IB17" s="72">
        <v>115</v>
      </c>
      <c r="IC17" s="244"/>
      <c r="ID17" s="71">
        <v>111</v>
      </c>
      <c r="IE17" s="71">
        <v>81</v>
      </c>
      <c r="IF17" s="71">
        <v>52</v>
      </c>
      <c r="IG17" s="71">
        <v>40</v>
      </c>
      <c r="IH17" s="71">
        <v>42</v>
      </c>
      <c r="II17" s="72">
        <v>326</v>
      </c>
      <c r="IJ17" s="73">
        <v>441</v>
      </c>
      <c r="IK17" s="70">
        <v>143</v>
      </c>
      <c r="IL17" s="71">
        <v>169</v>
      </c>
      <c r="IM17" s="72">
        <v>312</v>
      </c>
      <c r="IN17" s="244"/>
      <c r="IO17" s="71">
        <v>199</v>
      </c>
      <c r="IP17" s="71">
        <v>121</v>
      </c>
      <c r="IQ17" s="71">
        <v>87</v>
      </c>
      <c r="IR17" s="71">
        <v>85</v>
      </c>
      <c r="IS17" s="71">
        <v>77</v>
      </c>
      <c r="IT17" s="72">
        <v>569</v>
      </c>
      <c r="IU17" s="73">
        <v>881</v>
      </c>
      <c r="IV17" s="70">
        <v>171</v>
      </c>
      <c r="IW17" s="71">
        <v>185</v>
      </c>
      <c r="IX17" s="72">
        <v>356</v>
      </c>
      <c r="IY17" s="244"/>
      <c r="IZ17" s="71">
        <v>283</v>
      </c>
      <c r="JA17" s="71">
        <v>219</v>
      </c>
      <c r="JB17" s="71">
        <v>150</v>
      </c>
      <c r="JC17" s="71">
        <v>151</v>
      </c>
      <c r="JD17" s="71">
        <v>88</v>
      </c>
      <c r="JE17" s="72">
        <v>891</v>
      </c>
      <c r="JF17" s="73">
        <v>1247</v>
      </c>
      <c r="JG17" s="70">
        <v>119</v>
      </c>
      <c r="JH17" s="71">
        <v>136</v>
      </c>
      <c r="JI17" s="72">
        <v>255</v>
      </c>
      <c r="JJ17" s="244"/>
      <c r="JK17" s="71">
        <v>233</v>
      </c>
      <c r="JL17" s="71">
        <v>243</v>
      </c>
      <c r="JM17" s="71">
        <v>199</v>
      </c>
      <c r="JN17" s="71">
        <v>222</v>
      </c>
      <c r="JO17" s="71">
        <v>155</v>
      </c>
      <c r="JP17" s="72">
        <v>1052</v>
      </c>
      <c r="JQ17" s="73">
        <v>1307</v>
      </c>
      <c r="JR17" s="70">
        <v>6</v>
      </c>
      <c r="JS17" s="71">
        <v>4</v>
      </c>
      <c r="JT17" s="72">
        <v>10</v>
      </c>
      <c r="JU17" s="244"/>
      <c r="JV17" s="71">
        <v>15</v>
      </c>
      <c r="JW17" s="71">
        <v>11</v>
      </c>
      <c r="JX17" s="71">
        <v>19</v>
      </c>
      <c r="JY17" s="71">
        <v>6</v>
      </c>
      <c r="JZ17" s="71">
        <v>11</v>
      </c>
      <c r="KA17" s="72">
        <v>62</v>
      </c>
      <c r="KB17" s="73">
        <v>72</v>
      </c>
      <c r="KC17" s="70">
        <v>535</v>
      </c>
      <c r="KD17" s="71">
        <v>603</v>
      </c>
      <c r="KE17" s="72">
        <v>1138</v>
      </c>
      <c r="KF17" s="244"/>
      <c r="KG17" s="71">
        <v>914</v>
      </c>
      <c r="KH17" s="71">
        <v>733</v>
      </c>
      <c r="KI17" s="71">
        <v>539</v>
      </c>
      <c r="KJ17" s="71">
        <v>541</v>
      </c>
      <c r="KK17" s="71">
        <v>407</v>
      </c>
      <c r="KL17" s="72">
        <v>3134</v>
      </c>
      <c r="KM17" s="73">
        <v>4272</v>
      </c>
    </row>
    <row r="18" spans="2:299" ht="19.5" customHeight="1" x14ac:dyDescent="0.2">
      <c r="B18" s="126" t="s">
        <v>15</v>
      </c>
      <c r="C18" s="316">
        <v>105</v>
      </c>
      <c r="D18" s="82">
        <v>141</v>
      </c>
      <c r="E18" s="83">
        <v>246</v>
      </c>
      <c r="F18" s="241"/>
      <c r="G18" s="82">
        <v>246</v>
      </c>
      <c r="H18" s="82">
        <v>218</v>
      </c>
      <c r="I18" s="82">
        <v>150</v>
      </c>
      <c r="J18" s="82">
        <v>133</v>
      </c>
      <c r="K18" s="82">
        <v>76</v>
      </c>
      <c r="L18" s="84">
        <v>823</v>
      </c>
      <c r="M18" s="85">
        <v>1069</v>
      </c>
      <c r="N18" s="70">
        <v>4</v>
      </c>
      <c r="O18" s="71">
        <v>5</v>
      </c>
      <c r="P18" s="72">
        <v>9</v>
      </c>
      <c r="Q18" s="244"/>
      <c r="R18" s="71">
        <v>11</v>
      </c>
      <c r="S18" s="71">
        <v>8</v>
      </c>
      <c r="T18" s="71">
        <v>12</v>
      </c>
      <c r="U18" s="71">
        <v>7</v>
      </c>
      <c r="V18" s="71">
        <v>6</v>
      </c>
      <c r="W18" s="72">
        <v>44</v>
      </c>
      <c r="X18" s="73">
        <v>53</v>
      </c>
      <c r="Y18" s="70">
        <v>9</v>
      </c>
      <c r="Z18" s="71">
        <v>10</v>
      </c>
      <c r="AA18" s="72">
        <v>19</v>
      </c>
      <c r="AB18" s="244"/>
      <c r="AC18" s="71">
        <v>29</v>
      </c>
      <c r="AD18" s="71">
        <v>28</v>
      </c>
      <c r="AE18" s="71">
        <v>20</v>
      </c>
      <c r="AF18" s="71">
        <v>17</v>
      </c>
      <c r="AG18" s="71">
        <v>7</v>
      </c>
      <c r="AH18" s="72">
        <v>101</v>
      </c>
      <c r="AI18" s="73">
        <v>120</v>
      </c>
      <c r="AJ18" s="70">
        <v>21</v>
      </c>
      <c r="AK18" s="71">
        <v>25</v>
      </c>
      <c r="AL18" s="72">
        <v>46</v>
      </c>
      <c r="AM18" s="244"/>
      <c r="AN18" s="71">
        <v>47</v>
      </c>
      <c r="AO18" s="71">
        <v>43</v>
      </c>
      <c r="AP18" s="71">
        <v>14</v>
      </c>
      <c r="AQ18" s="71">
        <v>18</v>
      </c>
      <c r="AR18" s="71">
        <v>13</v>
      </c>
      <c r="AS18" s="72">
        <v>135</v>
      </c>
      <c r="AT18" s="73">
        <v>181</v>
      </c>
      <c r="AU18" s="70">
        <v>27</v>
      </c>
      <c r="AV18" s="71">
        <v>38</v>
      </c>
      <c r="AW18" s="72">
        <v>65</v>
      </c>
      <c r="AX18" s="244"/>
      <c r="AY18" s="71">
        <v>56</v>
      </c>
      <c r="AZ18" s="71">
        <v>55</v>
      </c>
      <c r="BA18" s="71">
        <v>38</v>
      </c>
      <c r="BB18" s="71">
        <v>28</v>
      </c>
      <c r="BC18" s="71">
        <v>21</v>
      </c>
      <c r="BD18" s="72">
        <v>198</v>
      </c>
      <c r="BE18" s="73">
        <v>263</v>
      </c>
      <c r="BF18" s="70">
        <v>27</v>
      </c>
      <c r="BG18" s="71">
        <v>39</v>
      </c>
      <c r="BH18" s="72">
        <v>66</v>
      </c>
      <c r="BI18" s="244"/>
      <c r="BJ18" s="71">
        <v>66</v>
      </c>
      <c r="BK18" s="71">
        <v>46</v>
      </c>
      <c r="BL18" s="71">
        <v>33</v>
      </c>
      <c r="BM18" s="71">
        <v>31</v>
      </c>
      <c r="BN18" s="71">
        <v>19</v>
      </c>
      <c r="BO18" s="72">
        <v>195</v>
      </c>
      <c r="BP18" s="73">
        <v>261</v>
      </c>
      <c r="BQ18" s="70">
        <v>17</v>
      </c>
      <c r="BR18" s="71">
        <v>24</v>
      </c>
      <c r="BS18" s="72">
        <v>41</v>
      </c>
      <c r="BT18" s="244"/>
      <c r="BU18" s="71">
        <v>37</v>
      </c>
      <c r="BV18" s="71">
        <v>38</v>
      </c>
      <c r="BW18" s="71">
        <v>33</v>
      </c>
      <c r="BX18" s="71">
        <v>32</v>
      </c>
      <c r="BY18" s="71">
        <v>10</v>
      </c>
      <c r="BZ18" s="72">
        <v>150</v>
      </c>
      <c r="CA18" s="73">
        <v>191</v>
      </c>
      <c r="CB18" s="70">
        <v>2</v>
      </c>
      <c r="CC18" s="71">
        <v>6</v>
      </c>
      <c r="CD18" s="72">
        <v>8</v>
      </c>
      <c r="CE18" s="244"/>
      <c r="CF18" s="71">
        <v>10</v>
      </c>
      <c r="CG18" s="71">
        <v>6</v>
      </c>
      <c r="CH18" s="71">
        <v>4</v>
      </c>
      <c r="CI18" s="71">
        <v>4</v>
      </c>
      <c r="CJ18" s="71">
        <v>4</v>
      </c>
      <c r="CK18" s="72">
        <v>28</v>
      </c>
      <c r="CL18" s="73">
        <v>36</v>
      </c>
      <c r="CM18" s="70">
        <v>107</v>
      </c>
      <c r="CN18" s="71">
        <v>147</v>
      </c>
      <c r="CO18" s="72">
        <v>254</v>
      </c>
      <c r="CP18" s="244"/>
      <c r="CQ18" s="71">
        <v>256</v>
      </c>
      <c r="CR18" s="71">
        <v>224</v>
      </c>
      <c r="CS18" s="71">
        <v>154</v>
      </c>
      <c r="CT18" s="71">
        <v>137</v>
      </c>
      <c r="CU18" s="71">
        <v>80</v>
      </c>
      <c r="CV18" s="72">
        <v>851</v>
      </c>
      <c r="CW18" s="73">
        <v>1105</v>
      </c>
      <c r="CX18" s="123">
        <v>230</v>
      </c>
      <c r="CY18" s="82">
        <v>354</v>
      </c>
      <c r="CZ18" s="83">
        <v>584</v>
      </c>
      <c r="DA18" s="241"/>
      <c r="DB18" s="82">
        <v>422</v>
      </c>
      <c r="DC18" s="82">
        <v>432</v>
      </c>
      <c r="DD18" s="82">
        <v>333</v>
      </c>
      <c r="DE18" s="82">
        <v>315</v>
      </c>
      <c r="DF18" s="82">
        <v>180</v>
      </c>
      <c r="DG18" s="84">
        <v>1682</v>
      </c>
      <c r="DH18" s="85">
        <v>2266</v>
      </c>
      <c r="DI18" s="70">
        <v>7</v>
      </c>
      <c r="DJ18" s="71">
        <v>6</v>
      </c>
      <c r="DK18" s="72">
        <v>13</v>
      </c>
      <c r="DL18" s="244"/>
      <c r="DM18" s="71">
        <v>8</v>
      </c>
      <c r="DN18" s="71">
        <v>11</v>
      </c>
      <c r="DO18" s="71">
        <v>7</v>
      </c>
      <c r="DP18" s="71">
        <v>6</v>
      </c>
      <c r="DQ18" s="71">
        <v>4</v>
      </c>
      <c r="DR18" s="72">
        <v>36</v>
      </c>
      <c r="DS18" s="73">
        <v>49</v>
      </c>
      <c r="DT18" s="70">
        <v>8</v>
      </c>
      <c r="DU18" s="71">
        <v>22</v>
      </c>
      <c r="DV18" s="72">
        <v>30</v>
      </c>
      <c r="DW18" s="244"/>
      <c r="DX18" s="71">
        <v>31</v>
      </c>
      <c r="DY18" s="71">
        <v>35</v>
      </c>
      <c r="DZ18" s="71">
        <v>19</v>
      </c>
      <c r="EA18" s="71">
        <v>6</v>
      </c>
      <c r="EB18" s="71">
        <v>8</v>
      </c>
      <c r="EC18" s="72">
        <v>99</v>
      </c>
      <c r="ED18" s="73">
        <v>129</v>
      </c>
      <c r="EE18" s="70">
        <v>48</v>
      </c>
      <c r="EF18" s="71">
        <v>60</v>
      </c>
      <c r="EG18" s="72">
        <v>108</v>
      </c>
      <c r="EH18" s="244"/>
      <c r="EI18" s="71">
        <v>48</v>
      </c>
      <c r="EJ18" s="71">
        <v>42</v>
      </c>
      <c r="EK18" s="71">
        <v>33</v>
      </c>
      <c r="EL18" s="71">
        <v>18</v>
      </c>
      <c r="EM18" s="71">
        <v>23</v>
      </c>
      <c r="EN18" s="72">
        <v>164</v>
      </c>
      <c r="EO18" s="73">
        <v>272</v>
      </c>
      <c r="EP18" s="70">
        <v>74</v>
      </c>
      <c r="EQ18" s="71">
        <v>103</v>
      </c>
      <c r="ER18" s="72">
        <v>177</v>
      </c>
      <c r="ES18" s="244"/>
      <c r="ET18" s="71">
        <v>105</v>
      </c>
      <c r="EU18" s="71">
        <v>79</v>
      </c>
      <c r="EV18" s="71">
        <v>58</v>
      </c>
      <c r="EW18" s="71">
        <v>46</v>
      </c>
      <c r="EX18" s="71">
        <v>32</v>
      </c>
      <c r="EY18" s="72">
        <v>320</v>
      </c>
      <c r="EZ18" s="73">
        <v>497</v>
      </c>
      <c r="FA18" s="70">
        <v>55</v>
      </c>
      <c r="FB18" s="71">
        <v>100</v>
      </c>
      <c r="FC18" s="72">
        <v>155</v>
      </c>
      <c r="FD18" s="244"/>
      <c r="FE18" s="71">
        <v>131</v>
      </c>
      <c r="FF18" s="71">
        <v>123</v>
      </c>
      <c r="FG18" s="71">
        <v>91</v>
      </c>
      <c r="FH18" s="71">
        <v>84</v>
      </c>
      <c r="FI18" s="71">
        <v>44</v>
      </c>
      <c r="FJ18" s="72">
        <v>473</v>
      </c>
      <c r="FK18" s="73">
        <v>628</v>
      </c>
      <c r="FL18" s="70">
        <v>38</v>
      </c>
      <c r="FM18" s="71">
        <v>63</v>
      </c>
      <c r="FN18" s="72">
        <v>101</v>
      </c>
      <c r="FO18" s="244"/>
      <c r="FP18" s="71">
        <v>99</v>
      </c>
      <c r="FQ18" s="71">
        <v>142</v>
      </c>
      <c r="FR18" s="71">
        <v>125</v>
      </c>
      <c r="FS18" s="71">
        <v>155</v>
      </c>
      <c r="FT18" s="71">
        <v>69</v>
      </c>
      <c r="FU18" s="72">
        <v>590</v>
      </c>
      <c r="FV18" s="73">
        <v>691</v>
      </c>
      <c r="FW18" s="70">
        <v>2</v>
      </c>
      <c r="FX18" s="71">
        <v>6</v>
      </c>
      <c r="FY18" s="72">
        <v>8</v>
      </c>
      <c r="FZ18" s="244"/>
      <c r="GA18" s="71">
        <v>4</v>
      </c>
      <c r="GB18" s="71">
        <v>9</v>
      </c>
      <c r="GC18" s="71">
        <v>0</v>
      </c>
      <c r="GD18" s="71">
        <v>1</v>
      </c>
      <c r="GE18" s="71">
        <v>7</v>
      </c>
      <c r="GF18" s="72">
        <v>21</v>
      </c>
      <c r="GG18" s="73">
        <v>29</v>
      </c>
      <c r="GH18" s="70">
        <v>232</v>
      </c>
      <c r="GI18" s="71">
        <v>360</v>
      </c>
      <c r="GJ18" s="72">
        <v>592</v>
      </c>
      <c r="GK18" s="244"/>
      <c r="GL18" s="71">
        <v>426</v>
      </c>
      <c r="GM18" s="71">
        <v>441</v>
      </c>
      <c r="GN18" s="71">
        <v>333</v>
      </c>
      <c r="GO18" s="71">
        <v>316</v>
      </c>
      <c r="GP18" s="71">
        <v>187</v>
      </c>
      <c r="GQ18" s="72">
        <v>1703</v>
      </c>
      <c r="GR18" s="73">
        <v>2295</v>
      </c>
      <c r="GS18" s="123">
        <v>335</v>
      </c>
      <c r="GT18" s="82">
        <v>495</v>
      </c>
      <c r="GU18" s="83">
        <v>830</v>
      </c>
      <c r="GV18" s="241"/>
      <c r="GW18" s="82">
        <v>668</v>
      </c>
      <c r="GX18" s="82">
        <v>650</v>
      </c>
      <c r="GY18" s="82">
        <v>483</v>
      </c>
      <c r="GZ18" s="82">
        <v>448</v>
      </c>
      <c r="HA18" s="82">
        <v>256</v>
      </c>
      <c r="HB18" s="84">
        <v>2505</v>
      </c>
      <c r="HC18" s="85">
        <v>3335</v>
      </c>
      <c r="HD18" s="70">
        <v>11</v>
      </c>
      <c r="HE18" s="71">
        <v>11</v>
      </c>
      <c r="HF18" s="72">
        <v>22</v>
      </c>
      <c r="HG18" s="244"/>
      <c r="HH18" s="71">
        <v>19</v>
      </c>
      <c r="HI18" s="71">
        <v>19</v>
      </c>
      <c r="HJ18" s="71">
        <v>19</v>
      </c>
      <c r="HK18" s="71">
        <v>13</v>
      </c>
      <c r="HL18" s="71">
        <v>10</v>
      </c>
      <c r="HM18" s="72">
        <v>80</v>
      </c>
      <c r="HN18" s="73">
        <v>102</v>
      </c>
      <c r="HO18" s="70">
        <v>17</v>
      </c>
      <c r="HP18" s="71">
        <v>32</v>
      </c>
      <c r="HQ18" s="72">
        <v>49</v>
      </c>
      <c r="HR18" s="244"/>
      <c r="HS18" s="71">
        <v>60</v>
      </c>
      <c r="HT18" s="71">
        <v>63</v>
      </c>
      <c r="HU18" s="71">
        <v>39</v>
      </c>
      <c r="HV18" s="71">
        <v>23</v>
      </c>
      <c r="HW18" s="71">
        <v>15</v>
      </c>
      <c r="HX18" s="72">
        <v>200</v>
      </c>
      <c r="HY18" s="73">
        <v>249</v>
      </c>
      <c r="HZ18" s="70">
        <v>69</v>
      </c>
      <c r="IA18" s="71">
        <v>85</v>
      </c>
      <c r="IB18" s="72">
        <v>154</v>
      </c>
      <c r="IC18" s="244"/>
      <c r="ID18" s="71">
        <v>95</v>
      </c>
      <c r="IE18" s="71">
        <v>85</v>
      </c>
      <c r="IF18" s="71">
        <v>47</v>
      </c>
      <c r="IG18" s="71">
        <v>36</v>
      </c>
      <c r="IH18" s="71">
        <v>36</v>
      </c>
      <c r="II18" s="72">
        <v>299</v>
      </c>
      <c r="IJ18" s="73">
        <v>453</v>
      </c>
      <c r="IK18" s="70">
        <v>101</v>
      </c>
      <c r="IL18" s="71">
        <v>141</v>
      </c>
      <c r="IM18" s="72">
        <v>242</v>
      </c>
      <c r="IN18" s="244"/>
      <c r="IO18" s="71">
        <v>161</v>
      </c>
      <c r="IP18" s="71">
        <v>134</v>
      </c>
      <c r="IQ18" s="71">
        <v>96</v>
      </c>
      <c r="IR18" s="71">
        <v>74</v>
      </c>
      <c r="IS18" s="71">
        <v>53</v>
      </c>
      <c r="IT18" s="72">
        <v>518</v>
      </c>
      <c r="IU18" s="73">
        <v>760</v>
      </c>
      <c r="IV18" s="70">
        <v>82</v>
      </c>
      <c r="IW18" s="71">
        <v>139</v>
      </c>
      <c r="IX18" s="72">
        <v>221</v>
      </c>
      <c r="IY18" s="244"/>
      <c r="IZ18" s="71">
        <v>197</v>
      </c>
      <c r="JA18" s="71">
        <v>169</v>
      </c>
      <c r="JB18" s="71">
        <v>124</v>
      </c>
      <c r="JC18" s="71">
        <v>115</v>
      </c>
      <c r="JD18" s="71">
        <v>63</v>
      </c>
      <c r="JE18" s="72">
        <v>668</v>
      </c>
      <c r="JF18" s="73">
        <v>889</v>
      </c>
      <c r="JG18" s="70">
        <v>55</v>
      </c>
      <c r="JH18" s="71">
        <v>87</v>
      </c>
      <c r="JI18" s="72">
        <v>142</v>
      </c>
      <c r="JJ18" s="244"/>
      <c r="JK18" s="71">
        <v>136</v>
      </c>
      <c r="JL18" s="71">
        <v>180</v>
      </c>
      <c r="JM18" s="71">
        <v>158</v>
      </c>
      <c r="JN18" s="71">
        <v>187</v>
      </c>
      <c r="JO18" s="71">
        <v>79</v>
      </c>
      <c r="JP18" s="72">
        <v>740</v>
      </c>
      <c r="JQ18" s="73">
        <v>882</v>
      </c>
      <c r="JR18" s="70">
        <v>4</v>
      </c>
      <c r="JS18" s="71">
        <v>12</v>
      </c>
      <c r="JT18" s="72">
        <v>16</v>
      </c>
      <c r="JU18" s="244"/>
      <c r="JV18" s="71">
        <v>14</v>
      </c>
      <c r="JW18" s="71">
        <v>15</v>
      </c>
      <c r="JX18" s="71">
        <v>4</v>
      </c>
      <c r="JY18" s="71">
        <v>5</v>
      </c>
      <c r="JZ18" s="71">
        <v>11</v>
      </c>
      <c r="KA18" s="72">
        <v>49</v>
      </c>
      <c r="KB18" s="73">
        <v>65</v>
      </c>
      <c r="KC18" s="70">
        <v>339</v>
      </c>
      <c r="KD18" s="71">
        <v>507</v>
      </c>
      <c r="KE18" s="72">
        <v>846</v>
      </c>
      <c r="KF18" s="244"/>
      <c r="KG18" s="71">
        <v>682</v>
      </c>
      <c r="KH18" s="71">
        <v>665</v>
      </c>
      <c r="KI18" s="71">
        <v>487</v>
      </c>
      <c r="KJ18" s="71">
        <v>453</v>
      </c>
      <c r="KK18" s="71">
        <v>267</v>
      </c>
      <c r="KL18" s="72">
        <v>2554</v>
      </c>
      <c r="KM18" s="73">
        <v>3400</v>
      </c>
    </row>
    <row r="19" spans="2:299" ht="19.5" customHeight="1" x14ac:dyDescent="0.2">
      <c r="B19" s="126" t="s">
        <v>16</v>
      </c>
      <c r="C19" s="316">
        <v>212</v>
      </c>
      <c r="D19" s="82">
        <v>252</v>
      </c>
      <c r="E19" s="83">
        <v>464</v>
      </c>
      <c r="F19" s="241"/>
      <c r="G19" s="82">
        <v>483</v>
      </c>
      <c r="H19" s="82">
        <v>615</v>
      </c>
      <c r="I19" s="82">
        <v>383</v>
      </c>
      <c r="J19" s="82">
        <v>338</v>
      </c>
      <c r="K19" s="82">
        <v>190</v>
      </c>
      <c r="L19" s="84">
        <v>2009</v>
      </c>
      <c r="M19" s="85">
        <v>2473</v>
      </c>
      <c r="N19" s="70">
        <v>11</v>
      </c>
      <c r="O19" s="71">
        <v>16</v>
      </c>
      <c r="P19" s="72">
        <v>27</v>
      </c>
      <c r="Q19" s="244"/>
      <c r="R19" s="71">
        <v>23</v>
      </c>
      <c r="S19" s="71">
        <v>27</v>
      </c>
      <c r="T19" s="71">
        <v>18</v>
      </c>
      <c r="U19" s="71">
        <v>23</v>
      </c>
      <c r="V19" s="71">
        <v>24</v>
      </c>
      <c r="W19" s="72">
        <v>115</v>
      </c>
      <c r="X19" s="73">
        <v>142</v>
      </c>
      <c r="Y19" s="70">
        <v>32</v>
      </c>
      <c r="Z19" s="71">
        <v>45</v>
      </c>
      <c r="AA19" s="72">
        <v>77</v>
      </c>
      <c r="AB19" s="244"/>
      <c r="AC19" s="71">
        <v>64</v>
      </c>
      <c r="AD19" s="71">
        <v>90</v>
      </c>
      <c r="AE19" s="71">
        <v>54</v>
      </c>
      <c r="AF19" s="71">
        <v>46</v>
      </c>
      <c r="AG19" s="71">
        <v>27</v>
      </c>
      <c r="AH19" s="72">
        <v>281</v>
      </c>
      <c r="AI19" s="73">
        <v>358</v>
      </c>
      <c r="AJ19" s="70">
        <v>46</v>
      </c>
      <c r="AK19" s="71">
        <v>44</v>
      </c>
      <c r="AL19" s="72">
        <v>90</v>
      </c>
      <c r="AM19" s="244"/>
      <c r="AN19" s="71">
        <v>88</v>
      </c>
      <c r="AO19" s="71">
        <v>98</v>
      </c>
      <c r="AP19" s="71">
        <v>63</v>
      </c>
      <c r="AQ19" s="71">
        <v>56</v>
      </c>
      <c r="AR19" s="71">
        <v>32</v>
      </c>
      <c r="AS19" s="72">
        <v>337</v>
      </c>
      <c r="AT19" s="73">
        <v>427</v>
      </c>
      <c r="AU19" s="70">
        <v>47</v>
      </c>
      <c r="AV19" s="71">
        <v>58</v>
      </c>
      <c r="AW19" s="72">
        <v>105</v>
      </c>
      <c r="AX19" s="244"/>
      <c r="AY19" s="71">
        <v>119</v>
      </c>
      <c r="AZ19" s="71">
        <v>162</v>
      </c>
      <c r="BA19" s="71">
        <v>83</v>
      </c>
      <c r="BB19" s="71">
        <v>78</v>
      </c>
      <c r="BC19" s="71">
        <v>49</v>
      </c>
      <c r="BD19" s="72">
        <v>491</v>
      </c>
      <c r="BE19" s="73">
        <v>596</v>
      </c>
      <c r="BF19" s="70">
        <v>50</v>
      </c>
      <c r="BG19" s="71">
        <v>54</v>
      </c>
      <c r="BH19" s="72">
        <v>104</v>
      </c>
      <c r="BI19" s="244"/>
      <c r="BJ19" s="71">
        <v>115</v>
      </c>
      <c r="BK19" s="71">
        <v>137</v>
      </c>
      <c r="BL19" s="71">
        <v>91</v>
      </c>
      <c r="BM19" s="71">
        <v>66</v>
      </c>
      <c r="BN19" s="71">
        <v>29</v>
      </c>
      <c r="BO19" s="72">
        <v>438</v>
      </c>
      <c r="BP19" s="73">
        <v>542</v>
      </c>
      <c r="BQ19" s="70">
        <v>26</v>
      </c>
      <c r="BR19" s="71">
        <v>35</v>
      </c>
      <c r="BS19" s="72">
        <v>61</v>
      </c>
      <c r="BT19" s="244"/>
      <c r="BU19" s="71">
        <v>74</v>
      </c>
      <c r="BV19" s="71">
        <v>101</v>
      </c>
      <c r="BW19" s="71">
        <v>74</v>
      </c>
      <c r="BX19" s="71">
        <v>69</v>
      </c>
      <c r="BY19" s="71">
        <v>29</v>
      </c>
      <c r="BZ19" s="72">
        <v>347</v>
      </c>
      <c r="CA19" s="73">
        <v>408</v>
      </c>
      <c r="CB19" s="70">
        <v>15</v>
      </c>
      <c r="CC19" s="71">
        <v>12</v>
      </c>
      <c r="CD19" s="72">
        <v>27</v>
      </c>
      <c r="CE19" s="244"/>
      <c r="CF19" s="71">
        <v>9</v>
      </c>
      <c r="CG19" s="71">
        <v>25</v>
      </c>
      <c r="CH19" s="71">
        <v>19</v>
      </c>
      <c r="CI19" s="71">
        <v>11</v>
      </c>
      <c r="CJ19" s="71">
        <v>14</v>
      </c>
      <c r="CK19" s="72">
        <v>78</v>
      </c>
      <c r="CL19" s="73">
        <v>105</v>
      </c>
      <c r="CM19" s="70">
        <v>227</v>
      </c>
      <c r="CN19" s="71">
        <v>264</v>
      </c>
      <c r="CO19" s="72">
        <v>491</v>
      </c>
      <c r="CP19" s="244"/>
      <c r="CQ19" s="71">
        <v>492</v>
      </c>
      <c r="CR19" s="71">
        <v>640</v>
      </c>
      <c r="CS19" s="71">
        <v>402</v>
      </c>
      <c r="CT19" s="71">
        <v>349</v>
      </c>
      <c r="CU19" s="71">
        <v>204</v>
      </c>
      <c r="CV19" s="72">
        <v>2087</v>
      </c>
      <c r="CW19" s="73">
        <v>2578</v>
      </c>
      <c r="CX19" s="123">
        <v>389</v>
      </c>
      <c r="CY19" s="82">
        <v>534</v>
      </c>
      <c r="CZ19" s="83">
        <v>923</v>
      </c>
      <c r="DA19" s="241"/>
      <c r="DB19" s="82">
        <v>844</v>
      </c>
      <c r="DC19" s="82">
        <v>1015</v>
      </c>
      <c r="DD19" s="82">
        <v>797</v>
      </c>
      <c r="DE19" s="82">
        <v>781</v>
      </c>
      <c r="DF19" s="82">
        <v>513</v>
      </c>
      <c r="DG19" s="84">
        <v>3950</v>
      </c>
      <c r="DH19" s="85">
        <v>4873</v>
      </c>
      <c r="DI19" s="70">
        <v>17</v>
      </c>
      <c r="DJ19" s="71">
        <v>19</v>
      </c>
      <c r="DK19" s="72">
        <v>36</v>
      </c>
      <c r="DL19" s="244"/>
      <c r="DM19" s="71">
        <v>16</v>
      </c>
      <c r="DN19" s="71">
        <v>33</v>
      </c>
      <c r="DO19" s="71">
        <v>21</v>
      </c>
      <c r="DP19" s="71">
        <v>17</v>
      </c>
      <c r="DQ19" s="71">
        <v>10</v>
      </c>
      <c r="DR19" s="72">
        <v>97</v>
      </c>
      <c r="DS19" s="73">
        <v>133</v>
      </c>
      <c r="DT19" s="70">
        <v>31</v>
      </c>
      <c r="DU19" s="71">
        <v>55</v>
      </c>
      <c r="DV19" s="72">
        <v>86</v>
      </c>
      <c r="DW19" s="244"/>
      <c r="DX19" s="71">
        <v>56</v>
      </c>
      <c r="DY19" s="71">
        <v>82</v>
      </c>
      <c r="DZ19" s="71">
        <v>51</v>
      </c>
      <c r="EA19" s="71">
        <v>47</v>
      </c>
      <c r="EB19" s="71">
        <v>39</v>
      </c>
      <c r="EC19" s="72">
        <v>275</v>
      </c>
      <c r="ED19" s="73">
        <v>361</v>
      </c>
      <c r="EE19" s="70">
        <v>83</v>
      </c>
      <c r="EF19" s="71">
        <v>87</v>
      </c>
      <c r="EG19" s="72">
        <v>170</v>
      </c>
      <c r="EH19" s="244"/>
      <c r="EI19" s="71">
        <v>115</v>
      </c>
      <c r="EJ19" s="71">
        <v>143</v>
      </c>
      <c r="EK19" s="71">
        <v>82</v>
      </c>
      <c r="EL19" s="71">
        <v>66</v>
      </c>
      <c r="EM19" s="71">
        <v>52</v>
      </c>
      <c r="EN19" s="72">
        <v>458</v>
      </c>
      <c r="EO19" s="73">
        <v>628</v>
      </c>
      <c r="EP19" s="70">
        <v>113</v>
      </c>
      <c r="EQ19" s="71">
        <v>146</v>
      </c>
      <c r="ER19" s="72">
        <v>259</v>
      </c>
      <c r="ES19" s="244"/>
      <c r="ET19" s="71">
        <v>180</v>
      </c>
      <c r="EU19" s="71">
        <v>213</v>
      </c>
      <c r="EV19" s="71">
        <v>152</v>
      </c>
      <c r="EW19" s="71">
        <v>132</v>
      </c>
      <c r="EX19" s="71">
        <v>90</v>
      </c>
      <c r="EY19" s="72">
        <v>767</v>
      </c>
      <c r="EZ19" s="73">
        <v>1026</v>
      </c>
      <c r="FA19" s="70">
        <v>91</v>
      </c>
      <c r="FB19" s="71">
        <v>131</v>
      </c>
      <c r="FC19" s="72">
        <v>222</v>
      </c>
      <c r="FD19" s="244"/>
      <c r="FE19" s="71">
        <v>268</v>
      </c>
      <c r="FF19" s="71">
        <v>264</v>
      </c>
      <c r="FG19" s="71">
        <v>210</v>
      </c>
      <c r="FH19" s="71">
        <v>183</v>
      </c>
      <c r="FI19" s="71">
        <v>115</v>
      </c>
      <c r="FJ19" s="72">
        <v>1040</v>
      </c>
      <c r="FK19" s="73">
        <v>1262</v>
      </c>
      <c r="FL19" s="70">
        <v>54</v>
      </c>
      <c r="FM19" s="71">
        <v>96</v>
      </c>
      <c r="FN19" s="72">
        <v>150</v>
      </c>
      <c r="FO19" s="244"/>
      <c r="FP19" s="71">
        <v>209</v>
      </c>
      <c r="FQ19" s="71">
        <v>280</v>
      </c>
      <c r="FR19" s="71">
        <v>281</v>
      </c>
      <c r="FS19" s="71">
        <v>336</v>
      </c>
      <c r="FT19" s="71">
        <v>207</v>
      </c>
      <c r="FU19" s="72">
        <v>1313</v>
      </c>
      <c r="FV19" s="73">
        <v>1463</v>
      </c>
      <c r="FW19" s="70">
        <v>12</v>
      </c>
      <c r="FX19" s="71">
        <v>14</v>
      </c>
      <c r="FY19" s="72">
        <v>26</v>
      </c>
      <c r="FZ19" s="244"/>
      <c r="GA19" s="71">
        <v>7</v>
      </c>
      <c r="GB19" s="71">
        <v>21</v>
      </c>
      <c r="GC19" s="71">
        <v>10</v>
      </c>
      <c r="GD19" s="71">
        <v>13</v>
      </c>
      <c r="GE19" s="71">
        <v>10</v>
      </c>
      <c r="GF19" s="72">
        <v>61</v>
      </c>
      <c r="GG19" s="73">
        <v>87</v>
      </c>
      <c r="GH19" s="70">
        <v>401</v>
      </c>
      <c r="GI19" s="71">
        <v>548</v>
      </c>
      <c r="GJ19" s="72">
        <v>949</v>
      </c>
      <c r="GK19" s="244"/>
      <c r="GL19" s="71">
        <v>851</v>
      </c>
      <c r="GM19" s="71">
        <v>1036</v>
      </c>
      <c r="GN19" s="71">
        <v>807</v>
      </c>
      <c r="GO19" s="71">
        <v>794</v>
      </c>
      <c r="GP19" s="71">
        <v>523</v>
      </c>
      <c r="GQ19" s="72">
        <v>4011</v>
      </c>
      <c r="GR19" s="73">
        <v>4960</v>
      </c>
      <c r="GS19" s="123">
        <v>601</v>
      </c>
      <c r="GT19" s="82">
        <v>786</v>
      </c>
      <c r="GU19" s="83">
        <v>1387</v>
      </c>
      <c r="GV19" s="241"/>
      <c r="GW19" s="82">
        <v>1327</v>
      </c>
      <c r="GX19" s="82">
        <v>1630</v>
      </c>
      <c r="GY19" s="82">
        <v>1180</v>
      </c>
      <c r="GZ19" s="82">
        <v>1119</v>
      </c>
      <c r="HA19" s="82">
        <v>703</v>
      </c>
      <c r="HB19" s="84">
        <v>5959</v>
      </c>
      <c r="HC19" s="85">
        <v>7346</v>
      </c>
      <c r="HD19" s="70">
        <v>28</v>
      </c>
      <c r="HE19" s="71">
        <v>35</v>
      </c>
      <c r="HF19" s="72">
        <v>63</v>
      </c>
      <c r="HG19" s="244"/>
      <c r="HH19" s="71">
        <v>39</v>
      </c>
      <c r="HI19" s="71">
        <v>60</v>
      </c>
      <c r="HJ19" s="71">
        <v>39</v>
      </c>
      <c r="HK19" s="71">
        <v>40</v>
      </c>
      <c r="HL19" s="71">
        <v>34</v>
      </c>
      <c r="HM19" s="72">
        <v>212</v>
      </c>
      <c r="HN19" s="73">
        <v>275</v>
      </c>
      <c r="HO19" s="70">
        <v>63</v>
      </c>
      <c r="HP19" s="71">
        <v>100</v>
      </c>
      <c r="HQ19" s="72">
        <v>163</v>
      </c>
      <c r="HR19" s="244"/>
      <c r="HS19" s="71">
        <v>120</v>
      </c>
      <c r="HT19" s="71">
        <v>172</v>
      </c>
      <c r="HU19" s="71">
        <v>105</v>
      </c>
      <c r="HV19" s="71">
        <v>93</v>
      </c>
      <c r="HW19" s="71">
        <v>66</v>
      </c>
      <c r="HX19" s="72">
        <v>556</v>
      </c>
      <c r="HY19" s="73">
        <v>719</v>
      </c>
      <c r="HZ19" s="70">
        <v>129</v>
      </c>
      <c r="IA19" s="71">
        <v>131</v>
      </c>
      <c r="IB19" s="72">
        <v>260</v>
      </c>
      <c r="IC19" s="244"/>
      <c r="ID19" s="71">
        <v>203</v>
      </c>
      <c r="IE19" s="71">
        <v>241</v>
      </c>
      <c r="IF19" s="71">
        <v>145</v>
      </c>
      <c r="IG19" s="71">
        <v>122</v>
      </c>
      <c r="IH19" s="71">
        <v>84</v>
      </c>
      <c r="II19" s="72">
        <v>795</v>
      </c>
      <c r="IJ19" s="73">
        <v>1055</v>
      </c>
      <c r="IK19" s="70">
        <v>160</v>
      </c>
      <c r="IL19" s="71">
        <v>204</v>
      </c>
      <c r="IM19" s="72">
        <v>364</v>
      </c>
      <c r="IN19" s="244"/>
      <c r="IO19" s="71">
        <v>299</v>
      </c>
      <c r="IP19" s="71">
        <v>375</v>
      </c>
      <c r="IQ19" s="71">
        <v>235</v>
      </c>
      <c r="IR19" s="71">
        <v>210</v>
      </c>
      <c r="IS19" s="71">
        <v>139</v>
      </c>
      <c r="IT19" s="72">
        <v>1258</v>
      </c>
      <c r="IU19" s="73">
        <v>1622</v>
      </c>
      <c r="IV19" s="70">
        <v>141</v>
      </c>
      <c r="IW19" s="71">
        <v>185</v>
      </c>
      <c r="IX19" s="72">
        <v>326</v>
      </c>
      <c r="IY19" s="244"/>
      <c r="IZ19" s="71">
        <v>383</v>
      </c>
      <c r="JA19" s="71">
        <v>401</v>
      </c>
      <c r="JB19" s="71">
        <v>301</v>
      </c>
      <c r="JC19" s="71">
        <v>249</v>
      </c>
      <c r="JD19" s="71">
        <v>144</v>
      </c>
      <c r="JE19" s="72">
        <v>1478</v>
      </c>
      <c r="JF19" s="73">
        <v>1804</v>
      </c>
      <c r="JG19" s="70">
        <v>80</v>
      </c>
      <c r="JH19" s="71">
        <v>131</v>
      </c>
      <c r="JI19" s="72">
        <v>211</v>
      </c>
      <c r="JJ19" s="244"/>
      <c r="JK19" s="71">
        <v>283</v>
      </c>
      <c r="JL19" s="71">
        <v>381</v>
      </c>
      <c r="JM19" s="71">
        <v>355</v>
      </c>
      <c r="JN19" s="71">
        <v>405</v>
      </c>
      <c r="JO19" s="71">
        <v>236</v>
      </c>
      <c r="JP19" s="72">
        <v>1660</v>
      </c>
      <c r="JQ19" s="73">
        <v>1871</v>
      </c>
      <c r="JR19" s="70">
        <v>27</v>
      </c>
      <c r="JS19" s="71">
        <v>26</v>
      </c>
      <c r="JT19" s="72">
        <v>53</v>
      </c>
      <c r="JU19" s="244"/>
      <c r="JV19" s="71">
        <v>16</v>
      </c>
      <c r="JW19" s="71">
        <v>46</v>
      </c>
      <c r="JX19" s="71">
        <v>29</v>
      </c>
      <c r="JY19" s="71">
        <v>24</v>
      </c>
      <c r="JZ19" s="71">
        <v>24</v>
      </c>
      <c r="KA19" s="72">
        <v>139</v>
      </c>
      <c r="KB19" s="73">
        <v>192</v>
      </c>
      <c r="KC19" s="70">
        <v>628</v>
      </c>
      <c r="KD19" s="71">
        <v>812</v>
      </c>
      <c r="KE19" s="72">
        <v>1440</v>
      </c>
      <c r="KF19" s="244"/>
      <c r="KG19" s="71">
        <v>1343</v>
      </c>
      <c r="KH19" s="71">
        <v>1676</v>
      </c>
      <c r="KI19" s="71">
        <v>1209</v>
      </c>
      <c r="KJ19" s="71">
        <v>1143</v>
      </c>
      <c r="KK19" s="71">
        <v>727</v>
      </c>
      <c r="KL19" s="72">
        <v>6098</v>
      </c>
      <c r="KM19" s="73">
        <v>7538</v>
      </c>
    </row>
    <row r="20" spans="2:299" ht="19.5" customHeight="1" x14ac:dyDescent="0.2">
      <c r="B20" s="126" t="s">
        <v>17</v>
      </c>
      <c r="C20" s="316">
        <v>277</v>
      </c>
      <c r="D20" s="82">
        <v>366</v>
      </c>
      <c r="E20" s="83">
        <v>643</v>
      </c>
      <c r="F20" s="241"/>
      <c r="G20" s="82">
        <v>545</v>
      </c>
      <c r="H20" s="82">
        <v>722</v>
      </c>
      <c r="I20" s="82">
        <v>525</v>
      </c>
      <c r="J20" s="82">
        <v>406</v>
      </c>
      <c r="K20" s="82">
        <v>273</v>
      </c>
      <c r="L20" s="84">
        <v>2471</v>
      </c>
      <c r="M20" s="85">
        <v>3114</v>
      </c>
      <c r="N20" s="70">
        <v>11</v>
      </c>
      <c r="O20" s="71">
        <v>26</v>
      </c>
      <c r="P20" s="72">
        <v>37</v>
      </c>
      <c r="Q20" s="244"/>
      <c r="R20" s="71">
        <v>27</v>
      </c>
      <c r="S20" s="71">
        <v>50</v>
      </c>
      <c r="T20" s="71">
        <v>30</v>
      </c>
      <c r="U20" s="71">
        <v>24</v>
      </c>
      <c r="V20" s="71">
        <v>24</v>
      </c>
      <c r="W20" s="72">
        <v>155</v>
      </c>
      <c r="X20" s="73">
        <v>192</v>
      </c>
      <c r="Y20" s="70">
        <v>35</v>
      </c>
      <c r="Z20" s="71">
        <v>54</v>
      </c>
      <c r="AA20" s="72">
        <v>89</v>
      </c>
      <c r="AB20" s="244"/>
      <c r="AC20" s="71">
        <v>50</v>
      </c>
      <c r="AD20" s="71">
        <v>106</v>
      </c>
      <c r="AE20" s="71">
        <v>62</v>
      </c>
      <c r="AF20" s="71">
        <v>58</v>
      </c>
      <c r="AG20" s="71">
        <v>36</v>
      </c>
      <c r="AH20" s="72">
        <v>312</v>
      </c>
      <c r="AI20" s="73">
        <v>401</v>
      </c>
      <c r="AJ20" s="70">
        <v>56</v>
      </c>
      <c r="AK20" s="71">
        <v>68</v>
      </c>
      <c r="AL20" s="72">
        <v>124</v>
      </c>
      <c r="AM20" s="244"/>
      <c r="AN20" s="71">
        <v>85</v>
      </c>
      <c r="AO20" s="71">
        <v>134</v>
      </c>
      <c r="AP20" s="71">
        <v>102</v>
      </c>
      <c r="AQ20" s="71">
        <v>72</v>
      </c>
      <c r="AR20" s="71">
        <v>56</v>
      </c>
      <c r="AS20" s="72">
        <v>449</v>
      </c>
      <c r="AT20" s="73">
        <v>573</v>
      </c>
      <c r="AU20" s="70">
        <v>62</v>
      </c>
      <c r="AV20" s="71">
        <v>92</v>
      </c>
      <c r="AW20" s="72">
        <v>154</v>
      </c>
      <c r="AX20" s="244"/>
      <c r="AY20" s="71">
        <v>170</v>
      </c>
      <c r="AZ20" s="71">
        <v>163</v>
      </c>
      <c r="BA20" s="71">
        <v>139</v>
      </c>
      <c r="BB20" s="71">
        <v>98</v>
      </c>
      <c r="BC20" s="71">
        <v>59</v>
      </c>
      <c r="BD20" s="72">
        <v>629</v>
      </c>
      <c r="BE20" s="73">
        <v>783</v>
      </c>
      <c r="BF20" s="70">
        <v>68</v>
      </c>
      <c r="BG20" s="71">
        <v>75</v>
      </c>
      <c r="BH20" s="72">
        <v>143</v>
      </c>
      <c r="BI20" s="244"/>
      <c r="BJ20" s="71">
        <v>132</v>
      </c>
      <c r="BK20" s="71">
        <v>176</v>
      </c>
      <c r="BL20" s="71">
        <v>114</v>
      </c>
      <c r="BM20" s="71">
        <v>87</v>
      </c>
      <c r="BN20" s="71">
        <v>69</v>
      </c>
      <c r="BO20" s="72">
        <v>578</v>
      </c>
      <c r="BP20" s="73">
        <v>721</v>
      </c>
      <c r="BQ20" s="70">
        <v>45</v>
      </c>
      <c r="BR20" s="71">
        <v>51</v>
      </c>
      <c r="BS20" s="72">
        <v>96</v>
      </c>
      <c r="BT20" s="244"/>
      <c r="BU20" s="71">
        <v>81</v>
      </c>
      <c r="BV20" s="71">
        <v>93</v>
      </c>
      <c r="BW20" s="71">
        <v>78</v>
      </c>
      <c r="BX20" s="71">
        <v>67</v>
      </c>
      <c r="BY20" s="71">
        <v>29</v>
      </c>
      <c r="BZ20" s="72">
        <v>348</v>
      </c>
      <c r="CA20" s="73">
        <v>444</v>
      </c>
      <c r="CB20" s="70">
        <v>12</v>
      </c>
      <c r="CC20" s="71">
        <v>21</v>
      </c>
      <c r="CD20" s="72">
        <v>33</v>
      </c>
      <c r="CE20" s="244"/>
      <c r="CF20" s="71">
        <v>25</v>
      </c>
      <c r="CG20" s="71">
        <v>46</v>
      </c>
      <c r="CH20" s="71">
        <v>29</v>
      </c>
      <c r="CI20" s="71">
        <v>14</v>
      </c>
      <c r="CJ20" s="71">
        <v>14</v>
      </c>
      <c r="CK20" s="72">
        <v>128</v>
      </c>
      <c r="CL20" s="73">
        <v>161</v>
      </c>
      <c r="CM20" s="70">
        <v>289</v>
      </c>
      <c r="CN20" s="71">
        <v>387</v>
      </c>
      <c r="CO20" s="72">
        <v>676</v>
      </c>
      <c r="CP20" s="244"/>
      <c r="CQ20" s="71">
        <v>570</v>
      </c>
      <c r="CR20" s="71">
        <v>768</v>
      </c>
      <c r="CS20" s="71">
        <v>554</v>
      </c>
      <c r="CT20" s="71">
        <v>420</v>
      </c>
      <c r="CU20" s="71">
        <v>287</v>
      </c>
      <c r="CV20" s="72">
        <v>2599</v>
      </c>
      <c r="CW20" s="73">
        <v>3275</v>
      </c>
      <c r="CX20" s="123">
        <v>612</v>
      </c>
      <c r="CY20" s="82">
        <v>784</v>
      </c>
      <c r="CZ20" s="83">
        <v>1396</v>
      </c>
      <c r="DA20" s="241"/>
      <c r="DB20" s="82">
        <v>929</v>
      </c>
      <c r="DC20" s="82">
        <v>1225</v>
      </c>
      <c r="DD20" s="82">
        <v>876</v>
      </c>
      <c r="DE20" s="82">
        <v>815</v>
      </c>
      <c r="DF20" s="82">
        <v>599</v>
      </c>
      <c r="DG20" s="84">
        <v>4444</v>
      </c>
      <c r="DH20" s="85">
        <v>5840</v>
      </c>
      <c r="DI20" s="70">
        <v>17</v>
      </c>
      <c r="DJ20" s="71">
        <v>30</v>
      </c>
      <c r="DK20" s="72">
        <v>47</v>
      </c>
      <c r="DL20" s="244"/>
      <c r="DM20" s="71">
        <v>12</v>
      </c>
      <c r="DN20" s="71">
        <v>36</v>
      </c>
      <c r="DO20" s="71">
        <v>26</v>
      </c>
      <c r="DP20" s="71">
        <v>19</v>
      </c>
      <c r="DQ20" s="71">
        <v>25</v>
      </c>
      <c r="DR20" s="72">
        <v>118</v>
      </c>
      <c r="DS20" s="73">
        <v>165</v>
      </c>
      <c r="DT20" s="70">
        <v>59</v>
      </c>
      <c r="DU20" s="71">
        <v>67</v>
      </c>
      <c r="DV20" s="72">
        <v>126</v>
      </c>
      <c r="DW20" s="244"/>
      <c r="DX20" s="71">
        <v>75</v>
      </c>
      <c r="DY20" s="71">
        <v>88</v>
      </c>
      <c r="DZ20" s="71">
        <v>60</v>
      </c>
      <c r="EA20" s="71">
        <v>49</v>
      </c>
      <c r="EB20" s="71">
        <v>36</v>
      </c>
      <c r="EC20" s="72">
        <v>308</v>
      </c>
      <c r="ED20" s="73">
        <v>434</v>
      </c>
      <c r="EE20" s="70">
        <v>109</v>
      </c>
      <c r="EF20" s="71">
        <v>119</v>
      </c>
      <c r="EG20" s="72">
        <v>228</v>
      </c>
      <c r="EH20" s="244"/>
      <c r="EI20" s="71">
        <v>120</v>
      </c>
      <c r="EJ20" s="71">
        <v>180</v>
      </c>
      <c r="EK20" s="71">
        <v>104</v>
      </c>
      <c r="EL20" s="71">
        <v>90</v>
      </c>
      <c r="EM20" s="71">
        <v>71</v>
      </c>
      <c r="EN20" s="72">
        <v>565</v>
      </c>
      <c r="EO20" s="73">
        <v>793</v>
      </c>
      <c r="EP20" s="70">
        <v>188</v>
      </c>
      <c r="EQ20" s="71">
        <v>218</v>
      </c>
      <c r="ER20" s="72">
        <v>406</v>
      </c>
      <c r="ES20" s="244"/>
      <c r="ET20" s="71">
        <v>242</v>
      </c>
      <c r="EU20" s="71">
        <v>292</v>
      </c>
      <c r="EV20" s="71">
        <v>168</v>
      </c>
      <c r="EW20" s="71">
        <v>188</v>
      </c>
      <c r="EX20" s="71">
        <v>109</v>
      </c>
      <c r="EY20" s="72">
        <v>999</v>
      </c>
      <c r="EZ20" s="73">
        <v>1405</v>
      </c>
      <c r="FA20" s="70">
        <v>157</v>
      </c>
      <c r="FB20" s="71">
        <v>233</v>
      </c>
      <c r="FC20" s="72">
        <v>390</v>
      </c>
      <c r="FD20" s="244"/>
      <c r="FE20" s="71">
        <v>274</v>
      </c>
      <c r="FF20" s="71">
        <v>300</v>
      </c>
      <c r="FG20" s="71">
        <v>260</v>
      </c>
      <c r="FH20" s="71">
        <v>185</v>
      </c>
      <c r="FI20" s="71">
        <v>169</v>
      </c>
      <c r="FJ20" s="72">
        <v>1188</v>
      </c>
      <c r="FK20" s="73">
        <v>1578</v>
      </c>
      <c r="FL20" s="70">
        <v>82</v>
      </c>
      <c r="FM20" s="71">
        <v>117</v>
      </c>
      <c r="FN20" s="72">
        <v>199</v>
      </c>
      <c r="FO20" s="244"/>
      <c r="FP20" s="71">
        <v>206</v>
      </c>
      <c r="FQ20" s="71">
        <v>329</v>
      </c>
      <c r="FR20" s="71">
        <v>258</v>
      </c>
      <c r="FS20" s="71">
        <v>284</v>
      </c>
      <c r="FT20" s="71">
        <v>189</v>
      </c>
      <c r="FU20" s="72">
        <v>1266</v>
      </c>
      <c r="FV20" s="73">
        <v>1465</v>
      </c>
      <c r="FW20" s="70">
        <v>4</v>
      </c>
      <c r="FX20" s="71">
        <v>18</v>
      </c>
      <c r="FY20" s="72">
        <v>22</v>
      </c>
      <c r="FZ20" s="244"/>
      <c r="GA20" s="71">
        <v>8</v>
      </c>
      <c r="GB20" s="71">
        <v>28</v>
      </c>
      <c r="GC20" s="71">
        <v>18</v>
      </c>
      <c r="GD20" s="71">
        <v>16</v>
      </c>
      <c r="GE20" s="71">
        <v>17</v>
      </c>
      <c r="GF20" s="72">
        <v>87</v>
      </c>
      <c r="GG20" s="73">
        <v>109</v>
      </c>
      <c r="GH20" s="70">
        <v>616</v>
      </c>
      <c r="GI20" s="71">
        <v>802</v>
      </c>
      <c r="GJ20" s="72">
        <v>1418</v>
      </c>
      <c r="GK20" s="244"/>
      <c r="GL20" s="71">
        <v>937</v>
      </c>
      <c r="GM20" s="71">
        <v>1253</v>
      </c>
      <c r="GN20" s="71">
        <v>894</v>
      </c>
      <c r="GO20" s="71">
        <v>831</v>
      </c>
      <c r="GP20" s="71">
        <v>616</v>
      </c>
      <c r="GQ20" s="72">
        <v>4531</v>
      </c>
      <c r="GR20" s="73">
        <v>5949</v>
      </c>
      <c r="GS20" s="123">
        <v>889</v>
      </c>
      <c r="GT20" s="82">
        <v>1150</v>
      </c>
      <c r="GU20" s="83">
        <v>2039</v>
      </c>
      <c r="GV20" s="241"/>
      <c r="GW20" s="82">
        <v>1474</v>
      </c>
      <c r="GX20" s="82">
        <v>1947</v>
      </c>
      <c r="GY20" s="82">
        <v>1401</v>
      </c>
      <c r="GZ20" s="82">
        <v>1221</v>
      </c>
      <c r="HA20" s="82">
        <v>872</v>
      </c>
      <c r="HB20" s="84">
        <v>6915</v>
      </c>
      <c r="HC20" s="85">
        <v>8954</v>
      </c>
      <c r="HD20" s="70">
        <v>28</v>
      </c>
      <c r="HE20" s="71">
        <v>56</v>
      </c>
      <c r="HF20" s="72">
        <v>84</v>
      </c>
      <c r="HG20" s="244"/>
      <c r="HH20" s="71">
        <v>39</v>
      </c>
      <c r="HI20" s="71">
        <v>86</v>
      </c>
      <c r="HJ20" s="71">
        <v>56</v>
      </c>
      <c r="HK20" s="71">
        <v>43</v>
      </c>
      <c r="HL20" s="71">
        <v>49</v>
      </c>
      <c r="HM20" s="72">
        <v>273</v>
      </c>
      <c r="HN20" s="73">
        <v>357</v>
      </c>
      <c r="HO20" s="70">
        <v>94</v>
      </c>
      <c r="HP20" s="71">
        <v>121</v>
      </c>
      <c r="HQ20" s="72">
        <v>215</v>
      </c>
      <c r="HR20" s="244"/>
      <c r="HS20" s="71">
        <v>125</v>
      </c>
      <c r="HT20" s="71">
        <v>194</v>
      </c>
      <c r="HU20" s="71">
        <v>122</v>
      </c>
      <c r="HV20" s="71">
        <v>107</v>
      </c>
      <c r="HW20" s="71">
        <v>72</v>
      </c>
      <c r="HX20" s="72">
        <v>620</v>
      </c>
      <c r="HY20" s="73">
        <v>835</v>
      </c>
      <c r="HZ20" s="70">
        <v>165</v>
      </c>
      <c r="IA20" s="71">
        <v>187</v>
      </c>
      <c r="IB20" s="72">
        <v>352</v>
      </c>
      <c r="IC20" s="244"/>
      <c r="ID20" s="71">
        <v>205</v>
      </c>
      <c r="IE20" s="71">
        <v>314</v>
      </c>
      <c r="IF20" s="71">
        <v>206</v>
      </c>
      <c r="IG20" s="71">
        <v>162</v>
      </c>
      <c r="IH20" s="71">
        <v>127</v>
      </c>
      <c r="II20" s="72">
        <v>1014</v>
      </c>
      <c r="IJ20" s="73">
        <v>1366</v>
      </c>
      <c r="IK20" s="70">
        <v>250</v>
      </c>
      <c r="IL20" s="71">
        <v>310</v>
      </c>
      <c r="IM20" s="72">
        <v>560</v>
      </c>
      <c r="IN20" s="244"/>
      <c r="IO20" s="71">
        <v>412</v>
      </c>
      <c r="IP20" s="71">
        <v>455</v>
      </c>
      <c r="IQ20" s="71">
        <v>307</v>
      </c>
      <c r="IR20" s="71">
        <v>286</v>
      </c>
      <c r="IS20" s="71">
        <v>168</v>
      </c>
      <c r="IT20" s="72">
        <v>1628</v>
      </c>
      <c r="IU20" s="73">
        <v>2188</v>
      </c>
      <c r="IV20" s="70">
        <v>225</v>
      </c>
      <c r="IW20" s="71">
        <v>308</v>
      </c>
      <c r="IX20" s="72">
        <v>533</v>
      </c>
      <c r="IY20" s="244"/>
      <c r="IZ20" s="71">
        <v>406</v>
      </c>
      <c r="JA20" s="71">
        <v>476</v>
      </c>
      <c r="JB20" s="71">
        <v>374</v>
      </c>
      <c r="JC20" s="71">
        <v>272</v>
      </c>
      <c r="JD20" s="71">
        <v>238</v>
      </c>
      <c r="JE20" s="72">
        <v>1766</v>
      </c>
      <c r="JF20" s="73">
        <v>2299</v>
      </c>
      <c r="JG20" s="70">
        <v>127</v>
      </c>
      <c r="JH20" s="71">
        <v>168</v>
      </c>
      <c r="JI20" s="72">
        <v>295</v>
      </c>
      <c r="JJ20" s="244"/>
      <c r="JK20" s="71">
        <v>287</v>
      </c>
      <c r="JL20" s="71">
        <v>422</v>
      </c>
      <c r="JM20" s="71">
        <v>336</v>
      </c>
      <c r="JN20" s="71">
        <v>351</v>
      </c>
      <c r="JO20" s="71">
        <v>218</v>
      </c>
      <c r="JP20" s="72">
        <v>1614</v>
      </c>
      <c r="JQ20" s="73">
        <v>1909</v>
      </c>
      <c r="JR20" s="70">
        <v>16</v>
      </c>
      <c r="JS20" s="71">
        <v>39</v>
      </c>
      <c r="JT20" s="72">
        <v>55</v>
      </c>
      <c r="JU20" s="244"/>
      <c r="JV20" s="71">
        <v>33</v>
      </c>
      <c r="JW20" s="71">
        <v>74</v>
      </c>
      <c r="JX20" s="71">
        <v>47</v>
      </c>
      <c r="JY20" s="71">
        <v>30</v>
      </c>
      <c r="JZ20" s="71">
        <v>31</v>
      </c>
      <c r="KA20" s="72">
        <v>215</v>
      </c>
      <c r="KB20" s="73">
        <v>270</v>
      </c>
      <c r="KC20" s="70">
        <v>905</v>
      </c>
      <c r="KD20" s="71">
        <v>1189</v>
      </c>
      <c r="KE20" s="72">
        <v>2094</v>
      </c>
      <c r="KF20" s="244"/>
      <c r="KG20" s="71">
        <v>1507</v>
      </c>
      <c r="KH20" s="71">
        <v>2021</v>
      </c>
      <c r="KI20" s="71">
        <v>1448</v>
      </c>
      <c r="KJ20" s="71">
        <v>1251</v>
      </c>
      <c r="KK20" s="71">
        <v>903</v>
      </c>
      <c r="KL20" s="72">
        <v>7130</v>
      </c>
      <c r="KM20" s="73">
        <v>9224</v>
      </c>
    </row>
    <row r="21" spans="2:299" ht="19.5" customHeight="1" x14ac:dyDescent="0.2">
      <c r="B21" s="126" t="s">
        <v>18</v>
      </c>
      <c r="C21" s="316">
        <v>421</v>
      </c>
      <c r="D21" s="82">
        <v>417</v>
      </c>
      <c r="E21" s="83">
        <v>838</v>
      </c>
      <c r="F21" s="241"/>
      <c r="G21" s="82">
        <v>902</v>
      </c>
      <c r="H21" s="82">
        <v>717</v>
      </c>
      <c r="I21" s="82">
        <v>529</v>
      </c>
      <c r="J21" s="82">
        <v>445</v>
      </c>
      <c r="K21" s="82">
        <v>282</v>
      </c>
      <c r="L21" s="84">
        <v>2875</v>
      </c>
      <c r="M21" s="85">
        <v>3713</v>
      </c>
      <c r="N21" s="70">
        <v>18</v>
      </c>
      <c r="O21" s="71">
        <v>30</v>
      </c>
      <c r="P21" s="72">
        <v>48</v>
      </c>
      <c r="Q21" s="244"/>
      <c r="R21" s="71">
        <v>56</v>
      </c>
      <c r="S21" s="71">
        <v>43</v>
      </c>
      <c r="T21" s="71">
        <v>28</v>
      </c>
      <c r="U21" s="71">
        <v>35</v>
      </c>
      <c r="V21" s="71">
        <v>19</v>
      </c>
      <c r="W21" s="72">
        <v>181</v>
      </c>
      <c r="X21" s="73">
        <v>229</v>
      </c>
      <c r="Y21" s="70">
        <v>49</v>
      </c>
      <c r="Z21" s="71">
        <v>55</v>
      </c>
      <c r="AA21" s="72">
        <v>104</v>
      </c>
      <c r="AB21" s="244"/>
      <c r="AC21" s="71">
        <v>102</v>
      </c>
      <c r="AD21" s="71">
        <v>82</v>
      </c>
      <c r="AE21" s="71">
        <v>81</v>
      </c>
      <c r="AF21" s="71">
        <v>61</v>
      </c>
      <c r="AG21" s="71">
        <v>42</v>
      </c>
      <c r="AH21" s="72">
        <v>368</v>
      </c>
      <c r="AI21" s="73">
        <v>472</v>
      </c>
      <c r="AJ21" s="70">
        <v>75</v>
      </c>
      <c r="AK21" s="71">
        <v>65</v>
      </c>
      <c r="AL21" s="72">
        <v>140</v>
      </c>
      <c r="AM21" s="244"/>
      <c r="AN21" s="71">
        <v>141</v>
      </c>
      <c r="AO21" s="71">
        <v>116</v>
      </c>
      <c r="AP21" s="71">
        <v>91</v>
      </c>
      <c r="AQ21" s="71">
        <v>68</v>
      </c>
      <c r="AR21" s="71">
        <v>65</v>
      </c>
      <c r="AS21" s="72">
        <v>481</v>
      </c>
      <c r="AT21" s="73">
        <v>621</v>
      </c>
      <c r="AU21" s="70">
        <v>121</v>
      </c>
      <c r="AV21" s="71">
        <v>99</v>
      </c>
      <c r="AW21" s="72">
        <v>220</v>
      </c>
      <c r="AX21" s="244"/>
      <c r="AY21" s="71">
        <v>249</v>
      </c>
      <c r="AZ21" s="71">
        <v>185</v>
      </c>
      <c r="BA21" s="71">
        <v>117</v>
      </c>
      <c r="BB21" s="71">
        <v>112</v>
      </c>
      <c r="BC21" s="71">
        <v>67</v>
      </c>
      <c r="BD21" s="72">
        <v>730</v>
      </c>
      <c r="BE21" s="73">
        <v>950</v>
      </c>
      <c r="BF21" s="70">
        <v>104</v>
      </c>
      <c r="BG21" s="71">
        <v>109</v>
      </c>
      <c r="BH21" s="72">
        <v>213</v>
      </c>
      <c r="BI21" s="244"/>
      <c r="BJ21" s="71">
        <v>226</v>
      </c>
      <c r="BK21" s="71">
        <v>182</v>
      </c>
      <c r="BL21" s="71">
        <v>130</v>
      </c>
      <c r="BM21" s="71">
        <v>100</v>
      </c>
      <c r="BN21" s="71">
        <v>46</v>
      </c>
      <c r="BO21" s="72">
        <v>684</v>
      </c>
      <c r="BP21" s="73">
        <v>897</v>
      </c>
      <c r="BQ21" s="70">
        <v>54</v>
      </c>
      <c r="BR21" s="71">
        <v>59</v>
      </c>
      <c r="BS21" s="72">
        <v>113</v>
      </c>
      <c r="BT21" s="244"/>
      <c r="BU21" s="71">
        <v>128</v>
      </c>
      <c r="BV21" s="71">
        <v>109</v>
      </c>
      <c r="BW21" s="71">
        <v>82</v>
      </c>
      <c r="BX21" s="71">
        <v>69</v>
      </c>
      <c r="BY21" s="71">
        <v>43</v>
      </c>
      <c r="BZ21" s="72">
        <v>431</v>
      </c>
      <c r="CA21" s="73">
        <v>544</v>
      </c>
      <c r="CB21" s="70">
        <v>9</v>
      </c>
      <c r="CC21" s="71">
        <v>20</v>
      </c>
      <c r="CD21" s="72">
        <v>29</v>
      </c>
      <c r="CE21" s="244"/>
      <c r="CF21" s="71">
        <v>33</v>
      </c>
      <c r="CG21" s="71">
        <v>39</v>
      </c>
      <c r="CH21" s="71">
        <v>31</v>
      </c>
      <c r="CI21" s="71">
        <v>19</v>
      </c>
      <c r="CJ21" s="71">
        <v>26</v>
      </c>
      <c r="CK21" s="72">
        <v>148</v>
      </c>
      <c r="CL21" s="73">
        <v>177</v>
      </c>
      <c r="CM21" s="70">
        <v>430</v>
      </c>
      <c r="CN21" s="71">
        <v>437</v>
      </c>
      <c r="CO21" s="72">
        <v>867</v>
      </c>
      <c r="CP21" s="244"/>
      <c r="CQ21" s="71">
        <v>935</v>
      </c>
      <c r="CR21" s="71">
        <v>756</v>
      </c>
      <c r="CS21" s="71">
        <v>560</v>
      </c>
      <c r="CT21" s="71">
        <v>464</v>
      </c>
      <c r="CU21" s="71">
        <v>308</v>
      </c>
      <c r="CV21" s="72">
        <v>3023</v>
      </c>
      <c r="CW21" s="73">
        <v>3890</v>
      </c>
      <c r="CX21" s="123">
        <v>793</v>
      </c>
      <c r="CY21" s="82">
        <v>1049</v>
      </c>
      <c r="CZ21" s="83">
        <v>1842</v>
      </c>
      <c r="DA21" s="241"/>
      <c r="DB21" s="82">
        <v>1393</v>
      </c>
      <c r="DC21" s="82">
        <v>1249</v>
      </c>
      <c r="DD21" s="82">
        <v>912</v>
      </c>
      <c r="DE21" s="82">
        <v>902</v>
      </c>
      <c r="DF21" s="82">
        <v>651</v>
      </c>
      <c r="DG21" s="84">
        <v>5107</v>
      </c>
      <c r="DH21" s="85">
        <v>6949</v>
      </c>
      <c r="DI21" s="70">
        <v>20</v>
      </c>
      <c r="DJ21" s="71">
        <v>27</v>
      </c>
      <c r="DK21" s="72">
        <v>47</v>
      </c>
      <c r="DL21" s="244"/>
      <c r="DM21" s="71">
        <v>38</v>
      </c>
      <c r="DN21" s="71">
        <v>29</v>
      </c>
      <c r="DO21" s="71">
        <v>18</v>
      </c>
      <c r="DP21" s="71">
        <v>18</v>
      </c>
      <c r="DQ21" s="71">
        <v>18</v>
      </c>
      <c r="DR21" s="72">
        <v>121</v>
      </c>
      <c r="DS21" s="73">
        <v>168</v>
      </c>
      <c r="DT21" s="70">
        <v>66</v>
      </c>
      <c r="DU21" s="71">
        <v>94</v>
      </c>
      <c r="DV21" s="72">
        <v>160</v>
      </c>
      <c r="DW21" s="244"/>
      <c r="DX21" s="71">
        <v>95</v>
      </c>
      <c r="DY21" s="71">
        <v>88</v>
      </c>
      <c r="DZ21" s="71">
        <v>48</v>
      </c>
      <c r="EA21" s="71">
        <v>43</v>
      </c>
      <c r="EB21" s="71">
        <v>37</v>
      </c>
      <c r="EC21" s="72">
        <v>311</v>
      </c>
      <c r="ED21" s="73">
        <v>471</v>
      </c>
      <c r="EE21" s="70">
        <v>146</v>
      </c>
      <c r="EF21" s="71">
        <v>181</v>
      </c>
      <c r="EG21" s="72">
        <v>327</v>
      </c>
      <c r="EH21" s="244"/>
      <c r="EI21" s="71">
        <v>192</v>
      </c>
      <c r="EJ21" s="71">
        <v>150</v>
      </c>
      <c r="EK21" s="71">
        <v>117</v>
      </c>
      <c r="EL21" s="71">
        <v>99</v>
      </c>
      <c r="EM21" s="71">
        <v>77</v>
      </c>
      <c r="EN21" s="72">
        <v>635</v>
      </c>
      <c r="EO21" s="73">
        <v>962</v>
      </c>
      <c r="EP21" s="70">
        <v>243</v>
      </c>
      <c r="EQ21" s="71">
        <v>322</v>
      </c>
      <c r="ER21" s="72">
        <v>565</v>
      </c>
      <c r="ES21" s="244"/>
      <c r="ET21" s="71">
        <v>377</v>
      </c>
      <c r="EU21" s="71">
        <v>302</v>
      </c>
      <c r="EV21" s="71">
        <v>175</v>
      </c>
      <c r="EW21" s="71">
        <v>171</v>
      </c>
      <c r="EX21" s="71">
        <v>140</v>
      </c>
      <c r="EY21" s="72">
        <v>1165</v>
      </c>
      <c r="EZ21" s="73">
        <v>1730</v>
      </c>
      <c r="FA21" s="70">
        <v>222</v>
      </c>
      <c r="FB21" s="71">
        <v>275</v>
      </c>
      <c r="FC21" s="72">
        <v>497</v>
      </c>
      <c r="FD21" s="244"/>
      <c r="FE21" s="71">
        <v>415</v>
      </c>
      <c r="FF21" s="71">
        <v>365</v>
      </c>
      <c r="FG21" s="71">
        <v>236</v>
      </c>
      <c r="FH21" s="71">
        <v>241</v>
      </c>
      <c r="FI21" s="71">
        <v>180</v>
      </c>
      <c r="FJ21" s="72">
        <v>1437</v>
      </c>
      <c r="FK21" s="73">
        <v>1934</v>
      </c>
      <c r="FL21" s="70">
        <v>96</v>
      </c>
      <c r="FM21" s="71">
        <v>150</v>
      </c>
      <c r="FN21" s="72">
        <v>246</v>
      </c>
      <c r="FO21" s="244"/>
      <c r="FP21" s="71">
        <v>276</v>
      </c>
      <c r="FQ21" s="71">
        <v>315</v>
      </c>
      <c r="FR21" s="71">
        <v>318</v>
      </c>
      <c r="FS21" s="71">
        <v>330</v>
      </c>
      <c r="FT21" s="71">
        <v>199</v>
      </c>
      <c r="FU21" s="72">
        <v>1438</v>
      </c>
      <c r="FV21" s="73">
        <v>1684</v>
      </c>
      <c r="FW21" s="70">
        <v>13</v>
      </c>
      <c r="FX21" s="71">
        <v>15</v>
      </c>
      <c r="FY21" s="72">
        <v>28</v>
      </c>
      <c r="FZ21" s="244"/>
      <c r="GA21" s="71">
        <v>25</v>
      </c>
      <c r="GB21" s="71">
        <v>31</v>
      </c>
      <c r="GC21" s="71">
        <v>23</v>
      </c>
      <c r="GD21" s="71">
        <v>15</v>
      </c>
      <c r="GE21" s="71">
        <v>13</v>
      </c>
      <c r="GF21" s="72">
        <v>107</v>
      </c>
      <c r="GG21" s="73">
        <v>135</v>
      </c>
      <c r="GH21" s="70">
        <v>806</v>
      </c>
      <c r="GI21" s="71">
        <v>1064</v>
      </c>
      <c r="GJ21" s="72">
        <v>1870</v>
      </c>
      <c r="GK21" s="244"/>
      <c r="GL21" s="71">
        <v>1418</v>
      </c>
      <c r="GM21" s="71">
        <v>1280</v>
      </c>
      <c r="GN21" s="71">
        <v>935</v>
      </c>
      <c r="GO21" s="71">
        <v>917</v>
      </c>
      <c r="GP21" s="71">
        <v>664</v>
      </c>
      <c r="GQ21" s="72">
        <v>5214</v>
      </c>
      <c r="GR21" s="73">
        <v>7084</v>
      </c>
      <c r="GS21" s="123">
        <v>1214</v>
      </c>
      <c r="GT21" s="82">
        <v>1466</v>
      </c>
      <c r="GU21" s="83">
        <v>2680</v>
      </c>
      <c r="GV21" s="241"/>
      <c r="GW21" s="82">
        <v>2295</v>
      </c>
      <c r="GX21" s="82">
        <v>1966</v>
      </c>
      <c r="GY21" s="82">
        <v>1441</v>
      </c>
      <c r="GZ21" s="82">
        <v>1347</v>
      </c>
      <c r="HA21" s="82">
        <v>933</v>
      </c>
      <c r="HB21" s="84">
        <v>7982</v>
      </c>
      <c r="HC21" s="85">
        <v>10662</v>
      </c>
      <c r="HD21" s="70">
        <v>38</v>
      </c>
      <c r="HE21" s="71">
        <v>57</v>
      </c>
      <c r="HF21" s="72">
        <v>95</v>
      </c>
      <c r="HG21" s="244"/>
      <c r="HH21" s="71">
        <v>94</v>
      </c>
      <c r="HI21" s="71">
        <v>72</v>
      </c>
      <c r="HJ21" s="71">
        <v>46</v>
      </c>
      <c r="HK21" s="71">
        <v>53</v>
      </c>
      <c r="HL21" s="71">
        <v>37</v>
      </c>
      <c r="HM21" s="72">
        <v>302</v>
      </c>
      <c r="HN21" s="73">
        <v>397</v>
      </c>
      <c r="HO21" s="70">
        <v>115</v>
      </c>
      <c r="HP21" s="71">
        <v>149</v>
      </c>
      <c r="HQ21" s="72">
        <v>264</v>
      </c>
      <c r="HR21" s="244"/>
      <c r="HS21" s="71">
        <v>197</v>
      </c>
      <c r="HT21" s="71">
        <v>170</v>
      </c>
      <c r="HU21" s="71">
        <v>129</v>
      </c>
      <c r="HV21" s="71">
        <v>104</v>
      </c>
      <c r="HW21" s="71">
        <v>79</v>
      </c>
      <c r="HX21" s="72">
        <v>679</v>
      </c>
      <c r="HY21" s="73">
        <v>943</v>
      </c>
      <c r="HZ21" s="70">
        <v>221</v>
      </c>
      <c r="IA21" s="71">
        <v>246</v>
      </c>
      <c r="IB21" s="72">
        <v>467</v>
      </c>
      <c r="IC21" s="244"/>
      <c r="ID21" s="71">
        <v>333</v>
      </c>
      <c r="IE21" s="71">
        <v>266</v>
      </c>
      <c r="IF21" s="71">
        <v>208</v>
      </c>
      <c r="IG21" s="71">
        <v>167</v>
      </c>
      <c r="IH21" s="71">
        <v>142</v>
      </c>
      <c r="II21" s="72">
        <v>1116</v>
      </c>
      <c r="IJ21" s="73">
        <v>1583</v>
      </c>
      <c r="IK21" s="70">
        <v>364</v>
      </c>
      <c r="IL21" s="71">
        <v>421</v>
      </c>
      <c r="IM21" s="72">
        <v>785</v>
      </c>
      <c r="IN21" s="244"/>
      <c r="IO21" s="71">
        <v>626</v>
      </c>
      <c r="IP21" s="71">
        <v>487</v>
      </c>
      <c r="IQ21" s="71">
        <v>292</v>
      </c>
      <c r="IR21" s="71">
        <v>283</v>
      </c>
      <c r="IS21" s="71">
        <v>207</v>
      </c>
      <c r="IT21" s="72">
        <v>1895</v>
      </c>
      <c r="IU21" s="73">
        <v>2680</v>
      </c>
      <c r="IV21" s="70">
        <v>326</v>
      </c>
      <c r="IW21" s="71">
        <v>384</v>
      </c>
      <c r="IX21" s="72">
        <v>710</v>
      </c>
      <c r="IY21" s="244"/>
      <c r="IZ21" s="71">
        <v>641</v>
      </c>
      <c r="JA21" s="71">
        <v>547</v>
      </c>
      <c r="JB21" s="71">
        <v>366</v>
      </c>
      <c r="JC21" s="71">
        <v>341</v>
      </c>
      <c r="JD21" s="71">
        <v>226</v>
      </c>
      <c r="JE21" s="72">
        <v>2121</v>
      </c>
      <c r="JF21" s="73">
        <v>2831</v>
      </c>
      <c r="JG21" s="70">
        <v>150</v>
      </c>
      <c r="JH21" s="71">
        <v>209</v>
      </c>
      <c r="JI21" s="72">
        <v>359</v>
      </c>
      <c r="JJ21" s="244"/>
      <c r="JK21" s="71">
        <v>404</v>
      </c>
      <c r="JL21" s="71">
        <v>424</v>
      </c>
      <c r="JM21" s="71">
        <v>400</v>
      </c>
      <c r="JN21" s="71">
        <v>399</v>
      </c>
      <c r="JO21" s="71">
        <v>242</v>
      </c>
      <c r="JP21" s="72">
        <v>1869</v>
      </c>
      <c r="JQ21" s="73">
        <v>2228</v>
      </c>
      <c r="JR21" s="70">
        <v>22</v>
      </c>
      <c r="JS21" s="71">
        <v>35</v>
      </c>
      <c r="JT21" s="72">
        <v>57</v>
      </c>
      <c r="JU21" s="244"/>
      <c r="JV21" s="71">
        <v>58</v>
      </c>
      <c r="JW21" s="71">
        <v>70</v>
      </c>
      <c r="JX21" s="71">
        <v>54</v>
      </c>
      <c r="JY21" s="71">
        <v>34</v>
      </c>
      <c r="JZ21" s="71">
        <v>39</v>
      </c>
      <c r="KA21" s="72">
        <v>255</v>
      </c>
      <c r="KB21" s="73">
        <v>312</v>
      </c>
      <c r="KC21" s="70">
        <v>1236</v>
      </c>
      <c r="KD21" s="71">
        <v>1501</v>
      </c>
      <c r="KE21" s="72">
        <v>2737</v>
      </c>
      <c r="KF21" s="244"/>
      <c r="KG21" s="71">
        <v>2353</v>
      </c>
      <c r="KH21" s="71">
        <v>2036</v>
      </c>
      <c r="KI21" s="71">
        <v>1495</v>
      </c>
      <c r="KJ21" s="71">
        <v>1381</v>
      </c>
      <c r="KK21" s="71">
        <v>972</v>
      </c>
      <c r="KL21" s="72">
        <v>8237</v>
      </c>
      <c r="KM21" s="73">
        <v>10974</v>
      </c>
    </row>
    <row r="22" spans="2:299" ht="19.5" customHeight="1" x14ac:dyDescent="0.2">
      <c r="B22" s="126" t="s">
        <v>19</v>
      </c>
      <c r="C22" s="316">
        <v>181</v>
      </c>
      <c r="D22" s="82">
        <v>166</v>
      </c>
      <c r="E22" s="83">
        <v>347</v>
      </c>
      <c r="F22" s="241"/>
      <c r="G22" s="82">
        <v>377</v>
      </c>
      <c r="H22" s="82">
        <v>315</v>
      </c>
      <c r="I22" s="82">
        <v>198</v>
      </c>
      <c r="J22" s="82">
        <v>149</v>
      </c>
      <c r="K22" s="82">
        <v>108</v>
      </c>
      <c r="L22" s="84">
        <v>1147</v>
      </c>
      <c r="M22" s="85">
        <v>1494</v>
      </c>
      <c r="N22" s="86">
        <v>11</v>
      </c>
      <c r="O22" s="71">
        <v>7</v>
      </c>
      <c r="P22" s="72">
        <v>18</v>
      </c>
      <c r="Q22" s="244"/>
      <c r="R22" s="71">
        <v>24</v>
      </c>
      <c r="S22" s="71">
        <v>16</v>
      </c>
      <c r="T22" s="71">
        <v>8</v>
      </c>
      <c r="U22" s="71">
        <v>11</v>
      </c>
      <c r="V22" s="71">
        <v>8</v>
      </c>
      <c r="W22" s="72">
        <v>67</v>
      </c>
      <c r="X22" s="73">
        <v>85</v>
      </c>
      <c r="Y22" s="70">
        <v>15</v>
      </c>
      <c r="Z22" s="71">
        <v>15</v>
      </c>
      <c r="AA22" s="72">
        <v>30</v>
      </c>
      <c r="AB22" s="244"/>
      <c r="AC22" s="71">
        <v>42</v>
      </c>
      <c r="AD22" s="71">
        <v>54</v>
      </c>
      <c r="AE22" s="71">
        <v>26</v>
      </c>
      <c r="AF22" s="71">
        <v>17</v>
      </c>
      <c r="AG22" s="71">
        <v>13</v>
      </c>
      <c r="AH22" s="72">
        <v>152</v>
      </c>
      <c r="AI22" s="73">
        <v>182</v>
      </c>
      <c r="AJ22" s="86">
        <v>37</v>
      </c>
      <c r="AK22" s="71">
        <v>23</v>
      </c>
      <c r="AL22" s="72">
        <v>60</v>
      </c>
      <c r="AM22" s="244"/>
      <c r="AN22" s="71">
        <v>59</v>
      </c>
      <c r="AO22" s="71">
        <v>47</v>
      </c>
      <c r="AP22" s="71">
        <v>39</v>
      </c>
      <c r="AQ22" s="71">
        <v>26</v>
      </c>
      <c r="AR22" s="71">
        <v>15</v>
      </c>
      <c r="AS22" s="72">
        <v>186</v>
      </c>
      <c r="AT22" s="73">
        <v>246</v>
      </c>
      <c r="AU22" s="70">
        <v>47</v>
      </c>
      <c r="AV22" s="71">
        <v>41</v>
      </c>
      <c r="AW22" s="72">
        <v>88</v>
      </c>
      <c r="AX22" s="244"/>
      <c r="AY22" s="71">
        <v>86</v>
      </c>
      <c r="AZ22" s="71">
        <v>66</v>
      </c>
      <c r="BA22" s="71">
        <v>55</v>
      </c>
      <c r="BB22" s="71">
        <v>43</v>
      </c>
      <c r="BC22" s="71">
        <v>26</v>
      </c>
      <c r="BD22" s="72">
        <v>276</v>
      </c>
      <c r="BE22" s="73">
        <v>364</v>
      </c>
      <c r="BF22" s="86">
        <v>49</v>
      </c>
      <c r="BG22" s="71">
        <v>45</v>
      </c>
      <c r="BH22" s="72">
        <v>94</v>
      </c>
      <c r="BI22" s="244"/>
      <c r="BJ22" s="71">
        <v>105</v>
      </c>
      <c r="BK22" s="71">
        <v>76</v>
      </c>
      <c r="BL22" s="71">
        <v>38</v>
      </c>
      <c r="BM22" s="71">
        <v>29</v>
      </c>
      <c r="BN22" s="71">
        <v>25</v>
      </c>
      <c r="BO22" s="72">
        <v>273</v>
      </c>
      <c r="BP22" s="73">
        <v>367</v>
      </c>
      <c r="BQ22" s="70">
        <v>22</v>
      </c>
      <c r="BR22" s="71">
        <v>35</v>
      </c>
      <c r="BS22" s="72">
        <v>57</v>
      </c>
      <c r="BT22" s="244"/>
      <c r="BU22" s="71">
        <v>61</v>
      </c>
      <c r="BV22" s="71">
        <v>56</v>
      </c>
      <c r="BW22" s="71">
        <v>32</v>
      </c>
      <c r="BX22" s="71">
        <v>23</v>
      </c>
      <c r="BY22" s="71">
        <v>21</v>
      </c>
      <c r="BZ22" s="72">
        <v>193</v>
      </c>
      <c r="CA22" s="73">
        <v>250</v>
      </c>
      <c r="CB22" s="70">
        <v>3</v>
      </c>
      <c r="CC22" s="71">
        <v>12</v>
      </c>
      <c r="CD22" s="72">
        <v>15</v>
      </c>
      <c r="CE22" s="244"/>
      <c r="CF22" s="71">
        <v>13</v>
      </c>
      <c r="CG22" s="71">
        <v>13</v>
      </c>
      <c r="CH22" s="71">
        <v>13</v>
      </c>
      <c r="CI22" s="71">
        <v>10</v>
      </c>
      <c r="CJ22" s="71">
        <v>6</v>
      </c>
      <c r="CK22" s="72">
        <v>55</v>
      </c>
      <c r="CL22" s="73">
        <v>70</v>
      </c>
      <c r="CM22" s="70">
        <v>184</v>
      </c>
      <c r="CN22" s="71">
        <v>178</v>
      </c>
      <c r="CO22" s="72">
        <v>362</v>
      </c>
      <c r="CP22" s="244"/>
      <c r="CQ22" s="71">
        <v>390</v>
      </c>
      <c r="CR22" s="71">
        <v>328</v>
      </c>
      <c r="CS22" s="71">
        <v>211</v>
      </c>
      <c r="CT22" s="71">
        <v>159</v>
      </c>
      <c r="CU22" s="71">
        <v>114</v>
      </c>
      <c r="CV22" s="72">
        <v>1202</v>
      </c>
      <c r="CW22" s="73">
        <v>1564</v>
      </c>
      <c r="CX22" s="123">
        <v>333</v>
      </c>
      <c r="CY22" s="82">
        <v>396</v>
      </c>
      <c r="CZ22" s="83">
        <v>729</v>
      </c>
      <c r="DA22" s="241"/>
      <c r="DB22" s="82">
        <v>643</v>
      </c>
      <c r="DC22" s="82">
        <v>492</v>
      </c>
      <c r="DD22" s="82">
        <v>426</v>
      </c>
      <c r="DE22" s="82">
        <v>367</v>
      </c>
      <c r="DF22" s="82">
        <v>246</v>
      </c>
      <c r="DG22" s="84">
        <v>2174</v>
      </c>
      <c r="DH22" s="85">
        <v>2903</v>
      </c>
      <c r="DI22" s="86">
        <v>15</v>
      </c>
      <c r="DJ22" s="71">
        <v>10</v>
      </c>
      <c r="DK22" s="72">
        <v>25</v>
      </c>
      <c r="DL22" s="244"/>
      <c r="DM22" s="71">
        <v>14</v>
      </c>
      <c r="DN22" s="71">
        <v>14</v>
      </c>
      <c r="DO22" s="71">
        <v>10</v>
      </c>
      <c r="DP22" s="71">
        <v>0</v>
      </c>
      <c r="DQ22" s="71">
        <v>5</v>
      </c>
      <c r="DR22" s="72">
        <v>43</v>
      </c>
      <c r="DS22" s="73">
        <v>68</v>
      </c>
      <c r="DT22" s="70">
        <v>26</v>
      </c>
      <c r="DU22" s="71">
        <v>38</v>
      </c>
      <c r="DV22" s="72">
        <v>64</v>
      </c>
      <c r="DW22" s="244"/>
      <c r="DX22" s="71">
        <v>47</v>
      </c>
      <c r="DY22" s="71">
        <v>24</v>
      </c>
      <c r="DZ22" s="71">
        <v>15</v>
      </c>
      <c r="EA22" s="71">
        <v>18</v>
      </c>
      <c r="EB22" s="71">
        <v>15</v>
      </c>
      <c r="EC22" s="72">
        <v>119</v>
      </c>
      <c r="ED22" s="73">
        <v>183</v>
      </c>
      <c r="EE22" s="86">
        <v>54</v>
      </c>
      <c r="EF22" s="71">
        <v>57</v>
      </c>
      <c r="EG22" s="72">
        <v>111</v>
      </c>
      <c r="EH22" s="244"/>
      <c r="EI22" s="71">
        <v>89</v>
      </c>
      <c r="EJ22" s="71">
        <v>63</v>
      </c>
      <c r="EK22" s="71">
        <v>43</v>
      </c>
      <c r="EL22" s="71">
        <v>39</v>
      </c>
      <c r="EM22" s="71">
        <v>35</v>
      </c>
      <c r="EN22" s="72">
        <v>269</v>
      </c>
      <c r="EO22" s="73">
        <v>380</v>
      </c>
      <c r="EP22" s="70">
        <v>111</v>
      </c>
      <c r="EQ22" s="71">
        <v>98</v>
      </c>
      <c r="ER22" s="72">
        <v>209</v>
      </c>
      <c r="ES22" s="244"/>
      <c r="ET22" s="71">
        <v>165</v>
      </c>
      <c r="EU22" s="71">
        <v>112</v>
      </c>
      <c r="EV22" s="71">
        <v>79</v>
      </c>
      <c r="EW22" s="71">
        <v>67</v>
      </c>
      <c r="EX22" s="71">
        <v>46</v>
      </c>
      <c r="EY22" s="72">
        <v>469</v>
      </c>
      <c r="EZ22" s="73">
        <v>678</v>
      </c>
      <c r="FA22" s="86">
        <v>86</v>
      </c>
      <c r="FB22" s="71">
        <v>116</v>
      </c>
      <c r="FC22" s="72">
        <v>202</v>
      </c>
      <c r="FD22" s="244"/>
      <c r="FE22" s="71">
        <v>170</v>
      </c>
      <c r="FF22" s="71">
        <v>135</v>
      </c>
      <c r="FG22" s="71">
        <v>116</v>
      </c>
      <c r="FH22" s="71">
        <v>77</v>
      </c>
      <c r="FI22" s="71">
        <v>47</v>
      </c>
      <c r="FJ22" s="72">
        <v>545</v>
      </c>
      <c r="FK22" s="73">
        <v>747</v>
      </c>
      <c r="FL22" s="70">
        <v>41</v>
      </c>
      <c r="FM22" s="71">
        <v>77</v>
      </c>
      <c r="FN22" s="72">
        <v>118</v>
      </c>
      <c r="FO22" s="244"/>
      <c r="FP22" s="71">
        <v>158</v>
      </c>
      <c r="FQ22" s="71">
        <v>144</v>
      </c>
      <c r="FR22" s="71">
        <v>163</v>
      </c>
      <c r="FS22" s="71">
        <v>166</v>
      </c>
      <c r="FT22" s="71">
        <v>98</v>
      </c>
      <c r="FU22" s="72">
        <v>729</v>
      </c>
      <c r="FV22" s="73">
        <v>847</v>
      </c>
      <c r="FW22" s="70">
        <v>3</v>
      </c>
      <c r="FX22" s="71">
        <v>5</v>
      </c>
      <c r="FY22" s="72">
        <v>8</v>
      </c>
      <c r="FZ22" s="244"/>
      <c r="GA22" s="71">
        <v>7</v>
      </c>
      <c r="GB22" s="71">
        <v>10</v>
      </c>
      <c r="GC22" s="71">
        <v>4</v>
      </c>
      <c r="GD22" s="71">
        <v>4</v>
      </c>
      <c r="GE22" s="71">
        <v>5</v>
      </c>
      <c r="GF22" s="72">
        <v>30</v>
      </c>
      <c r="GG22" s="73">
        <v>38</v>
      </c>
      <c r="GH22" s="70">
        <v>336</v>
      </c>
      <c r="GI22" s="71">
        <v>401</v>
      </c>
      <c r="GJ22" s="72">
        <v>737</v>
      </c>
      <c r="GK22" s="244"/>
      <c r="GL22" s="71">
        <v>650</v>
      </c>
      <c r="GM22" s="71">
        <v>502</v>
      </c>
      <c r="GN22" s="71">
        <v>430</v>
      </c>
      <c r="GO22" s="71">
        <v>371</v>
      </c>
      <c r="GP22" s="71">
        <v>251</v>
      </c>
      <c r="GQ22" s="72">
        <v>2204</v>
      </c>
      <c r="GR22" s="73">
        <v>2941</v>
      </c>
      <c r="GS22" s="123">
        <v>514</v>
      </c>
      <c r="GT22" s="82">
        <v>562</v>
      </c>
      <c r="GU22" s="83">
        <v>1076</v>
      </c>
      <c r="GV22" s="241"/>
      <c r="GW22" s="82">
        <v>1020</v>
      </c>
      <c r="GX22" s="82">
        <v>807</v>
      </c>
      <c r="GY22" s="82">
        <v>624</v>
      </c>
      <c r="GZ22" s="82">
        <v>516</v>
      </c>
      <c r="HA22" s="82">
        <v>354</v>
      </c>
      <c r="HB22" s="84">
        <v>3321</v>
      </c>
      <c r="HC22" s="85">
        <v>4397</v>
      </c>
      <c r="HD22" s="86">
        <v>26</v>
      </c>
      <c r="HE22" s="71">
        <v>17</v>
      </c>
      <c r="HF22" s="72">
        <v>43</v>
      </c>
      <c r="HG22" s="244"/>
      <c r="HH22" s="71">
        <v>38</v>
      </c>
      <c r="HI22" s="71">
        <v>30</v>
      </c>
      <c r="HJ22" s="71">
        <v>18</v>
      </c>
      <c r="HK22" s="71">
        <v>11</v>
      </c>
      <c r="HL22" s="71">
        <v>13</v>
      </c>
      <c r="HM22" s="72">
        <v>110</v>
      </c>
      <c r="HN22" s="73">
        <v>153</v>
      </c>
      <c r="HO22" s="70">
        <v>41</v>
      </c>
      <c r="HP22" s="71">
        <v>53</v>
      </c>
      <c r="HQ22" s="72">
        <v>94</v>
      </c>
      <c r="HR22" s="244"/>
      <c r="HS22" s="71">
        <v>89</v>
      </c>
      <c r="HT22" s="71">
        <v>78</v>
      </c>
      <c r="HU22" s="71">
        <v>41</v>
      </c>
      <c r="HV22" s="71">
        <v>35</v>
      </c>
      <c r="HW22" s="71">
        <v>28</v>
      </c>
      <c r="HX22" s="72">
        <v>271</v>
      </c>
      <c r="HY22" s="73">
        <v>365</v>
      </c>
      <c r="HZ22" s="86">
        <v>91</v>
      </c>
      <c r="IA22" s="71">
        <v>80</v>
      </c>
      <c r="IB22" s="72">
        <v>171</v>
      </c>
      <c r="IC22" s="244"/>
      <c r="ID22" s="71">
        <v>148</v>
      </c>
      <c r="IE22" s="71">
        <v>110</v>
      </c>
      <c r="IF22" s="71">
        <v>82</v>
      </c>
      <c r="IG22" s="71">
        <v>65</v>
      </c>
      <c r="IH22" s="71">
        <v>50</v>
      </c>
      <c r="II22" s="72">
        <v>455</v>
      </c>
      <c r="IJ22" s="73">
        <v>626</v>
      </c>
      <c r="IK22" s="70">
        <v>158</v>
      </c>
      <c r="IL22" s="71">
        <v>139</v>
      </c>
      <c r="IM22" s="72">
        <v>297</v>
      </c>
      <c r="IN22" s="244"/>
      <c r="IO22" s="71">
        <v>251</v>
      </c>
      <c r="IP22" s="71">
        <v>178</v>
      </c>
      <c r="IQ22" s="71">
        <v>134</v>
      </c>
      <c r="IR22" s="71">
        <v>110</v>
      </c>
      <c r="IS22" s="71">
        <v>72</v>
      </c>
      <c r="IT22" s="72">
        <v>745</v>
      </c>
      <c r="IU22" s="73">
        <v>1042</v>
      </c>
      <c r="IV22" s="86">
        <v>135</v>
      </c>
      <c r="IW22" s="71">
        <v>161</v>
      </c>
      <c r="IX22" s="72">
        <v>296</v>
      </c>
      <c r="IY22" s="244"/>
      <c r="IZ22" s="71">
        <v>275</v>
      </c>
      <c r="JA22" s="71">
        <v>211</v>
      </c>
      <c r="JB22" s="71">
        <v>154</v>
      </c>
      <c r="JC22" s="71">
        <v>106</v>
      </c>
      <c r="JD22" s="71">
        <v>72</v>
      </c>
      <c r="JE22" s="72">
        <v>818</v>
      </c>
      <c r="JF22" s="73">
        <v>1114</v>
      </c>
      <c r="JG22" s="70">
        <v>63</v>
      </c>
      <c r="JH22" s="71">
        <v>112</v>
      </c>
      <c r="JI22" s="72">
        <v>175</v>
      </c>
      <c r="JJ22" s="244"/>
      <c r="JK22" s="71">
        <v>219</v>
      </c>
      <c r="JL22" s="71">
        <v>200</v>
      </c>
      <c r="JM22" s="71">
        <v>195</v>
      </c>
      <c r="JN22" s="71">
        <v>189</v>
      </c>
      <c r="JO22" s="71">
        <v>119</v>
      </c>
      <c r="JP22" s="72">
        <v>922</v>
      </c>
      <c r="JQ22" s="73">
        <v>1097</v>
      </c>
      <c r="JR22" s="70">
        <v>6</v>
      </c>
      <c r="JS22" s="71">
        <v>17</v>
      </c>
      <c r="JT22" s="72">
        <v>23</v>
      </c>
      <c r="JU22" s="244"/>
      <c r="JV22" s="71">
        <v>20</v>
      </c>
      <c r="JW22" s="71">
        <v>23</v>
      </c>
      <c r="JX22" s="71">
        <v>17</v>
      </c>
      <c r="JY22" s="71">
        <v>14</v>
      </c>
      <c r="JZ22" s="71">
        <v>11</v>
      </c>
      <c r="KA22" s="72">
        <v>85</v>
      </c>
      <c r="KB22" s="73">
        <v>108</v>
      </c>
      <c r="KC22" s="70">
        <v>520</v>
      </c>
      <c r="KD22" s="71">
        <v>579</v>
      </c>
      <c r="KE22" s="72">
        <v>1099</v>
      </c>
      <c r="KF22" s="244"/>
      <c r="KG22" s="71">
        <v>1040</v>
      </c>
      <c r="KH22" s="71">
        <v>830</v>
      </c>
      <c r="KI22" s="71">
        <v>641</v>
      </c>
      <c r="KJ22" s="71">
        <v>530</v>
      </c>
      <c r="KK22" s="71">
        <v>365</v>
      </c>
      <c r="KL22" s="72">
        <v>3406</v>
      </c>
      <c r="KM22" s="73">
        <v>4505</v>
      </c>
    </row>
    <row r="23" spans="2:299" ht="19.5" customHeight="1" x14ac:dyDescent="0.2">
      <c r="B23" s="126" t="s">
        <v>20</v>
      </c>
      <c r="C23" s="316">
        <v>241</v>
      </c>
      <c r="D23" s="82">
        <v>313</v>
      </c>
      <c r="E23" s="83">
        <v>554</v>
      </c>
      <c r="F23" s="241"/>
      <c r="G23" s="82">
        <v>579</v>
      </c>
      <c r="H23" s="82">
        <v>326</v>
      </c>
      <c r="I23" s="82">
        <v>253</v>
      </c>
      <c r="J23" s="82">
        <v>200</v>
      </c>
      <c r="K23" s="82">
        <v>103</v>
      </c>
      <c r="L23" s="84">
        <v>1461</v>
      </c>
      <c r="M23" s="85">
        <v>2015</v>
      </c>
      <c r="N23" s="70">
        <v>11</v>
      </c>
      <c r="O23" s="71">
        <v>8</v>
      </c>
      <c r="P23" s="72">
        <v>19</v>
      </c>
      <c r="Q23" s="244"/>
      <c r="R23" s="71">
        <v>27</v>
      </c>
      <c r="S23" s="71">
        <v>19</v>
      </c>
      <c r="T23" s="71">
        <v>12</v>
      </c>
      <c r="U23" s="71">
        <v>12</v>
      </c>
      <c r="V23" s="71">
        <v>8</v>
      </c>
      <c r="W23" s="72">
        <v>78</v>
      </c>
      <c r="X23" s="73">
        <v>97</v>
      </c>
      <c r="Y23" s="70">
        <v>26</v>
      </c>
      <c r="Z23" s="71">
        <v>32</v>
      </c>
      <c r="AA23" s="72">
        <v>58</v>
      </c>
      <c r="AB23" s="244"/>
      <c r="AC23" s="71">
        <v>68</v>
      </c>
      <c r="AD23" s="71">
        <v>43</v>
      </c>
      <c r="AE23" s="71">
        <v>31</v>
      </c>
      <c r="AF23" s="71">
        <v>27</v>
      </c>
      <c r="AG23" s="71">
        <v>20</v>
      </c>
      <c r="AH23" s="72">
        <v>189</v>
      </c>
      <c r="AI23" s="73">
        <v>247</v>
      </c>
      <c r="AJ23" s="70">
        <v>49</v>
      </c>
      <c r="AK23" s="71">
        <v>55</v>
      </c>
      <c r="AL23" s="72">
        <v>104</v>
      </c>
      <c r="AM23" s="244"/>
      <c r="AN23" s="71">
        <v>88</v>
      </c>
      <c r="AO23" s="71">
        <v>56</v>
      </c>
      <c r="AP23" s="71">
        <v>40</v>
      </c>
      <c r="AQ23" s="71">
        <v>38</v>
      </c>
      <c r="AR23" s="71">
        <v>27</v>
      </c>
      <c r="AS23" s="72">
        <v>249</v>
      </c>
      <c r="AT23" s="73">
        <v>353</v>
      </c>
      <c r="AU23" s="70">
        <v>59</v>
      </c>
      <c r="AV23" s="71">
        <v>102</v>
      </c>
      <c r="AW23" s="72">
        <v>161</v>
      </c>
      <c r="AX23" s="244"/>
      <c r="AY23" s="71">
        <v>168</v>
      </c>
      <c r="AZ23" s="71">
        <v>87</v>
      </c>
      <c r="BA23" s="71">
        <v>74</v>
      </c>
      <c r="BB23" s="71">
        <v>54</v>
      </c>
      <c r="BC23" s="71">
        <v>29</v>
      </c>
      <c r="BD23" s="72">
        <v>412</v>
      </c>
      <c r="BE23" s="73">
        <v>573</v>
      </c>
      <c r="BF23" s="70">
        <v>63</v>
      </c>
      <c r="BG23" s="71">
        <v>77</v>
      </c>
      <c r="BH23" s="72">
        <v>140</v>
      </c>
      <c r="BI23" s="244"/>
      <c r="BJ23" s="71">
        <v>164</v>
      </c>
      <c r="BK23" s="71">
        <v>77</v>
      </c>
      <c r="BL23" s="71">
        <v>57</v>
      </c>
      <c r="BM23" s="71">
        <v>41</v>
      </c>
      <c r="BN23" s="71">
        <v>13</v>
      </c>
      <c r="BO23" s="72">
        <v>352</v>
      </c>
      <c r="BP23" s="73">
        <v>492</v>
      </c>
      <c r="BQ23" s="70">
        <v>33</v>
      </c>
      <c r="BR23" s="71">
        <v>39</v>
      </c>
      <c r="BS23" s="72">
        <v>72</v>
      </c>
      <c r="BT23" s="244"/>
      <c r="BU23" s="71">
        <v>64</v>
      </c>
      <c r="BV23" s="71">
        <v>44</v>
      </c>
      <c r="BW23" s="71">
        <v>39</v>
      </c>
      <c r="BX23" s="71">
        <v>28</v>
      </c>
      <c r="BY23" s="71">
        <v>6</v>
      </c>
      <c r="BZ23" s="72">
        <v>181</v>
      </c>
      <c r="CA23" s="73">
        <v>253</v>
      </c>
      <c r="CB23" s="70">
        <v>6</v>
      </c>
      <c r="CC23" s="71">
        <v>16</v>
      </c>
      <c r="CD23" s="72">
        <v>22</v>
      </c>
      <c r="CE23" s="244"/>
      <c r="CF23" s="71">
        <v>28</v>
      </c>
      <c r="CG23" s="71">
        <v>12</v>
      </c>
      <c r="CH23" s="71">
        <v>13</v>
      </c>
      <c r="CI23" s="71">
        <v>11</v>
      </c>
      <c r="CJ23" s="71">
        <v>3</v>
      </c>
      <c r="CK23" s="72">
        <v>67</v>
      </c>
      <c r="CL23" s="73">
        <v>89</v>
      </c>
      <c r="CM23" s="70">
        <v>247</v>
      </c>
      <c r="CN23" s="71">
        <v>329</v>
      </c>
      <c r="CO23" s="72">
        <v>576</v>
      </c>
      <c r="CP23" s="244"/>
      <c r="CQ23" s="71">
        <v>607</v>
      </c>
      <c r="CR23" s="71">
        <v>338</v>
      </c>
      <c r="CS23" s="71">
        <v>266</v>
      </c>
      <c r="CT23" s="71">
        <v>211</v>
      </c>
      <c r="CU23" s="71">
        <v>106</v>
      </c>
      <c r="CV23" s="72">
        <v>1528</v>
      </c>
      <c r="CW23" s="73">
        <v>2104</v>
      </c>
      <c r="CX23" s="123">
        <v>470</v>
      </c>
      <c r="CY23" s="82">
        <v>589</v>
      </c>
      <c r="CZ23" s="83">
        <v>1059</v>
      </c>
      <c r="DA23" s="241"/>
      <c r="DB23" s="82">
        <v>818</v>
      </c>
      <c r="DC23" s="82">
        <v>509</v>
      </c>
      <c r="DD23" s="82">
        <v>470</v>
      </c>
      <c r="DE23" s="82">
        <v>413</v>
      </c>
      <c r="DF23" s="82">
        <v>248</v>
      </c>
      <c r="DG23" s="84">
        <v>2458</v>
      </c>
      <c r="DH23" s="85">
        <v>3517</v>
      </c>
      <c r="DI23" s="70">
        <v>9</v>
      </c>
      <c r="DJ23" s="71">
        <v>10</v>
      </c>
      <c r="DK23" s="72">
        <v>19</v>
      </c>
      <c r="DL23" s="244"/>
      <c r="DM23" s="71">
        <v>19</v>
      </c>
      <c r="DN23" s="71">
        <v>14</v>
      </c>
      <c r="DO23" s="71">
        <v>8</v>
      </c>
      <c r="DP23" s="71">
        <v>13</v>
      </c>
      <c r="DQ23" s="71">
        <v>4</v>
      </c>
      <c r="DR23" s="72">
        <v>58</v>
      </c>
      <c r="DS23" s="73">
        <v>77</v>
      </c>
      <c r="DT23" s="70">
        <v>43</v>
      </c>
      <c r="DU23" s="71">
        <v>44</v>
      </c>
      <c r="DV23" s="72">
        <v>87</v>
      </c>
      <c r="DW23" s="244"/>
      <c r="DX23" s="71">
        <v>60</v>
      </c>
      <c r="DY23" s="71">
        <v>30</v>
      </c>
      <c r="DZ23" s="71">
        <v>24</v>
      </c>
      <c r="EA23" s="71">
        <v>24</v>
      </c>
      <c r="EB23" s="71">
        <v>24</v>
      </c>
      <c r="EC23" s="72">
        <v>162</v>
      </c>
      <c r="ED23" s="73">
        <v>249</v>
      </c>
      <c r="EE23" s="70">
        <v>89</v>
      </c>
      <c r="EF23" s="71">
        <v>83</v>
      </c>
      <c r="EG23" s="72">
        <v>172</v>
      </c>
      <c r="EH23" s="244"/>
      <c r="EI23" s="71">
        <v>132</v>
      </c>
      <c r="EJ23" s="71">
        <v>63</v>
      </c>
      <c r="EK23" s="71">
        <v>34</v>
      </c>
      <c r="EL23" s="71">
        <v>40</v>
      </c>
      <c r="EM23" s="71">
        <v>37</v>
      </c>
      <c r="EN23" s="72">
        <v>306</v>
      </c>
      <c r="EO23" s="73">
        <v>478</v>
      </c>
      <c r="EP23" s="70">
        <v>147</v>
      </c>
      <c r="EQ23" s="71">
        <v>173</v>
      </c>
      <c r="ER23" s="72">
        <v>320</v>
      </c>
      <c r="ES23" s="244"/>
      <c r="ET23" s="71">
        <v>190</v>
      </c>
      <c r="EU23" s="71">
        <v>111</v>
      </c>
      <c r="EV23" s="71">
        <v>108</v>
      </c>
      <c r="EW23" s="71">
        <v>68</v>
      </c>
      <c r="EX23" s="71">
        <v>41</v>
      </c>
      <c r="EY23" s="72">
        <v>518</v>
      </c>
      <c r="EZ23" s="73">
        <v>838</v>
      </c>
      <c r="FA23" s="70">
        <v>135</v>
      </c>
      <c r="FB23" s="71">
        <v>160</v>
      </c>
      <c r="FC23" s="72">
        <v>295</v>
      </c>
      <c r="FD23" s="244"/>
      <c r="FE23" s="71">
        <v>224</v>
      </c>
      <c r="FF23" s="71">
        <v>136</v>
      </c>
      <c r="FG23" s="71">
        <v>135</v>
      </c>
      <c r="FH23" s="71">
        <v>113</v>
      </c>
      <c r="FI23" s="71">
        <v>63</v>
      </c>
      <c r="FJ23" s="72">
        <v>671</v>
      </c>
      <c r="FK23" s="73">
        <v>966</v>
      </c>
      <c r="FL23" s="70">
        <v>47</v>
      </c>
      <c r="FM23" s="71">
        <v>119</v>
      </c>
      <c r="FN23" s="72">
        <v>166</v>
      </c>
      <c r="FO23" s="244"/>
      <c r="FP23" s="71">
        <v>193</v>
      </c>
      <c r="FQ23" s="71">
        <v>155</v>
      </c>
      <c r="FR23" s="71">
        <v>161</v>
      </c>
      <c r="FS23" s="71">
        <v>155</v>
      </c>
      <c r="FT23" s="71">
        <v>79</v>
      </c>
      <c r="FU23" s="72">
        <v>743</v>
      </c>
      <c r="FV23" s="73">
        <v>909</v>
      </c>
      <c r="FW23" s="70">
        <v>6</v>
      </c>
      <c r="FX23" s="71">
        <v>13</v>
      </c>
      <c r="FY23" s="72">
        <v>19</v>
      </c>
      <c r="FZ23" s="244"/>
      <c r="GA23" s="71">
        <v>15</v>
      </c>
      <c r="GB23" s="71">
        <v>12</v>
      </c>
      <c r="GC23" s="71">
        <v>7</v>
      </c>
      <c r="GD23" s="71">
        <v>8</v>
      </c>
      <c r="GE23" s="71">
        <v>5</v>
      </c>
      <c r="GF23" s="72">
        <v>47</v>
      </c>
      <c r="GG23" s="73">
        <v>66</v>
      </c>
      <c r="GH23" s="70">
        <v>476</v>
      </c>
      <c r="GI23" s="71">
        <v>602</v>
      </c>
      <c r="GJ23" s="72">
        <v>1078</v>
      </c>
      <c r="GK23" s="244"/>
      <c r="GL23" s="71">
        <v>833</v>
      </c>
      <c r="GM23" s="71">
        <v>521</v>
      </c>
      <c r="GN23" s="71">
        <v>477</v>
      </c>
      <c r="GO23" s="71">
        <v>421</v>
      </c>
      <c r="GP23" s="71">
        <v>253</v>
      </c>
      <c r="GQ23" s="72">
        <v>2505</v>
      </c>
      <c r="GR23" s="73">
        <v>3583</v>
      </c>
      <c r="GS23" s="123">
        <v>711</v>
      </c>
      <c r="GT23" s="82">
        <v>902</v>
      </c>
      <c r="GU23" s="83">
        <v>1613</v>
      </c>
      <c r="GV23" s="241"/>
      <c r="GW23" s="82">
        <v>1397</v>
      </c>
      <c r="GX23" s="82">
        <v>835</v>
      </c>
      <c r="GY23" s="82">
        <v>723</v>
      </c>
      <c r="GZ23" s="82">
        <v>613</v>
      </c>
      <c r="HA23" s="82">
        <v>351</v>
      </c>
      <c r="HB23" s="84">
        <v>3919</v>
      </c>
      <c r="HC23" s="85">
        <v>5532</v>
      </c>
      <c r="HD23" s="70">
        <v>20</v>
      </c>
      <c r="HE23" s="71">
        <v>18</v>
      </c>
      <c r="HF23" s="72">
        <v>38</v>
      </c>
      <c r="HG23" s="244"/>
      <c r="HH23" s="71">
        <v>46</v>
      </c>
      <c r="HI23" s="71">
        <v>33</v>
      </c>
      <c r="HJ23" s="71">
        <v>20</v>
      </c>
      <c r="HK23" s="71">
        <v>25</v>
      </c>
      <c r="HL23" s="71">
        <v>12</v>
      </c>
      <c r="HM23" s="72">
        <v>136</v>
      </c>
      <c r="HN23" s="73">
        <v>174</v>
      </c>
      <c r="HO23" s="70">
        <v>69</v>
      </c>
      <c r="HP23" s="71">
        <v>76</v>
      </c>
      <c r="HQ23" s="72">
        <v>145</v>
      </c>
      <c r="HR23" s="244"/>
      <c r="HS23" s="71">
        <v>128</v>
      </c>
      <c r="HT23" s="71">
        <v>73</v>
      </c>
      <c r="HU23" s="71">
        <v>55</v>
      </c>
      <c r="HV23" s="71">
        <v>51</v>
      </c>
      <c r="HW23" s="71">
        <v>44</v>
      </c>
      <c r="HX23" s="72">
        <v>351</v>
      </c>
      <c r="HY23" s="73">
        <v>496</v>
      </c>
      <c r="HZ23" s="70">
        <v>138</v>
      </c>
      <c r="IA23" s="71">
        <v>138</v>
      </c>
      <c r="IB23" s="72">
        <v>276</v>
      </c>
      <c r="IC23" s="244"/>
      <c r="ID23" s="71">
        <v>220</v>
      </c>
      <c r="IE23" s="71">
        <v>119</v>
      </c>
      <c r="IF23" s="71">
        <v>74</v>
      </c>
      <c r="IG23" s="71">
        <v>78</v>
      </c>
      <c r="IH23" s="71">
        <v>64</v>
      </c>
      <c r="II23" s="72">
        <v>555</v>
      </c>
      <c r="IJ23" s="73">
        <v>831</v>
      </c>
      <c r="IK23" s="70">
        <v>206</v>
      </c>
      <c r="IL23" s="71">
        <v>275</v>
      </c>
      <c r="IM23" s="72">
        <v>481</v>
      </c>
      <c r="IN23" s="244"/>
      <c r="IO23" s="71">
        <v>358</v>
      </c>
      <c r="IP23" s="71">
        <v>198</v>
      </c>
      <c r="IQ23" s="71">
        <v>182</v>
      </c>
      <c r="IR23" s="71">
        <v>122</v>
      </c>
      <c r="IS23" s="71">
        <v>70</v>
      </c>
      <c r="IT23" s="72">
        <v>930</v>
      </c>
      <c r="IU23" s="73">
        <v>1411</v>
      </c>
      <c r="IV23" s="70">
        <v>198</v>
      </c>
      <c r="IW23" s="71">
        <v>237</v>
      </c>
      <c r="IX23" s="72">
        <v>435</v>
      </c>
      <c r="IY23" s="244"/>
      <c r="IZ23" s="71">
        <v>388</v>
      </c>
      <c r="JA23" s="71">
        <v>213</v>
      </c>
      <c r="JB23" s="71">
        <v>192</v>
      </c>
      <c r="JC23" s="71">
        <v>154</v>
      </c>
      <c r="JD23" s="71">
        <v>76</v>
      </c>
      <c r="JE23" s="72">
        <v>1023</v>
      </c>
      <c r="JF23" s="73">
        <v>1458</v>
      </c>
      <c r="JG23" s="70">
        <v>80</v>
      </c>
      <c r="JH23" s="71">
        <v>158</v>
      </c>
      <c r="JI23" s="72">
        <v>238</v>
      </c>
      <c r="JJ23" s="244"/>
      <c r="JK23" s="71">
        <v>257</v>
      </c>
      <c r="JL23" s="71">
        <v>199</v>
      </c>
      <c r="JM23" s="71">
        <v>200</v>
      </c>
      <c r="JN23" s="71">
        <v>183</v>
      </c>
      <c r="JO23" s="71">
        <v>85</v>
      </c>
      <c r="JP23" s="72">
        <v>924</v>
      </c>
      <c r="JQ23" s="73">
        <v>1162</v>
      </c>
      <c r="JR23" s="70">
        <v>12</v>
      </c>
      <c r="JS23" s="71">
        <v>29</v>
      </c>
      <c r="JT23" s="72">
        <v>41</v>
      </c>
      <c r="JU23" s="244"/>
      <c r="JV23" s="71">
        <v>43</v>
      </c>
      <c r="JW23" s="71">
        <v>24</v>
      </c>
      <c r="JX23" s="71">
        <v>20</v>
      </c>
      <c r="JY23" s="71">
        <v>19</v>
      </c>
      <c r="JZ23" s="71">
        <v>8</v>
      </c>
      <c r="KA23" s="72">
        <v>114</v>
      </c>
      <c r="KB23" s="73">
        <v>155</v>
      </c>
      <c r="KC23" s="70">
        <v>723</v>
      </c>
      <c r="KD23" s="71">
        <v>931</v>
      </c>
      <c r="KE23" s="72">
        <v>1654</v>
      </c>
      <c r="KF23" s="244"/>
      <c r="KG23" s="71">
        <v>1440</v>
      </c>
      <c r="KH23" s="71">
        <v>859</v>
      </c>
      <c r="KI23" s="71">
        <v>743</v>
      </c>
      <c r="KJ23" s="71">
        <v>632</v>
      </c>
      <c r="KK23" s="71">
        <v>359</v>
      </c>
      <c r="KL23" s="72">
        <v>4033</v>
      </c>
      <c r="KM23" s="73">
        <v>5687</v>
      </c>
    </row>
    <row r="24" spans="2:299" ht="19.5" customHeight="1" x14ac:dyDescent="0.2">
      <c r="B24" s="126" t="s">
        <v>21</v>
      </c>
      <c r="C24" s="316">
        <v>290</v>
      </c>
      <c r="D24" s="82">
        <v>243</v>
      </c>
      <c r="E24" s="83">
        <v>533</v>
      </c>
      <c r="F24" s="241"/>
      <c r="G24" s="82">
        <v>413</v>
      </c>
      <c r="H24" s="82">
        <v>421</v>
      </c>
      <c r="I24" s="82">
        <v>291</v>
      </c>
      <c r="J24" s="82">
        <v>236</v>
      </c>
      <c r="K24" s="82">
        <v>131</v>
      </c>
      <c r="L24" s="84">
        <v>1492</v>
      </c>
      <c r="M24" s="85">
        <v>2025</v>
      </c>
      <c r="N24" s="70">
        <v>16</v>
      </c>
      <c r="O24" s="71">
        <v>14</v>
      </c>
      <c r="P24" s="72">
        <v>30</v>
      </c>
      <c r="Q24" s="244"/>
      <c r="R24" s="71">
        <v>19</v>
      </c>
      <c r="S24" s="71">
        <v>16</v>
      </c>
      <c r="T24" s="71">
        <v>13</v>
      </c>
      <c r="U24" s="71">
        <v>19</v>
      </c>
      <c r="V24" s="71">
        <v>14</v>
      </c>
      <c r="W24" s="72">
        <v>81</v>
      </c>
      <c r="X24" s="73">
        <v>111</v>
      </c>
      <c r="Y24" s="70">
        <v>37</v>
      </c>
      <c r="Z24" s="71">
        <v>31</v>
      </c>
      <c r="AA24" s="72">
        <v>68</v>
      </c>
      <c r="AB24" s="244"/>
      <c r="AC24" s="71">
        <v>41</v>
      </c>
      <c r="AD24" s="71">
        <v>49</v>
      </c>
      <c r="AE24" s="71">
        <v>34</v>
      </c>
      <c r="AF24" s="71">
        <v>35</v>
      </c>
      <c r="AG24" s="71">
        <v>14</v>
      </c>
      <c r="AH24" s="72">
        <v>173</v>
      </c>
      <c r="AI24" s="73">
        <v>241</v>
      </c>
      <c r="AJ24" s="70">
        <v>45</v>
      </c>
      <c r="AK24" s="71">
        <v>46</v>
      </c>
      <c r="AL24" s="72">
        <v>91</v>
      </c>
      <c r="AM24" s="244"/>
      <c r="AN24" s="71">
        <v>65</v>
      </c>
      <c r="AO24" s="71">
        <v>82</v>
      </c>
      <c r="AP24" s="71">
        <v>52</v>
      </c>
      <c r="AQ24" s="71">
        <v>46</v>
      </c>
      <c r="AR24" s="71">
        <v>18</v>
      </c>
      <c r="AS24" s="72">
        <v>263</v>
      </c>
      <c r="AT24" s="73">
        <v>354</v>
      </c>
      <c r="AU24" s="70">
        <v>79</v>
      </c>
      <c r="AV24" s="71">
        <v>63</v>
      </c>
      <c r="AW24" s="72">
        <v>142</v>
      </c>
      <c r="AX24" s="244"/>
      <c r="AY24" s="71">
        <v>108</v>
      </c>
      <c r="AZ24" s="71">
        <v>124</v>
      </c>
      <c r="BA24" s="71">
        <v>72</v>
      </c>
      <c r="BB24" s="71">
        <v>43</v>
      </c>
      <c r="BC24" s="71">
        <v>40</v>
      </c>
      <c r="BD24" s="72">
        <v>387</v>
      </c>
      <c r="BE24" s="73">
        <v>529</v>
      </c>
      <c r="BF24" s="70">
        <v>74</v>
      </c>
      <c r="BG24" s="71">
        <v>65</v>
      </c>
      <c r="BH24" s="72">
        <v>139</v>
      </c>
      <c r="BI24" s="244"/>
      <c r="BJ24" s="71">
        <v>129</v>
      </c>
      <c r="BK24" s="71">
        <v>92</v>
      </c>
      <c r="BL24" s="71">
        <v>73</v>
      </c>
      <c r="BM24" s="71">
        <v>63</v>
      </c>
      <c r="BN24" s="71">
        <v>25</v>
      </c>
      <c r="BO24" s="72">
        <v>382</v>
      </c>
      <c r="BP24" s="73">
        <v>521</v>
      </c>
      <c r="BQ24" s="70">
        <v>39</v>
      </c>
      <c r="BR24" s="71">
        <v>24</v>
      </c>
      <c r="BS24" s="72">
        <v>63</v>
      </c>
      <c r="BT24" s="244"/>
      <c r="BU24" s="71">
        <v>51</v>
      </c>
      <c r="BV24" s="71">
        <v>58</v>
      </c>
      <c r="BW24" s="71">
        <v>47</v>
      </c>
      <c r="BX24" s="71">
        <v>30</v>
      </c>
      <c r="BY24" s="71">
        <v>20</v>
      </c>
      <c r="BZ24" s="72">
        <v>206</v>
      </c>
      <c r="CA24" s="73">
        <v>269</v>
      </c>
      <c r="CB24" s="70">
        <v>5</v>
      </c>
      <c r="CC24" s="71">
        <v>14</v>
      </c>
      <c r="CD24" s="72">
        <v>19</v>
      </c>
      <c r="CE24" s="244"/>
      <c r="CF24" s="71">
        <v>9</v>
      </c>
      <c r="CG24" s="71">
        <v>19</v>
      </c>
      <c r="CH24" s="71">
        <v>7</v>
      </c>
      <c r="CI24" s="71">
        <v>10</v>
      </c>
      <c r="CJ24" s="71">
        <v>13</v>
      </c>
      <c r="CK24" s="72">
        <v>58</v>
      </c>
      <c r="CL24" s="73">
        <v>77</v>
      </c>
      <c r="CM24" s="70">
        <v>295</v>
      </c>
      <c r="CN24" s="71">
        <v>257</v>
      </c>
      <c r="CO24" s="72">
        <v>552</v>
      </c>
      <c r="CP24" s="244"/>
      <c r="CQ24" s="71">
        <v>422</v>
      </c>
      <c r="CR24" s="71">
        <v>440</v>
      </c>
      <c r="CS24" s="71">
        <v>298</v>
      </c>
      <c r="CT24" s="71">
        <v>246</v>
      </c>
      <c r="CU24" s="71">
        <v>144</v>
      </c>
      <c r="CV24" s="72">
        <v>1550</v>
      </c>
      <c r="CW24" s="73">
        <v>2102</v>
      </c>
      <c r="CX24" s="123">
        <v>514</v>
      </c>
      <c r="CY24" s="82">
        <v>573</v>
      </c>
      <c r="CZ24" s="83">
        <v>1087</v>
      </c>
      <c r="DA24" s="241"/>
      <c r="DB24" s="82">
        <v>703</v>
      </c>
      <c r="DC24" s="82">
        <v>723</v>
      </c>
      <c r="DD24" s="82">
        <v>544</v>
      </c>
      <c r="DE24" s="82">
        <v>439</v>
      </c>
      <c r="DF24" s="82">
        <v>348</v>
      </c>
      <c r="DG24" s="84">
        <v>2757</v>
      </c>
      <c r="DH24" s="85">
        <v>3844</v>
      </c>
      <c r="DI24" s="70">
        <v>11</v>
      </c>
      <c r="DJ24" s="71">
        <v>19</v>
      </c>
      <c r="DK24" s="72">
        <v>30</v>
      </c>
      <c r="DL24" s="244"/>
      <c r="DM24" s="71">
        <v>16</v>
      </c>
      <c r="DN24" s="71">
        <v>16</v>
      </c>
      <c r="DO24" s="71">
        <v>16</v>
      </c>
      <c r="DP24" s="71">
        <v>13</v>
      </c>
      <c r="DQ24" s="71">
        <v>10</v>
      </c>
      <c r="DR24" s="72">
        <v>71</v>
      </c>
      <c r="DS24" s="73">
        <v>101</v>
      </c>
      <c r="DT24" s="70">
        <v>46</v>
      </c>
      <c r="DU24" s="71">
        <v>51</v>
      </c>
      <c r="DV24" s="72">
        <v>97</v>
      </c>
      <c r="DW24" s="244"/>
      <c r="DX24" s="71">
        <v>40</v>
      </c>
      <c r="DY24" s="71">
        <v>40</v>
      </c>
      <c r="DZ24" s="71">
        <v>29</v>
      </c>
      <c r="EA24" s="71">
        <v>29</v>
      </c>
      <c r="EB24" s="71">
        <v>27</v>
      </c>
      <c r="EC24" s="72">
        <v>165</v>
      </c>
      <c r="ED24" s="73">
        <v>262</v>
      </c>
      <c r="EE24" s="70">
        <v>92</v>
      </c>
      <c r="EF24" s="71">
        <v>96</v>
      </c>
      <c r="EG24" s="72">
        <v>188</v>
      </c>
      <c r="EH24" s="244"/>
      <c r="EI24" s="71">
        <v>105</v>
      </c>
      <c r="EJ24" s="71">
        <v>88</v>
      </c>
      <c r="EK24" s="71">
        <v>55</v>
      </c>
      <c r="EL24" s="71">
        <v>48</v>
      </c>
      <c r="EM24" s="71">
        <v>32</v>
      </c>
      <c r="EN24" s="72">
        <v>328</v>
      </c>
      <c r="EO24" s="73">
        <v>516</v>
      </c>
      <c r="EP24" s="70">
        <v>160</v>
      </c>
      <c r="EQ24" s="71">
        <v>153</v>
      </c>
      <c r="ER24" s="72">
        <v>313</v>
      </c>
      <c r="ES24" s="244"/>
      <c r="ET24" s="71">
        <v>195</v>
      </c>
      <c r="EU24" s="71">
        <v>157</v>
      </c>
      <c r="EV24" s="71">
        <v>113</v>
      </c>
      <c r="EW24" s="71">
        <v>91</v>
      </c>
      <c r="EX24" s="71">
        <v>89</v>
      </c>
      <c r="EY24" s="72">
        <v>645</v>
      </c>
      <c r="EZ24" s="73">
        <v>958</v>
      </c>
      <c r="FA24" s="70">
        <v>137</v>
      </c>
      <c r="FB24" s="71">
        <v>172</v>
      </c>
      <c r="FC24" s="72">
        <v>309</v>
      </c>
      <c r="FD24" s="244"/>
      <c r="FE24" s="71">
        <v>193</v>
      </c>
      <c r="FF24" s="71">
        <v>210</v>
      </c>
      <c r="FG24" s="71">
        <v>160</v>
      </c>
      <c r="FH24" s="71">
        <v>107</v>
      </c>
      <c r="FI24" s="71">
        <v>86</v>
      </c>
      <c r="FJ24" s="72">
        <v>756</v>
      </c>
      <c r="FK24" s="73">
        <v>1065</v>
      </c>
      <c r="FL24" s="70">
        <v>68</v>
      </c>
      <c r="FM24" s="71">
        <v>82</v>
      </c>
      <c r="FN24" s="72">
        <v>150</v>
      </c>
      <c r="FO24" s="244"/>
      <c r="FP24" s="71">
        <v>154</v>
      </c>
      <c r="FQ24" s="71">
        <v>212</v>
      </c>
      <c r="FR24" s="71">
        <v>171</v>
      </c>
      <c r="FS24" s="71">
        <v>151</v>
      </c>
      <c r="FT24" s="71">
        <v>104</v>
      </c>
      <c r="FU24" s="72">
        <v>792</v>
      </c>
      <c r="FV24" s="73">
        <v>942</v>
      </c>
      <c r="FW24" s="70">
        <v>9</v>
      </c>
      <c r="FX24" s="71">
        <v>9</v>
      </c>
      <c r="FY24" s="72">
        <v>18</v>
      </c>
      <c r="FZ24" s="244"/>
      <c r="GA24" s="71">
        <v>8</v>
      </c>
      <c r="GB24" s="71">
        <v>22</v>
      </c>
      <c r="GC24" s="71">
        <v>10</v>
      </c>
      <c r="GD24" s="71">
        <v>6</v>
      </c>
      <c r="GE24" s="71">
        <v>7</v>
      </c>
      <c r="GF24" s="72">
        <v>53</v>
      </c>
      <c r="GG24" s="73">
        <v>71</v>
      </c>
      <c r="GH24" s="70">
        <v>523</v>
      </c>
      <c r="GI24" s="71">
        <v>582</v>
      </c>
      <c r="GJ24" s="72">
        <v>1105</v>
      </c>
      <c r="GK24" s="244"/>
      <c r="GL24" s="71">
        <v>711</v>
      </c>
      <c r="GM24" s="71">
        <v>745</v>
      </c>
      <c r="GN24" s="71">
        <v>554</v>
      </c>
      <c r="GO24" s="71">
        <v>445</v>
      </c>
      <c r="GP24" s="71">
        <v>355</v>
      </c>
      <c r="GQ24" s="72">
        <v>2810</v>
      </c>
      <c r="GR24" s="73">
        <v>3915</v>
      </c>
      <c r="GS24" s="123">
        <v>804</v>
      </c>
      <c r="GT24" s="82">
        <v>816</v>
      </c>
      <c r="GU24" s="83">
        <v>1620</v>
      </c>
      <c r="GV24" s="241"/>
      <c r="GW24" s="82">
        <v>1116</v>
      </c>
      <c r="GX24" s="82">
        <v>1144</v>
      </c>
      <c r="GY24" s="82">
        <v>835</v>
      </c>
      <c r="GZ24" s="82">
        <v>675</v>
      </c>
      <c r="HA24" s="82">
        <v>479</v>
      </c>
      <c r="HB24" s="84">
        <v>4249</v>
      </c>
      <c r="HC24" s="85">
        <v>5869</v>
      </c>
      <c r="HD24" s="70">
        <v>27</v>
      </c>
      <c r="HE24" s="71">
        <v>33</v>
      </c>
      <c r="HF24" s="72">
        <v>60</v>
      </c>
      <c r="HG24" s="244"/>
      <c r="HH24" s="71">
        <v>35</v>
      </c>
      <c r="HI24" s="71">
        <v>32</v>
      </c>
      <c r="HJ24" s="71">
        <v>29</v>
      </c>
      <c r="HK24" s="71">
        <v>32</v>
      </c>
      <c r="HL24" s="71">
        <v>24</v>
      </c>
      <c r="HM24" s="72">
        <v>152</v>
      </c>
      <c r="HN24" s="73">
        <v>212</v>
      </c>
      <c r="HO24" s="70">
        <v>83</v>
      </c>
      <c r="HP24" s="71">
        <v>82</v>
      </c>
      <c r="HQ24" s="72">
        <v>165</v>
      </c>
      <c r="HR24" s="244"/>
      <c r="HS24" s="71">
        <v>81</v>
      </c>
      <c r="HT24" s="71">
        <v>89</v>
      </c>
      <c r="HU24" s="71">
        <v>63</v>
      </c>
      <c r="HV24" s="71">
        <v>64</v>
      </c>
      <c r="HW24" s="71">
        <v>41</v>
      </c>
      <c r="HX24" s="72">
        <v>338</v>
      </c>
      <c r="HY24" s="73">
        <v>503</v>
      </c>
      <c r="HZ24" s="70">
        <v>137</v>
      </c>
      <c r="IA24" s="71">
        <v>142</v>
      </c>
      <c r="IB24" s="72">
        <v>279</v>
      </c>
      <c r="IC24" s="244"/>
      <c r="ID24" s="71">
        <v>170</v>
      </c>
      <c r="IE24" s="71">
        <v>170</v>
      </c>
      <c r="IF24" s="71">
        <v>107</v>
      </c>
      <c r="IG24" s="71">
        <v>94</v>
      </c>
      <c r="IH24" s="71">
        <v>50</v>
      </c>
      <c r="II24" s="72">
        <v>591</v>
      </c>
      <c r="IJ24" s="73">
        <v>870</v>
      </c>
      <c r="IK24" s="70">
        <v>239</v>
      </c>
      <c r="IL24" s="71">
        <v>216</v>
      </c>
      <c r="IM24" s="72">
        <v>455</v>
      </c>
      <c r="IN24" s="244"/>
      <c r="IO24" s="71">
        <v>303</v>
      </c>
      <c r="IP24" s="71">
        <v>281</v>
      </c>
      <c r="IQ24" s="71">
        <v>185</v>
      </c>
      <c r="IR24" s="71">
        <v>134</v>
      </c>
      <c r="IS24" s="71">
        <v>129</v>
      </c>
      <c r="IT24" s="72">
        <v>1032</v>
      </c>
      <c r="IU24" s="73">
        <v>1487</v>
      </c>
      <c r="IV24" s="70">
        <v>211</v>
      </c>
      <c r="IW24" s="71">
        <v>237</v>
      </c>
      <c r="IX24" s="72">
        <v>448</v>
      </c>
      <c r="IY24" s="244"/>
      <c r="IZ24" s="71">
        <v>322</v>
      </c>
      <c r="JA24" s="71">
        <v>302</v>
      </c>
      <c r="JB24" s="71">
        <v>233</v>
      </c>
      <c r="JC24" s="71">
        <v>170</v>
      </c>
      <c r="JD24" s="71">
        <v>111</v>
      </c>
      <c r="JE24" s="72">
        <v>1138</v>
      </c>
      <c r="JF24" s="73">
        <v>1586</v>
      </c>
      <c r="JG24" s="70">
        <v>107</v>
      </c>
      <c r="JH24" s="71">
        <v>106</v>
      </c>
      <c r="JI24" s="72">
        <v>213</v>
      </c>
      <c r="JJ24" s="244"/>
      <c r="JK24" s="71">
        <v>205</v>
      </c>
      <c r="JL24" s="71">
        <v>270</v>
      </c>
      <c r="JM24" s="71">
        <v>218</v>
      </c>
      <c r="JN24" s="71">
        <v>181</v>
      </c>
      <c r="JO24" s="71">
        <v>124</v>
      </c>
      <c r="JP24" s="72">
        <v>998</v>
      </c>
      <c r="JQ24" s="73">
        <v>1211</v>
      </c>
      <c r="JR24" s="70">
        <v>14</v>
      </c>
      <c r="JS24" s="71">
        <v>23</v>
      </c>
      <c r="JT24" s="72">
        <v>37</v>
      </c>
      <c r="JU24" s="244"/>
      <c r="JV24" s="71">
        <v>17</v>
      </c>
      <c r="JW24" s="71">
        <v>41</v>
      </c>
      <c r="JX24" s="71">
        <v>17</v>
      </c>
      <c r="JY24" s="71">
        <v>16</v>
      </c>
      <c r="JZ24" s="71">
        <v>20</v>
      </c>
      <c r="KA24" s="72">
        <v>111</v>
      </c>
      <c r="KB24" s="73">
        <v>148</v>
      </c>
      <c r="KC24" s="70">
        <v>818</v>
      </c>
      <c r="KD24" s="71">
        <v>839</v>
      </c>
      <c r="KE24" s="72">
        <v>1657</v>
      </c>
      <c r="KF24" s="244"/>
      <c r="KG24" s="71">
        <v>1133</v>
      </c>
      <c r="KH24" s="71">
        <v>1185</v>
      </c>
      <c r="KI24" s="71">
        <v>852</v>
      </c>
      <c r="KJ24" s="71">
        <v>691</v>
      </c>
      <c r="KK24" s="71">
        <v>499</v>
      </c>
      <c r="KL24" s="72">
        <v>4360</v>
      </c>
      <c r="KM24" s="73">
        <v>6017</v>
      </c>
    </row>
    <row r="25" spans="2:299" ht="19.5" customHeight="1" x14ac:dyDescent="0.2">
      <c r="B25" s="126" t="s">
        <v>22</v>
      </c>
      <c r="C25" s="316">
        <v>86</v>
      </c>
      <c r="D25" s="82">
        <v>71</v>
      </c>
      <c r="E25" s="83">
        <v>157</v>
      </c>
      <c r="F25" s="241"/>
      <c r="G25" s="82">
        <v>197</v>
      </c>
      <c r="H25" s="82">
        <v>163</v>
      </c>
      <c r="I25" s="82">
        <v>86</v>
      </c>
      <c r="J25" s="82">
        <v>81</v>
      </c>
      <c r="K25" s="82">
        <v>55</v>
      </c>
      <c r="L25" s="84">
        <v>582</v>
      </c>
      <c r="M25" s="85">
        <v>739</v>
      </c>
      <c r="N25" s="70">
        <v>4</v>
      </c>
      <c r="O25" s="71">
        <v>3</v>
      </c>
      <c r="P25" s="72">
        <v>7</v>
      </c>
      <c r="Q25" s="244"/>
      <c r="R25" s="71">
        <v>5</v>
      </c>
      <c r="S25" s="71">
        <v>6</v>
      </c>
      <c r="T25" s="71">
        <v>1</v>
      </c>
      <c r="U25" s="71">
        <v>3</v>
      </c>
      <c r="V25" s="71">
        <v>4</v>
      </c>
      <c r="W25" s="72">
        <v>19</v>
      </c>
      <c r="X25" s="73">
        <v>26</v>
      </c>
      <c r="Y25" s="70">
        <v>11</v>
      </c>
      <c r="Z25" s="71">
        <v>13</v>
      </c>
      <c r="AA25" s="72">
        <v>24</v>
      </c>
      <c r="AB25" s="244"/>
      <c r="AC25" s="71">
        <v>20</v>
      </c>
      <c r="AD25" s="71">
        <v>10</v>
      </c>
      <c r="AE25" s="71">
        <v>6</v>
      </c>
      <c r="AF25" s="71">
        <v>9</v>
      </c>
      <c r="AG25" s="71">
        <v>8</v>
      </c>
      <c r="AH25" s="72">
        <v>53</v>
      </c>
      <c r="AI25" s="73">
        <v>77</v>
      </c>
      <c r="AJ25" s="70">
        <v>10</v>
      </c>
      <c r="AK25" s="71">
        <v>11</v>
      </c>
      <c r="AL25" s="72">
        <v>21</v>
      </c>
      <c r="AM25" s="244"/>
      <c r="AN25" s="71">
        <v>33</v>
      </c>
      <c r="AO25" s="71">
        <v>22</v>
      </c>
      <c r="AP25" s="71">
        <v>16</v>
      </c>
      <c r="AQ25" s="71">
        <v>10</v>
      </c>
      <c r="AR25" s="71">
        <v>11</v>
      </c>
      <c r="AS25" s="72">
        <v>92</v>
      </c>
      <c r="AT25" s="73">
        <v>113</v>
      </c>
      <c r="AU25" s="70">
        <v>23</v>
      </c>
      <c r="AV25" s="71">
        <v>13</v>
      </c>
      <c r="AW25" s="72">
        <v>36</v>
      </c>
      <c r="AX25" s="244"/>
      <c r="AY25" s="71">
        <v>51</v>
      </c>
      <c r="AZ25" s="71">
        <v>47</v>
      </c>
      <c r="BA25" s="71">
        <v>22</v>
      </c>
      <c r="BB25" s="71">
        <v>24</v>
      </c>
      <c r="BC25" s="71">
        <v>14</v>
      </c>
      <c r="BD25" s="72">
        <v>158</v>
      </c>
      <c r="BE25" s="73">
        <v>194</v>
      </c>
      <c r="BF25" s="70">
        <v>18</v>
      </c>
      <c r="BG25" s="71">
        <v>23</v>
      </c>
      <c r="BH25" s="72">
        <v>41</v>
      </c>
      <c r="BI25" s="244"/>
      <c r="BJ25" s="71">
        <v>57</v>
      </c>
      <c r="BK25" s="71">
        <v>42</v>
      </c>
      <c r="BL25" s="71">
        <v>25</v>
      </c>
      <c r="BM25" s="71">
        <v>18</v>
      </c>
      <c r="BN25" s="71">
        <v>8</v>
      </c>
      <c r="BO25" s="72">
        <v>150</v>
      </c>
      <c r="BP25" s="73">
        <v>191</v>
      </c>
      <c r="BQ25" s="70">
        <v>20</v>
      </c>
      <c r="BR25" s="71">
        <v>8</v>
      </c>
      <c r="BS25" s="72">
        <v>28</v>
      </c>
      <c r="BT25" s="244"/>
      <c r="BU25" s="71">
        <v>31</v>
      </c>
      <c r="BV25" s="71">
        <v>36</v>
      </c>
      <c r="BW25" s="71">
        <v>16</v>
      </c>
      <c r="BX25" s="71">
        <v>17</v>
      </c>
      <c r="BY25" s="71">
        <v>10</v>
      </c>
      <c r="BZ25" s="72">
        <v>110</v>
      </c>
      <c r="CA25" s="73">
        <v>138</v>
      </c>
      <c r="CB25" s="70">
        <v>1</v>
      </c>
      <c r="CC25" s="71">
        <v>7</v>
      </c>
      <c r="CD25" s="72">
        <v>8</v>
      </c>
      <c r="CE25" s="244"/>
      <c r="CF25" s="71">
        <v>7</v>
      </c>
      <c r="CG25" s="71">
        <v>5</v>
      </c>
      <c r="CH25" s="71">
        <v>2</v>
      </c>
      <c r="CI25" s="71">
        <v>2</v>
      </c>
      <c r="CJ25" s="71">
        <v>2</v>
      </c>
      <c r="CK25" s="72">
        <v>18</v>
      </c>
      <c r="CL25" s="73">
        <v>26</v>
      </c>
      <c r="CM25" s="70">
        <v>87</v>
      </c>
      <c r="CN25" s="71">
        <v>78</v>
      </c>
      <c r="CO25" s="72">
        <v>165</v>
      </c>
      <c r="CP25" s="244"/>
      <c r="CQ25" s="71">
        <v>204</v>
      </c>
      <c r="CR25" s="71">
        <v>168</v>
      </c>
      <c r="CS25" s="71">
        <v>88</v>
      </c>
      <c r="CT25" s="71">
        <v>83</v>
      </c>
      <c r="CU25" s="71">
        <v>57</v>
      </c>
      <c r="CV25" s="72">
        <v>600</v>
      </c>
      <c r="CW25" s="73">
        <v>765</v>
      </c>
      <c r="CX25" s="123">
        <v>115</v>
      </c>
      <c r="CY25" s="82">
        <v>237</v>
      </c>
      <c r="CZ25" s="83">
        <v>352</v>
      </c>
      <c r="DA25" s="241"/>
      <c r="DB25" s="82">
        <v>351</v>
      </c>
      <c r="DC25" s="82">
        <v>313</v>
      </c>
      <c r="DD25" s="82">
        <v>195</v>
      </c>
      <c r="DE25" s="82">
        <v>207</v>
      </c>
      <c r="DF25" s="82">
        <v>117</v>
      </c>
      <c r="DG25" s="84">
        <v>1183</v>
      </c>
      <c r="DH25" s="85">
        <v>1535</v>
      </c>
      <c r="DI25" s="70">
        <v>6</v>
      </c>
      <c r="DJ25" s="71">
        <v>7</v>
      </c>
      <c r="DK25" s="72">
        <v>13</v>
      </c>
      <c r="DL25" s="244"/>
      <c r="DM25" s="71">
        <v>6</v>
      </c>
      <c r="DN25" s="71">
        <v>7</v>
      </c>
      <c r="DO25" s="71">
        <v>2</v>
      </c>
      <c r="DP25" s="71">
        <v>1</v>
      </c>
      <c r="DQ25" s="71">
        <v>3</v>
      </c>
      <c r="DR25" s="72">
        <v>19</v>
      </c>
      <c r="DS25" s="73">
        <v>32</v>
      </c>
      <c r="DT25" s="70">
        <v>6</v>
      </c>
      <c r="DU25" s="71">
        <v>9</v>
      </c>
      <c r="DV25" s="72">
        <v>15</v>
      </c>
      <c r="DW25" s="244"/>
      <c r="DX25" s="71">
        <v>19</v>
      </c>
      <c r="DY25" s="71">
        <v>15</v>
      </c>
      <c r="DZ25" s="71">
        <v>9</v>
      </c>
      <c r="EA25" s="71">
        <v>6</v>
      </c>
      <c r="EB25" s="71">
        <v>8</v>
      </c>
      <c r="EC25" s="72">
        <v>57</v>
      </c>
      <c r="ED25" s="73">
        <v>72</v>
      </c>
      <c r="EE25" s="70">
        <v>24</v>
      </c>
      <c r="EF25" s="71">
        <v>38</v>
      </c>
      <c r="EG25" s="72">
        <v>62</v>
      </c>
      <c r="EH25" s="244"/>
      <c r="EI25" s="71">
        <v>45</v>
      </c>
      <c r="EJ25" s="71">
        <v>33</v>
      </c>
      <c r="EK25" s="71">
        <v>17</v>
      </c>
      <c r="EL25" s="71">
        <v>14</v>
      </c>
      <c r="EM25" s="71">
        <v>13</v>
      </c>
      <c r="EN25" s="72">
        <v>122</v>
      </c>
      <c r="EO25" s="73">
        <v>184</v>
      </c>
      <c r="EP25" s="70">
        <v>37</v>
      </c>
      <c r="EQ25" s="71">
        <v>62</v>
      </c>
      <c r="ER25" s="72">
        <v>99</v>
      </c>
      <c r="ES25" s="244"/>
      <c r="ET25" s="71">
        <v>76</v>
      </c>
      <c r="EU25" s="71">
        <v>60</v>
      </c>
      <c r="EV25" s="71">
        <v>39</v>
      </c>
      <c r="EW25" s="71">
        <v>43</v>
      </c>
      <c r="EX25" s="71">
        <v>18</v>
      </c>
      <c r="EY25" s="72">
        <v>236</v>
      </c>
      <c r="EZ25" s="73">
        <v>335</v>
      </c>
      <c r="FA25" s="70">
        <v>26</v>
      </c>
      <c r="FB25" s="71">
        <v>75</v>
      </c>
      <c r="FC25" s="72">
        <v>101</v>
      </c>
      <c r="FD25" s="244"/>
      <c r="FE25" s="71">
        <v>106</v>
      </c>
      <c r="FF25" s="71">
        <v>91</v>
      </c>
      <c r="FG25" s="71">
        <v>50</v>
      </c>
      <c r="FH25" s="71">
        <v>53</v>
      </c>
      <c r="FI25" s="71">
        <v>38</v>
      </c>
      <c r="FJ25" s="72">
        <v>338</v>
      </c>
      <c r="FK25" s="73">
        <v>439</v>
      </c>
      <c r="FL25" s="70">
        <v>16</v>
      </c>
      <c r="FM25" s="71">
        <v>46</v>
      </c>
      <c r="FN25" s="72">
        <v>62</v>
      </c>
      <c r="FO25" s="244"/>
      <c r="FP25" s="71">
        <v>99</v>
      </c>
      <c r="FQ25" s="71">
        <v>107</v>
      </c>
      <c r="FR25" s="71">
        <v>78</v>
      </c>
      <c r="FS25" s="71">
        <v>90</v>
      </c>
      <c r="FT25" s="71">
        <v>37</v>
      </c>
      <c r="FU25" s="72">
        <v>411</v>
      </c>
      <c r="FV25" s="73">
        <v>473</v>
      </c>
      <c r="FW25" s="70">
        <v>1</v>
      </c>
      <c r="FX25" s="71">
        <v>3</v>
      </c>
      <c r="FY25" s="72">
        <v>4</v>
      </c>
      <c r="FZ25" s="244"/>
      <c r="GA25" s="71">
        <v>7</v>
      </c>
      <c r="GB25" s="71">
        <v>4</v>
      </c>
      <c r="GC25" s="71">
        <v>5</v>
      </c>
      <c r="GD25" s="71">
        <v>6</v>
      </c>
      <c r="GE25" s="71">
        <v>2</v>
      </c>
      <c r="GF25" s="72">
        <v>24</v>
      </c>
      <c r="GG25" s="73">
        <v>28</v>
      </c>
      <c r="GH25" s="70">
        <v>116</v>
      </c>
      <c r="GI25" s="71">
        <v>240</v>
      </c>
      <c r="GJ25" s="72">
        <v>356</v>
      </c>
      <c r="GK25" s="244"/>
      <c r="GL25" s="71">
        <v>358</v>
      </c>
      <c r="GM25" s="71">
        <v>317</v>
      </c>
      <c r="GN25" s="71">
        <v>200</v>
      </c>
      <c r="GO25" s="71">
        <v>213</v>
      </c>
      <c r="GP25" s="71">
        <v>119</v>
      </c>
      <c r="GQ25" s="72">
        <v>1207</v>
      </c>
      <c r="GR25" s="73">
        <v>1563</v>
      </c>
      <c r="GS25" s="123">
        <v>201</v>
      </c>
      <c r="GT25" s="82">
        <v>308</v>
      </c>
      <c r="GU25" s="83">
        <v>509</v>
      </c>
      <c r="GV25" s="241"/>
      <c r="GW25" s="82">
        <v>548</v>
      </c>
      <c r="GX25" s="82">
        <v>476</v>
      </c>
      <c r="GY25" s="82">
        <v>281</v>
      </c>
      <c r="GZ25" s="82">
        <v>288</v>
      </c>
      <c r="HA25" s="82">
        <v>172</v>
      </c>
      <c r="HB25" s="84">
        <v>1765</v>
      </c>
      <c r="HC25" s="85">
        <v>2274</v>
      </c>
      <c r="HD25" s="70">
        <v>10</v>
      </c>
      <c r="HE25" s="71">
        <v>10</v>
      </c>
      <c r="HF25" s="72">
        <v>20</v>
      </c>
      <c r="HG25" s="244"/>
      <c r="HH25" s="71">
        <v>11</v>
      </c>
      <c r="HI25" s="71">
        <v>13</v>
      </c>
      <c r="HJ25" s="71">
        <v>3</v>
      </c>
      <c r="HK25" s="71">
        <v>4</v>
      </c>
      <c r="HL25" s="71">
        <v>7</v>
      </c>
      <c r="HM25" s="72">
        <v>38</v>
      </c>
      <c r="HN25" s="73">
        <v>58</v>
      </c>
      <c r="HO25" s="70">
        <v>17</v>
      </c>
      <c r="HP25" s="71">
        <v>22</v>
      </c>
      <c r="HQ25" s="72">
        <v>39</v>
      </c>
      <c r="HR25" s="244"/>
      <c r="HS25" s="71">
        <v>39</v>
      </c>
      <c r="HT25" s="71">
        <v>25</v>
      </c>
      <c r="HU25" s="71">
        <v>15</v>
      </c>
      <c r="HV25" s="71">
        <v>15</v>
      </c>
      <c r="HW25" s="71">
        <v>16</v>
      </c>
      <c r="HX25" s="72">
        <v>110</v>
      </c>
      <c r="HY25" s="73">
        <v>149</v>
      </c>
      <c r="HZ25" s="70">
        <v>34</v>
      </c>
      <c r="IA25" s="71">
        <v>49</v>
      </c>
      <c r="IB25" s="72">
        <v>83</v>
      </c>
      <c r="IC25" s="244"/>
      <c r="ID25" s="71">
        <v>78</v>
      </c>
      <c r="IE25" s="71">
        <v>55</v>
      </c>
      <c r="IF25" s="71">
        <v>33</v>
      </c>
      <c r="IG25" s="71">
        <v>24</v>
      </c>
      <c r="IH25" s="71">
        <v>24</v>
      </c>
      <c r="II25" s="72">
        <v>214</v>
      </c>
      <c r="IJ25" s="73">
        <v>297</v>
      </c>
      <c r="IK25" s="70">
        <v>60</v>
      </c>
      <c r="IL25" s="71">
        <v>75</v>
      </c>
      <c r="IM25" s="72">
        <v>135</v>
      </c>
      <c r="IN25" s="244"/>
      <c r="IO25" s="71">
        <v>127</v>
      </c>
      <c r="IP25" s="71">
        <v>107</v>
      </c>
      <c r="IQ25" s="71">
        <v>61</v>
      </c>
      <c r="IR25" s="71">
        <v>67</v>
      </c>
      <c r="IS25" s="71">
        <v>32</v>
      </c>
      <c r="IT25" s="72">
        <v>394</v>
      </c>
      <c r="IU25" s="73">
        <v>529</v>
      </c>
      <c r="IV25" s="70">
        <v>44</v>
      </c>
      <c r="IW25" s="71">
        <v>98</v>
      </c>
      <c r="IX25" s="72">
        <v>142</v>
      </c>
      <c r="IY25" s="244"/>
      <c r="IZ25" s="71">
        <v>163</v>
      </c>
      <c r="JA25" s="71">
        <v>133</v>
      </c>
      <c r="JB25" s="71">
        <v>75</v>
      </c>
      <c r="JC25" s="71">
        <v>71</v>
      </c>
      <c r="JD25" s="71">
        <v>46</v>
      </c>
      <c r="JE25" s="72">
        <v>488</v>
      </c>
      <c r="JF25" s="73">
        <v>630</v>
      </c>
      <c r="JG25" s="70">
        <v>36</v>
      </c>
      <c r="JH25" s="71">
        <v>54</v>
      </c>
      <c r="JI25" s="72">
        <v>90</v>
      </c>
      <c r="JJ25" s="244"/>
      <c r="JK25" s="71">
        <v>130</v>
      </c>
      <c r="JL25" s="71">
        <v>143</v>
      </c>
      <c r="JM25" s="71">
        <v>94</v>
      </c>
      <c r="JN25" s="71">
        <v>107</v>
      </c>
      <c r="JO25" s="71">
        <v>47</v>
      </c>
      <c r="JP25" s="72">
        <v>521</v>
      </c>
      <c r="JQ25" s="73">
        <v>611</v>
      </c>
      <c r="JR25" s="70">
        <v>2</v>
      </c>
      <c r="JS25" s="71">
        <v>10</v>
      </c>
      <c r="JT25" s="72">
        <v>12</v>
      </c>
      <c r="JU25" s="244"/>
      <c r="JV25" s="71">
        <v>14</v>
      </c>
      <c r="JW25" s="71">
        <v>9</v>
      </c>
      <c r="JX25" s="71">
        <v>7</v>
      </c>
      <c r="JY25" s="71">
        <v>8</v>
      </c>
      <c r="JZ25" s="71">
        <v>4</v>
      </c>
      <c r="KA25" s="72">
        <v>42</v>
      </c>
      <c r="KB25" s="73">
        <v>54</v>
      </c>
      <c r="KC25" s="70">
        <v>203</v>
      </c>
      <c r="KD25" s="71">
        <v>318</v>
      </c>
      <c r="KE25" s="72">
        <v>521</v>
      </c>
      <c r="KF25" s="244"/>
      <c r="KG25" s="71">
        <v>562</v>
      </c>
      <c r="KH25" s="71">
        <v>485</v>
      </c>
      <c r="KI25" s="71">
        <v>288</v>
      </c>
      <c r="KJ25" s="71">
        <v>296</v>
      </c>
      <c r="KK25" s="71">
        <v>176</v>
      </c>
      <c r="KL25" s="72">
        <v>1807</v>
      </c>
      <c r="KM25" s="73">
        <v>2328</v>
      </c>
    </row>
    <row r="26" spans="2:299" ht="19.5" customHeight="1" x14ac:dyDescent="0.2">
      <c r="B26" s="126" t="s">
        <v>23</v>
      </c>
      <c r="C26" s="316">
        <v>177</v>
      </c>
      <c r="D26" s="82">
        <v>172</v>
      </c>
      <c r="E26" s="83">
        <v>349</v>
      </c>
      <c r="F26" s="241"/>
      <c r="G26" s="82">
        <v>307</v>
      </c>
      <c r="H26" s="82">
        <v>264</v>
      </c>
      <c r="I26" s="82">
        <v>182</v>
      </c>
      <c r="J26" s="82">
        <v>154</v>
      </c>
      <c r="K26" s="82">
        <v>95</v>
      </c>
      <c r="L26" s="84">
        <v>1002</v>
      </c>
      <c r="M26" s="85">
        <v>1351</v>
      </c>
      <c r="N26" s="70">
        <v>9</v>
      </c>
      <c r="O26" s="71">
        <v>12</v>
      </c>
      <c r="P26" s="72">
        <v>21</v>
      </c>
      <c r="Q26" s="244"/>
      <c r="R26" s="71">
        <v>14</v>
      </c>
      <c r="S26" s="71">
        <v>11</v>
      </c>
      <c r="T26" s="71">
        <v>9</v>
      </c>
      <c r="U26" s="71">
        <v>11</v>
      </c>
      <c r="V26" s="71">
        <v>2</v>
      </c>
      <c r="W26" s="72">
        <v>47</v>
      </c>
      <c r="X26" s="73">
        <v>68</v>
      </c>
      <c r="Y26" s="70">
        <v>30</v>
      </c>
      <c r="Z26" s="71">
        <v>18</v>
      </c>
      <c r="AA26" s="72">
        <v>48</v>
      </c>
      <c r="AB26" s="244"/>
      <c r="AC26" s="71">
        <v>31</v>
      </c>
      <c r="AD26" s="71">
        <v>32</v>
      </c>
      <c r="AE26" s="71">
        <v>16</v>
      </c>
      <c r="AF26" s="71">
        <v>16</v>
      </c>
      <c r="AG26" s="71">
        <v>19</v>
      </c>
      <c r="AH26" s="72">
        <v>114</v>
      </c>
      <c r="AI26" s="73">
        <v>162</v>
      </c>
      <c r="AJ26" s="70">
        <v>33</v>
      </c>
      <c r="AK26" s="71">
        <v>37</v>
      </c>
      <c r="AL26" s="72">
        <v>70</v>
      </c>
      <c r="AM26" s="244"/>
      <c r="AN26" s="71">
        <v>60</v>
      </c>
      <c r="AO26" s="71">
        <v>53</v>
      </c>
      <c r="AP26" s="71">
        <v>25</v>
      </c>
      <c r="AQ26" s="71">
        <v>22</v>
      </c>
      <c r="AR26" s="71">
        <v>29</v>
      </c>
      <c r="AS26" s="72">
        <v>189</v>
      </c>
      <c r="AT26" s="73">
        <v>259</v>
      </c>
      <c r="AU26" s="70">
        <v>46</v>
      </c>
      <c r="AV26" s="71">
        <v>48</v>
      </c>
      <c r="AW26" s="72">
        <v>94</v>
      </c>
      <c r="AX26" s="244"/>
      <c r="AY26" s="71">
        <v>94</v>
      </c>
      <c r="AZ26" s="71">
        <v>73</v>
      </c>
      <c r="BA26" s="71">
        <v>54</v>
      </c>
      <c r="BB26" s="71">
        <v>41</v>
      </c>
      <c r="BC26" s="71">
        <v>17</v>
      </c>
      <c r="BD26" s="72">
        <v>279</v>
      </c>
      <c r="BE26" s="73">
        <v>373</v>
      </c>
      <c r="BF26" s="70">
        <v>48</v>
      </c>
      <c r="BG26" s="71">
        <v>35</v>
      </c>
      <c r="BH26" s="72">
        <v>83</v>
      </c>
      <c r="BI26" s="244"/>
      <c r="BJ26" s="71">
        <v>81</v>
      </c>
      <c r="BK26" s="71">
        <v>62</v>
      </c>
      <c r="BL26" s="71">
        <v>50</v>
      </c>
      <c r="BM26" s="71">
        <v>38</v>
      </c>
      <c r="BN26" s="71">
        <v>19</v>
      </c>
      <c r="BO26" s="72">
        <v>250</v>
      </c>
      <c r="BP26" s="73">
        <v>333</v>
      </c>
      <c r="BQ26" s="70">
        <v>11</v>
      </c>
      <c r="BR26" s="71">
        <v>22</v>
      </c>
      <c r="BS26" s="72">
        <v>33</v>
      </c>
      <c r="BT26" s="244"/>
      <c r="BU26" s="71">
        <v>27</v>
      </c>
      <c r="BV26" s="71">
        <v>33</v>
      </c>
      <c r="BW26" s="71">
        <v>28</v>
      </c>
      <c r="BX26" s="71">
        <v>26</v>
      </c>
      <c r="BY26" s="71">
        <v>9</v>
      </c>
      <c r="BZ26" s="72">
        <v>123</v>
      </c>
      <c r="CA26" s="73">
        <v>156</v>
      </c>
      <c r="CB26" s="70">
        <v>5</v>
      </c>
      <c r="CC26" s="71">
        <v>9</v>
      </c>
      <c r="CD26" s="72">
        <v>14</v>
      </c>
      <c r="CE26" s="244"/>
      <c r="CF26" s="71">
        <v>5</v>
      </c>
      <c r="CG26" s="71">
        <v>11</v>
      </c>
      <c r="CH26" s="71">
        <v>6</v>
      </c>
      <c r="CI26" s="71">
        <v>6</v>
      </c>
      <c r="CJ26" s="71">
        <v>6</v>
      </c>
      <c r="CK26" s="72">
        <v>34</v>
      </c>
      <c r="CL26" s="73">
        <v>48</v>
      </c>
      <c r="CM26" s="70">
        <v>182</v>
      </c>
      <c r="CN26" s="71">
        <v>181</v>
      </c>
      <c r="CO26" s="72">
        <v>363</v>
      </c>
      <c r="CP26" s="244"/>
      <c r="CQ26" s="71">
        <v>312</v>
      </c>
      <c r="CR26" s="71">
        <v>275</v>
      </c>
      <c r="CS26" s="71">
        <v>188</v>
      </c>
      <c r="CT26" s="71">
        <v>160</v>
      </c>
      <c r="CU26" s="71">
        <v>101</v>
      </c>
      <c r="CV26" s="72">
        <v>1036</v>
      </c>
      <c r="CW26" s="73">
        <v>1399</v>
      </c>
      <c r="CX26" s="123">
        <v>311</v>
      </c>
      <c r="CY26" s="82">
        <v>392</v>
      </c>
      <c r="CZ26" s="83">
        <v>703</v>
      </c>
      <c r="DA26" s="241"/>
      <c r="DB26" s="82">
        <v>522</v>
      </c>
      <c r="DC26" s="82">
        <v>418</v>
      </c>
      <c r="DD26" s="82">
        <v>286</v>
      </c>
      <c r="DE26" s="82">
        <v>341</v>
      </c>
      <c r="DF26" s="82">
        <v>232</v>
      </c>
      <c r="DG26" s="84">
        <v>1799</v>
      </c>
      <c r="DH26" s="85">
        <v>2502</v>
      </c>
      <c r="DI26" s="70">
        <v>7</v>
      </c>
      <c r="DJ26" s="71">
        <v>20</v>
      </c>
      <c r="DK26" s="72">
        <v>27</v>
      </c>
      <c r="DL26" s="244"/>
      <c r="DM26" s="71">
        <v>11</v>
      </c>
      <c r="DN26" s="71">
        <v>12</v>
      </c>
      <c r="DO26" s="71">
        <v>3</v>
      </c>
      <c r="DP26" s="71">
        <v>8</v>
      </c>
      <c r="DQ26" s="71">
        <v>1</v>
      </c>
      <c r="DR26" s="72">
        <v>35</v>
      </c>
      <c r="DS26" s="73">
        <v>62</v>
      </c>
      <c r="DT26" s="70">
        <v>23</v>
      </c>
      <c r="DU26" s="71">
        <v>30</v>
      </c>
      <c r="DV26" s="72">
        <v>53</v>
      </c>
      <c r="DW26" s="244"/>
      <c r="DX26" s="71">
        <v>26</v>
      </c>
      <c r="DY26" s="71">
        <v>36</v>
      </c>
      <c r="DZ26" s="71">
        <v>19</v>
      </c>
      <c r="EA26" s="71">
        <v>29</v>
      </c>
      <c r="EB26" s="71">
        <v>19</v>
      </c>
      <c r="EC26" s="72">
        <v>129</v>
      </c>
      <c r="ED26" s="73">
        <v>182</v>
      </c>
      <c r="EE26" s="70">
        <v>54</v>
      </c>
      <c r="EF26" s="71">
        <v>79</v>
      </c>
      <c r="EG26" s="72">
        <v>133</v>
      </c>
      <c r="EH26" s="244"/>
      <c r="EI26" s="71">
        <v>82</v>
      </c>
      <c r="EJ26" s="71">
        <v>54</v>
      </c>
      <c r="EK26" s="71">
        <v>32</v>
      </c>
      <c r="EL26" s="71">
        <v>45</v>
      </c>
      <c r="EM26" s="71">
        <v>39</v>
      </c>
      <c r="EN26" s="72">
        <v>252</v>
      </c>
      <c r="EO26" s="73">
        <v>385</v>
      </c>
      <c r="EP26" s="70">
        <v>126</v>
      </c>
      <c r="EQ26" s="71">
        <v>118</v>
      </c>
      <c r="ER26" s="72">
        <v>244</v>
      </c>
      <c r="ES26" s="244"/>
      <c r="ET26" s="71">
        <v>153</v>
      </c>
      <c r="EU26" s="71">
        <v>93</v>
      </c>
      <c r="EV26" s="71">
        <v>59</v>
      </c>
      <c r="EW26" s="71">
        <v>70</v>
      </c>
      <c r="EX26" s="71">
        <v>43</v>
      </c>
      <c r="EY26" s="72">
        <v>418</v>
      </c>
      <c r="EZ26" s="73">
        <v>662</v>
      </c>
      <c r="FA26" s="70">
        <v>74</v>
      </c>
      <c r="FB26" s="71">
        <v>98</v>
      </c>
      <c r="FC26" s="72">
        <v>172</v>
      </c>
      <c r="FD26" s="244"/>
      <c r="FE26" s="71">
        <v>152</v>
      </c>
      <c r="FF26" s="71">
        <v>117</v>
      </c>
      <c r="FG26" s="71">
        <v>81</v>
      </c>
      <c r="FH26" s="71">
        <v>82</v>
      </c>
      <c r="FI26" s="71">
        <v>58</v>
      </c>
      <c r="FJ26" s="72">
        <v>490</v>
      </c>
      <c r="FK26" s="73">
        <v>662</v>
      </c>
      <c r="FL26" s="70">
        <v>27</v>
      </c>
      <c r="FM26" s="71">
        <v>47</v>
      </c>
      <c r="FN26" s="72">
        <v>74</v>
      </c>
      <c r="FO26" s="244"/>
      <c r="FP26" s="71">
        <v>98</v>
      </c>
      <c r="FQ26" s="71">
        <v>106</v>
      </c>
      <c r="FR26" s="71">
        <v>92</v>
      </c>
      <c r="FS26" s="71">
        <v>107</v>
      </c>
      <c r="FT26" s="71">
        <v>72</v>
      </c>
      <c r="FU26" s="72">
        <v>475</v>
      </c>
      <c r="FV26" s="73">
        <v>549</v>
      </c>
      <c r="FW26" s="70">
        <v>5</v>
      </c>
      <c r="FX26" s="71">
        <v>9</v>
      </c>
      <c r="FY26" s="72">
        <v>14</v>
      </c>
      <c r="FZ26" s="244"/>
      <c r="GA26" s="71">
        <v>3</v>
      </c>
      <c r="GB26" s="71">
        <v>8</v>
      </c>
      <c r="GC26" s="71">
        <v>3</v>
      </c>
      <c r="GD26" s="71">
        <v>5</v>
      </c>
      <c r="GE26" s="71">
        <v>7</v>
      </c>
      <c r="GF26" s="72">
        <v>26</v>
      </c>
      <c r="GG26" s="73">
        <v>40</v>
      </c>
      <c r="GH26" s="70">
        <v>316</v>
      </c>
      <c r="GI26" s="71">
        <v>401</v>
      </c>
      <c r="GJ26" s="72">
        <v>717</v>
      </c>
      <c r="GK26" s="244"/>
      <c r="GL26" s="71">
        <v>525</v>
      </c>
      <c r="GM26" s="71">
        <v>426</v>
      </c>
      <c r="GN26" s="71">
        <v>289</v>
      </c>
      <c r="GO26" s="71">
        <v>346</v>
      </c>
      <c r="GP26" s="71">
        <v>239</v>
      </c>
      <c r="GQ26" s="72">
        <v>1825</v>
      </c>
      <c r="GR26" s="73">
        <v>2542</v>
      </c>
      <c r="GS26" s="123">
        <v>488</v>
      </c>
      <c r="GT26" s="82">
        <v>564</v>
      </c>
      <c r="GU26" s="83">
        <v>1052</v>
      </c>
      <c r="GV26" s="241"/>
      <c r="GW26" s="82">
        <v>829</v>
      </c>
      <c r="GX26" s="82">
        <v>682</v>
      </c>
      <c r="GY26" s="82">
        <v>468</v>
      </c>
      <c r="GZ26" s="82">
        <v>495</v>
      </c>
      <c r="HA26" s="82">
        <v>327</v>
      </c>
      <c r="HB26" s="84">
        <v>2801</v>
      </c>
      <c r="HC26" s="85">
        <v>3853</v>
      </c>
      <c r="HD26" s="70">
        <v>16</v>
      </c>
      <c r="HE26" s="71">
        <v>32</v>
      </c>
      <c r="HF26" s="72">
        <v>48</v>
      </c>
      <c r="HG26" s="244"/>
      <c r="HH26" s="71">
        <v>25</v>
      </c>
      <c r="HI26" s="71">
        <v>23</v>
      </c>
      <c r="HJ26" s="71">
        <v>12</v>
      </c>
      <c r="HK26" s="71">
        <v>19</v>
      </c>
      <c r="HL26" s="71">
        <v>3</v>
      </c>
      <c r="HM26" s="72">
        <v>82</v>
      </c>
      <c r="HN26" s="73">
        <v>130</v>
      </c>
      <c r="HO26" s="70">
        <v>53</v>
      </c>
      <c r="HP26" s="71">
        <v>48</v>
      </c>
      <c r="HQ26" s="72">
        <v>101</v>
      </c>
      <c r="HR26" s="244"/>
      <c r="HS26" s="71">
        <v>57</v>
      </c>
      <c r="HT26" s="71">
        <v>68</v>
      </c>
      <c r="HU26" s="71">
        <v>35</v>
      </c>
      <c r="HV26" s="71">
        <v>45</v>
      </c>
      <c r="HW26" s="71">
        <v>38</v>
      </c>
      <c r="HX26" s="72">
        <v>243</v>
      </c>
      <c r="HY26" s="73">
        <v>344</v>
      </c>
      <c r="HZ26" s="70">
        <v>87</v>
      </c>
      <c r="IA26" s="71">
        <v>116</v>
      </c>
      <c r="IB26" s="72">
        <v>203</v>
      </c>
      <c r="IC26" s="244"/>
      <c r="ID26" s="71">
        <v>142</v>
      </c>
      <c r="IE26" s="71">
        <v>107</v>
      </c>
      <c r="IF26" s="71">
        <v>57</v>
      </c>
      <c r="IG26" s="71">
        <v>67</v>
      </c>
      <c r="IH26" s="71">
        <v>68</v>
      </c>
      <c r="II26" s="72">
        <v>441</v>
      </c>
      <c r="IJ26" s="73">
        <v>644</v>
      </c>
      <c r="IK26" s="70">
        <v>172</v>
      </c>
      <c r="IL26" s="71">
        <v>166</v>
      </c>
      <c r="IM26" s="72">
        <v>338</v>
      </c>
      <c r="IN26" s="244"/>
      <c r="IO26" s="71">
        <v>247</v>
      </c>
      <c r="IP26" s="71">
        <v>166</v>
      </c>
      <c r="IQ26" s="71">
        <v>113</v>
      </c>
      <c r="IR26" s="71">
        <v>111</v>
      </c>
      <c r="IS26" s="71">
        <v>60</v>
      </c>
      <c r="IT26" s="72">
        <v>697</v>
      </c>
      <c r="IU26" s="73">
        <v>1035</v>
      </c>
      <c r="IV26" s="70">
        <v>122</v>
      </c>
      <c r="IW26" s="71">
        <v>133</v>
      </c>
      <c r="IX26" s="72">
        <v>255</v>
      </c>
      <c r="IY26" s="244"/>
      <c r="IZ26" s="71">
        <v>233</v>
      </c>
      <c r="JA26" s="71">
        <v>179</v>
      </c>
      <c r="JB26" s="71">
        <v>131</v>
      </c>
      <c r="JC26" s="71">
        <v>120</v>
      </c>
      <c r="JD26" s="71">
        <v>77</v>
      </c>
      <c r="JE26" s="72">
        <v>740</v>
      </c>
      <c r="JF26" s="73">
        <v>995</v>
      </c>
      <c r="JG26" s="70">
        <v>38</v>
      </c>
      <c r="JH26" s="71">
        <v>69</v>
      </c>
      <c r="JI26" s="72">
        <v>107</v>
      </c>
      <c r="JJ26" s="244"/>
      <c r="JK26" s="71">
        <v>125</v>
      </c>
      <c r="JL26" s="71">
        <v>139</v>
      </c>
      <c r="JM26" s="71">
        <v>120</v>
      </c>
      <c r="JN26" s="71">
        <v>133</v>
      </c>
      <c r="JO26" s="71">
        <v>81</v>
      </c>
      <c r="JP26" s="72">
        <v>598</v>
      </c>
      <c r="JQ26" s="73">
        <v>705</v>
      </c>
      <c r="JR26" s="70">
        <v>10</v>
      </c>
      <c r="JS26" s="71">
        <v>18</v>
      </c>
      <c r="JT26" s="72">
        <v>28</v>
      </c>
      <c r="JU26" s="244"/>
      <c r="JV26" s="71">
        <v>8</v>
      </c>
      <c r="JW26" s="71">
        <v>19</v>
      </c>
      <c r="JX26" s="71">
        <v>9</v>
      </c>
      <c r="JY26" s="71">
        <v>11</v>
      </c>
      <c r="JZ26" s="71">
        <v>13</v>
      </c>
      <c r="KA26" s="72">
        <v>60</v>
      </c>
      <c r="KB26" s="73">
        <v>88</v>
      </c>
      <c r="KC26" s="70">
        <v>498</v>
      </c>
      <c r="KD26" s="71">
        <v>582</v>
      </c>
      <c r="KE26" s="72">
        <v>1080</v>
      </c>
      <c r="KF26" s="244"/>
      <c r="KG26" s="71">
        <v>837</v>
      </c>
      <c r="KH26" s="71">
        <v>701</v>
      </c>
      <c r="KI26" s="71">
        <v>477</v>
      </c>
      <c r="KJ26" s="71">
        <v>506</v>
      </c>
      <c r="KK26" s="71">
        <v>340</v>
      </c>
      <c r="KL26" s="72">
        <v>2861</v>
      </c>
      <c r="KM26" s="73">
        <v>3941</v>
      </c>
    </row>
    <row r="27" spans="2:299" ht="19.5" customHeight="1" x14ac:dyDescent="0.2">
      <c r="B27" s="126" t="s">
        <v>24</v>
      </c>
      <c r="C27" s="316">
        <v>110</v>
      </c>
      <c r="D27" s="82">
        <v>71</v>
      </c>
      <c r="E27" s="83">
        <v>181</v>
      </c>
      <c r="F27" s="241"/>
      <c r="G27" s="82">
        <v>159</v>
      </c>
      <c r="H27" s="82">
        <v>91</v>
      </c>
      <c r="I27" s="82">
        <v>71</v>
      </c>
      <c r="J27" s="82">
        <v>54</v>
      </c>
      <c r="K27" s="82">
        <v>52</v>
      </c>
      <c r="L27" s="84">
        <v>427</v>
      </c>
      <c r="M27" s="85">
        <v>608</v>
      </c>
      <c r="N27" s="70">
        <v>2</v>
      </c>
      <c r="O27" s="71">
        <v>1</v>
      </c>
      <c r="P27" s="72">
        <v>3</v>
      </c>
      <c r="Q27" s="244"/>
      <c r="R27" s="71">
        <v>7</v>
      </c>
      <c r="S27" s="71">
        <v>4</v>
      </c>
      <c r="T27" s="71">
        <v>3</v>
      </c>
      <c r="U27" s="71">
        <v>1</v>
      </c>
      <c r="V27" s="71">
        <v>5</v>
      </c>
      <c r="W27" s="72">
        <v>20</v>
      </c>
      <c r="X27" s="73">
        <v>23</v>
      </c>
      <c r="Y27" s="70">
        <v>7</v>
      </c>
      <c r="Z27" s="71">
        <v>3</v>
      </c>
      <c r="AA27" s="72">
        <v>10</v>
      </c>
      <c r="AB27" s="244"/>
      <c r="AC27" s="71">
        <v>14</v>
      </c>
      <c r="AD27" s="71">
        <v>9</v>
      </c>
      <c r="AE27" s="71">
        <v>5</v>
      </c>
      <c r="AF27" s="71">
        <v>3</v>
      </c>
      <c r="AG27" s="71">
        <v>6</v>
      </c>
      <c r="AH27" s="72">
        <v>37</v>
      </c>
      <c r="AI27" s="73">
        <v>47</v>
      </c>
      <c r="AJ27" s="70">
        <v>15</v>
      </c>
      <c r="AK27" s="71">
        <v>12</v>
      </c>
      <c r="AL27" s="72">
        <v>27</v>
      </c>
      <c r="AM27" s="244"/>
      <c r="AN27" s="71">
        <v>23</v>
      </c>
      <c r="AO27" s="71">
        <v>13</v>
      </c>
      <c r="AP27" s="71">
        <v>10</v>
      </c>
      <c r="AQ27" s="71">
        <v>7</v>
      </c>
      <c r="AR27" s="71">
        <v>6</v>
      </c>
      <c r="AS27" s="72">
        <v>59</v>
      </c>
      <c r="AT27" s="73">
        <v>86</v>
      </c>
      <c r="AU27" s="70">
        <v>25</v>
      </c>
      <c r="AV27" s="71">
        <v>19</v>
      </c>
      <c r="AW27" s="72">
        <v>44</v>
      </c>
      <c r="AX27" s="244"/>
      <c r="AY27" s="71">
        <v>31</v>
      </c>
      <c r="AZ27" s="71">
        <v>17</v>
      </c>
      <c r="BA27" s="71">
        <v>12</v>
      </c>
      <c r="BB27" s="71">
        <v>12</v>
      </c>
      <c r="BC27" s="71">
        <v>14</v>
      </c>
      <c r="BD27" s="72">
        <v>86</v>
      </c>
      <c r="BE27" s="73">
        <v>130</v>
      </c>
      <c r="BF27" s="70">
        <v>32</v>
      </c>
      <c r="BG27" s="71">
        <v>21</v>
      </c>
      <c r="BH27" s="72">
        <v>53</v>
      </c>
      <c r="BI27" s="244"/>
      <c r="BJ27" s="71">
        <v>46</v>
      </c>
      <c r="BK27" s="71">
        <v>31</v>
      </c>
      <c r="BL27" s="71">
        <v>18</v>
      </c>
      <c r="BM27" s="71">
        <v>16</v>
      </c>
      <c r="BN27" s="71">
        <v>16</v>
      </c>
      <c r="BO27" s="72">
        <v>127</v>
      </c>
      <c r="BP27" s="73">
        <v>180</v>
      </c>
      <c r="BQ27" s="70">
        <v>29</v>
      </c>
      <c r="BR27" s="71">
        <v>15</v>
      </c>
      <c r="BS27" s="72">
        <v>44</v>
      </c>
      <c r="BT27" s="244"/>
      <c r="BU27" s="71">
        <v>38</v>
      </c>
      <c r="BV27" s="71">
        <v>17</v>
      </c>
      <c r="BW27" s="71">
        <v>23</v>
      </c>
      <c r="BX27" s="71">
        <v>15</v>
      </c>
      <c r="BY27" s="71">
        <v>5</v>
      </c>
      <c r="BZ27" s="72">
        <v>98</v>
      </c>
      <c r="CA27" s="73">
        <v>142</v>
      </c>
      <c r="CB27" s="70">
        <v>6</v>
      </c>
      <c r="CC27" s="71">
        <v>3</v>
      </c>
      <c r="CD27" s="72">
        <v>9</v>
      </c>
      <c r="CE27" s="244"/>
      <c r="CF27" s="71">
        <v>3</v>
      </c>
      <c r="CG27" s="71">
        <v>4</v>
      </c>
      <c r="CH27" s="71">
        <v>1</v>
      </c>
      <c r="CI27" s="71">
        <v>2</v>
      </c>
      <c r="CJ27" s="71">
        <v>2</v>
      </c>
      <c r="CK27" s="72">
        <v>12</v>
      </c>
      <c r="CL27" s="73">
        <v>21</v>
      </c>
      <c r="CM27" s="70">
        <v>116</v>
      </c>
      <c r="CN27" s="71">
        <v>74</v>
      </c>
      <c r="CO27" s="72">
        <v>190</v>
      </c>
      <c r="CP27" s="244"/>
      <c r="CQ27" s="71">
        <v>162</v>
      </c>
      <c r="CR27" s="71">
        <v>95</v>
      </c>
      <c r="CS27" s="71">
        <v>72</v>
      </c>
      <c r="CT27" s="71">
        <v>56</v>
      </c>
      <c r="CU27" s="71">
        <v>54</v>
      </c>
      <c r="CV27" s="72">
        <v>439</v>
      </c>
      <c r="CW27" s="73">
        <v>629</v>
      </c>
      <c r="CX27" s="123">
        <v>227</v>
      </c>
      <c r="CY27" s="82">
        <v>152</v>
      </c>
      <c r="CZ27" s="83">
        <v>379</v>
      </c>
      <c r="DA27" s="241"/>
      <c r="DB27" s="82">
        <v>285</v>
      </c>
      <c r="DC27" s="82">
        <v>183</v>
      </c>
      <c r="DD27" s="82">
        <v>164</v>
      </c>
      <c r="DE27" s="82">
        <v>170</v>
      </c>
      <c r="DF27" s="82">
        <v>123</v>
      </c>
      <c r="DG27" s="84">
        <v>925</v>
      </c>
      <c r="DH27" s="85">
        <v>1304</v>
      </c>
      <c r="DI27" s="70">
        <v>5</v>
      </c>
      <c r="DJ27" s="71">
        <v>2</v>
      </c>
      <c r="DK27" s="72">
        <v>7</v>
      </c>
      <c r="DL27" s="244"/>
      <c r="DM27" s="71">
        <v>1</v>
      </c>
      <c r="DN27" s="71">
        <v>3</v>
      </c>
      <c r="DO27" s="71">
        <v>4</v>
      </c>
      <c r="DP27" s="71">
        <v>2</v>
      </c>
      <c r="DQ27" s="71">
        <v>2</v>
      </c>
      <c r="DR27" s="72">
        <v>12</v>
      </c>
      <c r="DS27" s="73">
        <v>19</v>
      </c>
      <c r="DT27" s="70">
        <v>20</v>
      </c>
      <c r="DU27" s="71">
        <v>6</v>
      </c>
      <c r="DV27" s="72">
        <v>26</v>
      </c>
      <c r="DW27" s="244"/>
      <c r="DX27" s="71">
        <v>6</v>
      </c>
      <c r="DY27" s="71">
        <v>6</v>
      </c>
      <c r="DZ27" s="71">
        <v>7</v>
      </c>
      <c r="EA27" s="71">
        <v>6</v>
      </c>
      <c r="EB27" s="71">
        <v>3</v>
      </c>
      <c r="EC27" s="72">
        <v>28</v>
      </c>
      <c r="ED27" s="73">
        <v>54</v>
      </c>
      <c r="EE27" s="70">
        <v>28</v>
      </c>
      <c r="EF27" s="71">
        <v>21</v>
      </c>
      <c r="EG27" s="72">
        <v>49</v>
      </c>
      <c r="EH27" s="244"/>
      <c r="EI27" s="71">
        <v>31</v>
      </c>
      <c r="EJ27" s="71">
        <v>21</v>
      </c>
      <c r="EK27" s="71">
        <v>13</v>
      </c>
      <c r="EL27" s="71">
        <v>11</v>
      </c>
      <c r="EM27" s="71">
        <v>4</v>
      </c>
      <c r="EN27" s="72">
        <v>80</v>
      </c>
      <c r="EO27" s="73">
        <v>129</v>
      </c>
      <c r="EP27" s="70">
        <v>59</v>
      </c>
      <c r="EQ27" s="71">
        <v>38</v>
      </c>
      <c r="ER27" s="72">
        <v>97</v>
      </c>
      <c r="ES27" s="244"/>
      <c r="ET27" s="71">
        <v>74</v>
      </c>
      <c r="EU27" s="71">
        <v>37</v>
      </c>
      <c r="EV27" s="71">
        <v>17</v>
      </c>
      <c r="EW27" s="71">
        <v>26</v>
      </c>
      <c r="EX27" s="71">
        <v>19</v>
      </c>
      <c r="EY27" s="72">
        <v>173</v>
      </c>
      <c r="EZ27" s="73">
        <v>270</v>
      </c>
      <c r="FA27" s="70">
        <v>64</v>
      </c>
      <c r="FB27" s="71">
        <v>54</v>
      </c>
      <c r="FC27" s="72">
        <v>118</v>
      </c>
      <c r="FD27" s="244"/>
      <c r="FE27" s="71">
        <v>86</v>
      </c>
      <c r="FF27" s="71">
        <v>55</v>
      </c>
      <c r="FG27" s="71">
        <v>44</v>
      </c>
      <c r="FH27" s="71">
        <v>37</v>
      </c>
      <c r="FI27" s="71">
        <v>33</v>
      </c>
      <c r="FJ27" s="72">
        <v>255</v>
      </c>
      <c r="FK27" s="73">
        <v>373</v>
      </c>
      <c r="FL27" s="70">
        <v>51</v>
      </c>
      <c r="FM27" s="71">
        <v>31</v>
      </c>
      <c r="FN27" s="72">
        <v>82</v>
      </c>
      <c r="FO27" s="244"/>
      <c r="FP27" s="71">
        <v>87</v>
      </c>
      <c r="FQ27" s="71">
        <v>61</v>
      </c>
      <c r="FR27" s="71">
        <v>79</v>
      </c>
      <c r="FS27" s="71">
        <v>88</v>
      </c>
      <c r="FT27" s="71">
        <v>62</v>
      </c>
      <c r="FU27" s="72">
        <v>377</v>
      </c>
      <c r="FV27" s="73">
        <v>459</v>
      </c>
      <c r="FW27" s="70">
        <v>1</v>
      </c>
      <c r="FX27" s="71">
        <v>2</v>
      </c>
      <c r="FY27" s="72">
        <v>3</v>
      </c>
      <c r="FZ27" s="244"/>
      <c r="GA27" s="71">
        <v>2</v>
      </c>
      <c r="GB27" s="71">
        <v>4</v>
      </c>
      <c r="GC27" s="71">
        <v>3</v>
      </c>
      <c r="GD27" s="71">
        <v>1</v>
      </c>
      <c r="GE27" s="71">
        <v>1</v>
      </c>
      <c r="GF27" s="72">
        <v>11</v>
      </c>
      <c r="GG27" s="73">
        <v>14</v>
      </c>
      <c r="GH27" s="70">
        <v>228</v>
      </c>
      <c r="GI27" s="71">
        <v>154</v>
      </c>
      <c r="GJ27" s="72">
        <v>382</v>
      </c>
      <c r="GK27" s="244"/>
      <c r="GL27" s="71">
        <v>287</v>
      </c>
      <c r="GM27" s="71">
        <v>187</v>
      </c>
      <c r="GN27" s="71">
        <v>167</v>
      </c>
      <c r="GO27" s="71">
        <v>171</v>
      </c>
      <c r="GP27" s="71">
        <v>124</v>
      </c>
      <c r="GQ27" s="72">
        <v>936</v>
      </c>
      <c r="GR27" s="73">
        <v>1318</v>
      </c>
      <c r="GS27" s="123">
        <v>337</v>
      </c>
      <c r="GT27" s="82">
        <v>223</v>
      </c>
      <c r="GU27" s="83">
        <v>560</v>
      </c>
      <c r="GV27" s="241"/>
      <c r="GW27" s="82">
        <v>444</v>
      </c>
      <c r="GX27" s="82">
        <v>274</v>
      </c>
      <c r="GY27" s="82">
        <v>235</v>
      </c>
      <c r="GZ27" s="82">
        <v>224</v>
      </c>
      <c r="HA27" s="82">
        <v>175</v>
      </c>
      <c r="HB27" s="84">
        <v>1352</v>
      </c>
      <c r="HC27" s="85">
        <v>1912</v>
      </c>
      <c r="HD27" s="70">
        <v>7</v>
      </c>
      <c r="HE27" s="71">
        <v>3</v>
      </c>
      <c r="HF27" s="72">
        <v>10</v>
      </c>
      <c r="HG27" s="244"/>
      <c r="HH27" s="71">
        <v>8</v>
      </c>
      <c r="HI27" s="71">
        <v>7</v>
      </c>
      <c r="HJ27" s="71">
        <v>7</v>
      </c>
      <c r="HK27" s="71">
        <v>3</v>
      </c>
      <c r="HL27" s="71">
        <v>7</v>
      </c>
      <c r="HM27" s="72">
        <v>32</v>
      </c>
      <c r="HN27" s="73">
        <v>42</v>
      </c>
      <c r="HO27" s="70">
        <v>27</v>
      </c>
      <c r="HP27" s="71">
        <v>9</v>
      </c>
      <c r="HQ27" s="72">
        <v>36</v>
      </c>
      <c r="HR27" s="244"/>
      <c r="HS27" s="71">
        <v>20</v>
      </c>
      <c r="HT27" s="71">
        <v>15</v>
      </c>
      <c r="HU27" s="71">
        <v>12</v>
      </c>
      <c r="HV27" s="71">
        <v>9</v>
      </c>
      <c r="HW27" s="71">
        <v>9</v>
      </c>
      <c r="HX27" s="72">
        <v>65</v>
      </c>
      <c r="HY27" s="73">
        <v>101</v>
      </c>
      <c r="HZ27" s="70">
        <v>43</v>
      </c>
      <c r="IA27" s="71">
        <v>33</v>
      </c>
      <c r="IB27" s="72">
        <v>76</v>
      </c>
      <c r="IC27" s="244"/>
      <c r="ID27" s="71">
        <v>54</v>
      </c>
      <c r="IE27" s="71">
        <v>34</v>
      </c>
      <c r="IF27" s="71">
        <v>23</v>
      </c>
      <c r="IG27" s="71">
        <v>18</v>
      </c>
      <c r="IH27" s="71">
        <v>10</v>
      </c>
      <c r="II27" s="72">
        <v>139</v>
      </c>
      <c r="IJ27" s="73">
        <v>215</v>
      </c>
      <c r="IK27" s="70">
        <v>84</v>
      </c>
      <c r="IL27" s="71">
        <v>57</v>
      </c>
      <c r="IM27" s="72">
        <v>141</v>
      </c>
      <c r="IN27" s="244"/>
      <c r="IO27" s="71">
        <v>105</v>
      </c>
      <c r="IP27" s="71">
        <v>54</v>
      </c>
      <c r="IQ27" s="71">
        <v>29</v>
      </c>
      <c r="IR27" s="71">
        <v>38</v>
      </c>
      <c r="IS27" s="71">
        <v>33</v>
      </c>
      <c r="IT27" s="72">
        <v>259</v>
      </c>
      <c r="IU27" s="73">
        <v>400</v>
      </c>
      <c r="IV27" s="70">
        <v>96</v>
      </c>
      <c r="IW27" s="71">
        <v>75</v>
      </c>
      <c r="IX27" s="72">
        <v>171</v>
      </c>
      <c r="IY27" s="244"/>
      <c r="IZ27" s="71">
        <v>132</v>
      </c>
      <c r="JA27" s="71">
        <v>86</v>
      </c>
      <c r="JB27" s="71">
        <v>62</v>
      </c>
      <c r="JC27" s="71">
        <v>53</v>
      </c>
      <c r="JD27" s="71">
        <v>49</v>
      </c>
      <c r="JE27" s="72">
        <v>382</v>
      </c>
      <c r="JF27" s="73">
        <v>553</v>
      </c>
      <c r="JG27" s="70">
        <v>80</v>
      </c>
      <c r="JH27" s="71">
        <v>46</v>
      </c>
      <c r="JI27" s="72">
        <v>126</v>
      </c>
      <c r="JJ27" s="244"/>
      <c r="JK27" s="71">
        <v>125</v>
      </c>
      <c r="JL27" s="71">
        <v>78</v>
      </c>
      <c r="JM27" s="71">
        <v>102</v>
      </c>
      <c r="JN27" s="71">
        <v>103</v>
      </c>
      <c r="JO27" s="71">
        <v>67</v>
      </c>
      <c r="JP27" s="72">
        <v>475</v>
      </c>
      <c r="JQ27" s="73">
        <v>601</v>
      </c>
      <c r="JR27" s="70">
        <v>7</v>
      </c>
      <c r="JS27" s="71">
        <v>5</v>
      </c>
      <c r="JT27" s="72">
        <v>12</v>
      </c>
      <c r="JU27" s="244"/>
      <c r="JV27" s="71">
        <v>5</v>
      </c>
      <c r="JW27" s="71">
        <v>8</v>
      </c>
      <c r="JX27" s="71">
        <v>4</v>
      </c>
      <c r="JY27" s="71">
        <v>3</v>
      </c>
      <c r="JZ27" s="71">
        <v>3</v>
      </c>
      <c r="KA27" s="72">
        <v>23</v>
      </c>
      <c r="KB27" s="73">
        <v>35</v>
      </c>
      <c r="KC27" s="70">
        <v>344</v>
      </c>
      <c r="KD27" s="71">
        <v>228</v>
      </c>
      <c r="KE27" s="72">
        <v>572</v>
      </c>
      <c r="KF27" s="244"/>
      <c r="KG27" s="71">
        <v>449</v>
      </c>
      <c r="KH27" s="71">
        <v>282</v>
      </c>
      <c r="KI27" s="71">
        <v>239</v>
      </c>
      <c r="KJ27" s="71">
        <v>227</v>
      </c>
      <c r="KK27" s="71">
        <v>178</v>
      </c>
      <c r="KL27" s="72">
        <v>1375</v>
      </c>
      <c r="KM27" s="73">
        <v>1947</v>
      </c>
    </row>
    <row r="28" spans="2:299" ht="19.5" customHeight="1" x14ac:dyDescent="0.2">
      <c r="B28" s="126" t="s">
        <v>25</v>
      </c>
      <c r="C28" s="316">
        <v>103</v>
      </c>
      <c r="D28" s="82">
        <v>102</v>
      </c>
      <c r="E28" s="83">
        <v>205</v>
      </c>
      <c r="F28" s="241"/>
      <c r="G28" s="82">
        <v>194</v>
      </c>
      <c r="H28" s="82">
        <v>123</v>
      </c>
      <c r="I28" s="82">
        <v>103</v>
      </c>
      <c r="J28" s="82">
        <v>98</v>
      </c>
      <c r="K28" s="82">
        <v>58</v>
      </c>
      <c r="L28" s="84">
        <v>576</v>
      </c>
      <c r="M28" s="85">
        <v>781</v>
      </c>
      <c r="N28" s="70">
        <v>2</v>
      </c>
      <c r="O28" s="71">
        <v>4</v>
      </c>
      <c r="P28" s="72">
        <v>6</v>
      </c>
      <c r="Q28" s="244"/>
      <c r="R28" s="71">
        <v>4</v>
      </c>
      <c r="S28" s="71">
        <v>7</v>
      </c>
      <c r="T28" s="71">
        <v>3</v>
      </c>
      <c r="U28" s="71">
        <v>5</v>
      </c>
      <c r="V28" s="71">
        <v>2</v>
      </c>
      <c r="W28" s="72">
        <v>21</v>
      </c>
      <c r="X28" s="73">
        <v>27</v>
      </c>
      <c r="Y28" s="70">
        <v>14</v>
      </c>
      <c r="Z28" s="71">
        <v>13</v>
      </c>
      <c r="AA28" s="72">
        <v>27</v>
      </c>
      <c r="AB28" s="244"/>
      <c r="AC28" s="71">
        <v>17</v>
      </c>
      <c r="AD28" s="71">
        <v>20</v>
      </c>
      <c r="AE28" s="71">
        <v>9</v>
      </c>
      <c r="AF28" s="71">
        <v>10</v>
      </c>
      <c r="AG28" s="71">
        <v>6</v>
      </c>
      <c r="AH28" s="72">
        <v>62</v>
      </c>
      <c r="AI28" s="73">
        <v>89</v>
      </c>
      <c r="AJ28" s="70">
        <v>17</v>
      </c>
      <c r="AK28" s="71">
        <v>23</v>
      </c>
      <c r="AL28" s="72">
        <v>40</v>
      </c>
      <c r="AM28" s="244"/>
      <c r="AN28" s="71">
        <v>34</v>
      </c>
      <c r="AO28" s="71">
        <v>20</v>
      </c>
      <c r="AP28" s="71">
        <v>17</v>
      </c>
      <c r="AQ28" s="71">
        <v>24</v>
      </c>
      <c r="AR28" s="71">
        <v>10</v>
      </c>
      <c r="AS28" s="72">
        <v>105</v>
      </c>
      <c r="AT28" s="73">
        <v>145</v>
      </c>
      <c r="AU28" s="70">
        <v>34</v>
      </c>
      <c r="AV28" s="71">
        <v>30</v>
      </c>
      <c r="AW28" s="72">
        <v>64</v>
      </c>
      <c r="AX28" s="244"/>
      <c r="AY28" s="71">
        <v>61</v>
      </c>
      <c r="AZ28" s="71">
        <v>30</v>
      </c>
      <c r="BA28" s="71">
        <v>28</v>
      </c>
      <c r="BB28" s="71">
        <v>28</v>
      </c>
      <c r="BC28" s="71">
        <v>21</v>
      </c>
      <c r="BD28" s="72">
        <v>168</v>
      </c>
      <c r="BE28" s="73">
        <v>232</v>
      </c>
      <c r="BF28" s="70">
        <v>22</v>
      </c>
      <c r="BG28" s="71">
        <v>21</v>
      </c>
      <c r="BH28" s="72">
        <v>43</v>
      </c>
      <c r="BI28" s="244"/>
      <c r="BJ28" s="71">
        <v>52</v>
      </c>
      <c r="BK28" s="71">
        <v>35</v>
      </c>
      <c r="BL28" s="71">
        <v>26</v>
      </c>
      <c r="BM28" s="71">
        <v>20</v>
      </c>
      <c r="BN28" s="71">
        <v>13</v>
      </c>
      <c r="BO28" s="72">
        <v>146</v>
      </c>
      <c r="BP28" s="73">
        <v>189</v>
      </c>
      <c r="BQ28" s="70">
        <v>14</v>
      </c>
      <c r="BR28" s="71">
        <v>11</v>
      </c>
      <c r="BS28" s="72">
        <v>25</v>
      </c>
      <c r="BT28" s="244"/>
      <c r="BU28" s="71">
        <v>26</v>
      </c>
      <c r="BV28" s="71">
        <v>11</v>
      </c>
      <c r="BW28" s="71">
        <v>20</v>
      </c>
      <c r="BX28" s="71">
        <v>11</v>
      </c>
      <c r="BY28" s="71">
        <v>6</v>
      </c>
      <c r="BZ28" s="72">
        <v>74</v>
      </c>
      <c r="CA28" s="73">
        <v>99</v>
      </c>
      <c r="CB28" s="70">
        <v>1</v>
      </c>
      <c r="CC28" s="71">
        <v>2</v>
      </c>
      <c r="CD28" s="72">
        <v>3</v>
      </c>
      <c r="CE28" s="244"/>
      <c r="CF28" s="71">
        <v>4</v>
      </c>
      <c r="CG28" s="71">
        <v>9</v>
      </c>
      <c r="CH28" s="71">
        <v>2</v>
      </c>
      <c r="CI28" s="71">
        <v>4</v>
      </c>
      <c r="CJ28" s="71">
        <v>2</v>
      </c>
      <c r="CK28" s="72">
        <v>21</v>
      </c>
      <c r="CL28" s="73">
        <v>24</v>
      </c>
      <c r="CM28" s="70">
        <v>104</v>
      </c>
      <c r="CN28" s="71">
        <v>104</v>
      </c>
      <c r="CO28" s="72">
        <v>208</v>
      </c>
      <c r="CP28" s="244"/>
      <c r="CQ28" s="71">
        <v>198</v>
      </c>
      <c r="CR28" s="71">
        <v>132</v>
      </c>
      <c r="CS28" s="71">
        <v>105</v>
      </c>
      <c r="CT28" s="71">
        <v>102</v>
      </c>
      <c r="CU28" s="71">
        <v>60</v>
      </c>
      <c r="CV28" s="72">
        <v>597</v>
      </c>
      <c r="CW28" s="73">
        <v>805</v>
      </c>
      <c r="CX28" s="123">
        <v>183</v>
      </c>
      <c r="CY28" s="82">
        <v>193</v>
      </c>
      <c r="CZ28" s="83">
        <v>376</v>
      </c>
      <c r="DA28" s="241"/>
      <c r="DB28" s="82">
        <v>316</v>
      </c>
      <c r="DC28" s="82">
        <v>216</v>
      </c>
      <c r="DD28" s="82">
        <v>149</v>
      </c>
      <c r="DE28" s="82">
        <v>175</v>
      </c>
      <c r="DF28" s="82">
        <v>112</v>
      </c>
      <c r="DG28" s="84">
        <v>968</v>
      </c>
      <c r="DH28" s="85">
        <v>1344</v>
      </c>
      <c r="DI28" s="70">
        <v>4</v>
      </c>
      <c r="DJ28" s="71">
        <v>7</v>
      </c>
      <c r="DK28" s="72">
        <v>11</v>
      </c>
      <c r="DL28" s="244"/>
      <c r="DM28" s="71">
        <v>10</v>
      </c>
      <c r="DN28" s="71">
        <v>9</v>
      </c>
      <c r="DO28" s="71">
        <v>2</v>
      </c>
      <c r="DP28" s="71">
        <v>5</v>
      </c>
      <c r="DQ28" s="71">
        <v>2</v>
      </c>
      <c r="DR28" s="72">
        <v>28</v>
      </c>
      <c r="DS28" s="73">
        <v>39</v>
      </c>
      <c r="DT28" s="70">
        <v>20</v>
      </c>
      <c r="DU28" s="71">
        <v>15</v>
      </c>
      <c r="DV28" s="72">
        <v>35</v>
      </c>
      <c r="DW28" s="244"/>
      <c r="DX28" s="71">
        <v>23</v>
      </c>
      <c r="DY28" s="71">
        <v>12</v>
      </c>
      <c r="DZ28" s="71">
        <v>13</v>
      </c>
      <c r="EA28" s="71">
        <v>7</v>
      </c>
      <c r="EB28" s="71">
        <v>11</v>
      </c>
      <c r="EC28" s="72">
        <v>66</v>
      </c>
      <c r="ED28" s="73">
        <v>101</v>
      </c>
      <c r="EE28" s="70">
        <v>38</v>
      </c>
      <c r="EF28" s="71">
        <v>30</v>
      </c>
      <c r="EG28" s="72">
        <v>68</v>
      </c>
      <c r="EH28" s="244"/>
      <c r="EI28" s="71">
        <v>46</v>
      </c>
      <c r="EJ28" s="71">
        <v>28</v>
      </c>
      <c r="EK28" s="71">
        <v>23</v>
      </c>
      <c r="EL28" s="71">
        <v>22</v>
      </c>
      <c r="EM28" s="71">
        <v>14</v>
      </c>
      <c r="EN28" s="72">
        <v>133</v>
      </c>
      <c r="EO28" s="73">
        <v>201</v>
      </c>
      <c r="EP28" s="70">
        <v>52</v>
      </c>
      <c r="EQ28" s="71">
        <v>52</v>
      </c>
      <c r="ER28" s="72">
        <v>104</v>
      </c>
      <c r="ES28" s="244"/>
      <c r="ET28" s="71">
        <v>76</v>
      </c>
      <c r="EU28" s="71">
        <v>49</v>
      </c>
      <c r="EV28" s="71">
        <v>24</v>
      </c>
      <c r="EW28" s="71">
        <v>31</v>
      </c>
      <c r="EX28" s="71">
        <v>15</v>
      </c>
      <c r="EY28" s="72">
        <v>195</v>
      </c>
      <c r="EZ28" s="73">
        <v>299</v>
      </c>
      <c r="FA28" s="70">
        <v>46</v>
      </c>
      <c r="FB28" s="71">
        <v>56</v>
      </c>
      <c r="FC28" s="72">
        <v>102</v>
      </c>
      <c r="FD28" s="244"/>
      <c r="FE28" s="71">
        <v>91</v>
      </c>
      <c r="FF28" s="71">
        <v>58</v>
      </c>
      <c r="FG28" s="71">
        <v>46</v>
      </c>
      <c r="FH28" s="71">
        <v>54</v>
      </c>
      <c r="FI28" s="71">
        <v>38</v>
      </c>
      <c r="FJ28" s="72">
        <v>287</v>
      </c>
      <c r="FK28" s="73">
        <v>389</v>
      </c>
      <c r="FL28" s="70">
        <v>23</v>
      </c>
      <c r="FM28" s="71">
        <v>33</v>
      </c>
      <c r="FN28" s="72">
        <v>56</v>
      </c>
      <c r="FO28" s="244"/>
      <c r="FP28" s="71">
        <v>70</v>
      </c>
      <c r="FQ28" s="71">
        <v>60</v>
      </c>
      <c r="FR28" s="71">
        <v>41</v>
      </c>
      <c r="FS28" s="71">
        <v>56</v>
      </c>
      <c r="FT28" s="71">
        <v>32</v>
      </c>
      <c r="FU28" s="72">
        <v>259</v>
      </c>
      <c r="FV28" s="73">
        <v>315</v>
      </c>
      <c r="FW28" s="70">
        <v>3</v>
      </c>
      <c r="FX28" s="71">
        <v>4</v>
      </c>
      <c r="FY28" s="72">
        <v>7</v>
      </c>
      <c r="FZ28" s="244"/>
      <c r="GA28" s="71">
        <v>3</v>
      </c>
      <c r="GB28" s="71">
        <v>2</v>
      </c>
      <c r="GC28" s="71">
        <v>3</v>
      </c>
      <c r="GD28" s="71">
        <v>3</v>
      </c>
      <c r="GE28" s="71">
        <v>6</v>
      </c>
      <c r="GF28" s="72">
        <v>17</v>
      </c>
      <c r="GG28" s="73">
        <v>24</v>
      </c>
      <c r="GH28" s="70">
        <v>186</v>
      </c>
      <c r="GI28" s="71">
        <v>197</v>
      </c>
      <c r="GJ28" s="72">
        <v>383</v>
      </c>
      <c r="GK28" s="244"/>
      <c r="GL28" s="71">
        <v>319</v>
      </c>
      <c r="GM28" s="71">
        <v>218</v>
      </c>
      <c r="GN28" s="71">
        <v>152</v>
      </c>
      <c r="GO28" s="71">
        <v>178</v>
      </c>
      <c r="GP28" s="71">
        <v>118</v>
      </c>
      <c r="GQ28" s="72">
        <v>985</v>
      </c>
      <c r="GR28" s="73">
        <v>1368</v>
      </c>
      <c r="GS28" s="123">
        <v>286</v>
      </c>
      <c r="GT28" s="82">
        <v>295</v>
      </c>
      <c r="GU28" s="83">
        <v>581</v>
      </c>
      <c r="GV28" s="241"/>
      <c r="GW28" s="82">
        <v>510</v>
      </c>
      <c r="GX28" s="82">
        <v>339</v>
      </c>
      <c r="GY28" s="82">
        <v>252</v>
      </c>
      <c r="GZ28" s="82">
        <v>273</v>
      </c>
      <c r="HA28" s="82">
        <v>170</v>
      </c>
      <c r="HB28" s="84">
        <v>1544</v>
      </c>
      <c r="HC28" s="85">
        <v>2125</v>
      </c>
      <c r="HD28" s="70">
        <v>6</v>
      </c>
      <c r="HE28" s="71">
        <v>11</v>
      </c>
      <c r="HF28" s="72">
        <v>17</v>
      </c>
      <c r="HG28" s="244"/>
      <c r="HH28" s="71">
        <v>14</v>
      </c>
      <c r="HI28" s="71">
        <v>16</v>
      </c>
      <c r="HJ28" s="71">
        <v>5</v>
      </c>
      <c r="HK28" s="71">
        <v>10</v>
      </c>
      <c r="HL28" s="71">
        <v>4</v>
      </c>
      <c r="HM28" s="72">
        <v>49</v>
      </c>
      <c r="HN28" s="73">
        <v>66</v>
      </c>
      <c r="HO28" s="70">
        <v>34</v>
      </c>
      <c r="HP28" s="71">
        <v>28</v>
      </c>
      <c r="HQ28" s="72">
        <v>62</v>
      </c>
      <c r="HR28" s="244"/>
      <c r="HS28" s="71">
        <v>40</v>
      </c>
      <c r="HT28" s="71">
        <v>32</v>
      </c>
      <c r="HU28" s="71">
        <v>22</v>
      </c>
      <c r="HV28" s="71">
        <v>17</v>
      </c>
      <c r="HW28" s="71">
        <v>17</v>
      </c>
      <c r="HX28" s="72">
        <v>128</v>
      </c>
      <c r="HY28" s="73">
        <v>190</v>
      </c>
      <c r="HZ28" s="70">
        <v>55</v>
      </c>
      <c r="IA28" s="71">
        <v>53</v>
      </c>
      <c r="IB28" s="72">
        <v>108</v>
      </c>
      <c r="IC28" s="244"/>
      <c r="ID28" s="71">
        <v>80</v>
      </c>
      <c r="IE28" s="71">
        <v>48</v>
      </c>
      <c r="IF28" s="71">
        <v>40</v>
      </c>
      <c r="IG28" s="71">
        <v>46</v>
      </c>
      <c r="IH28" s="71">
        <v>24</v>
      </c>
      <c r="II28" s="72">
        <v>238</v>
      </c>
      <c r="IJ28" s="73">
        <v>346</v>
      </c>
      <c r="IK28" s="70">
        <v>86</v>
      </c>
      <c r="IL28" s="71">
        <v>82</v>
      </c>
      <c r="IM28" s="72">
        <v>168</v>
      </c>
      <c r="IN28" s="244"/>
      <c r="IO28" s="71">
        <v>137</v>
      </c>
      <c r="IP28" s="71">
        <v>79</v>
      </c>
      <c r="IQ28" s="71">
        <v>52</v>
      </c>
      <c r="IR28" s="71">
        <v>59</v>
      </c>
      <c r="IS28" s="71">
        <v>36</v>
      </c>
      <c r="IT28" s="72">
        <v>363</v>
      </c>
      <c r="IU28" s="73">
        <v>531</v>
      </c>
      <c r="IV28" s="70">
        <v>68</v>
      </c>
      <c r="IW28" s="71">
        <v>77</v>
      </c>
      <c r="IX28" s="72">
        <v>145</v>
      </c>
      <c r="IY28" s="244"/>
      <c r="IZ28" s="71">
        <v>143</v>
      </c>
      <c r="JA28" s="71">
        <v>93</v>
      </c>
      <c r="JB28" s="71">
        <v>72</v>
      </c>
      <c r="JC28" s="71">
        <v>74</v>
      </c>
      <c r="JD28" s="71">
        <v>51</v>
      </c>
      <c r="JE28" s="72">
        <v>433</v>
      </c>
      <c r="JF28" s="73">
        <v>578</v>
      </c>
      <c r="JG28" s="70">
        <v>37</v>
      </c>
      <c r="JH28" s="71">
        <v>44</v>
      </c>
      <c r="JI28" s="72">
        <v>81</v>
      </c>
      <c r="JJ28" s="244"/>
      <c r="JK28" s="71">
        <v>96</v>
      </c>
      <c r="JL28" s="71">
        <v>71</v>
      </c>
      <c r="JM28" s="71">
        <v>61</v>
      </c>
      <c r="JN28" s="71">
        <v>67</v>
      </c>
      <c r="JO28" s="71">
        <v>38</v>
      </c>
      <c r="JP28" s="72">
        <v>333</v>
      </c>
      <c r="JQ28" s="73">
        <v>414</v>
      </c>
      <c r="JR28" s="70">
        <v>4</v>
      </c>
      <c r="JS28" s="71">
        <v>6</v>
      </c>
      <c r="JT28" s="72">
        <v>10</v>
      </c>
      <c r="JU28" s="244"/>
      <c r="JV28" s="71">
        <v>7</v>
      </c>
      <c r="JW28" s="71">
        <v>11</v>
      </c>
      <c r="JX28" s="71">
        <v>5</v>
      </c>
      <c r="JY28" s="71">
        <v>7</v>
      </c>
      <c r="JZ28" s="71">
        <v>8</v>
      </c>
      <c r="KA28" s="72">
        <v>38</v>
      </c>
      <c r="KB28" s="73">
        <v>48</v>
      </c>
      <c r="KC28" s="70">
        <v>290</v>
      </c>
      <c r="KD28" s="71">
        <v>301</v>
      </c>
      <c r="KE28" s="72">
        <v>591</v>
      </c>
      <c r="KF28" s="244"/>
      <c r="KG28" s="71">
        <v>517</v>
      </c>
      <c r="KH28" s="71">
        <v>350</v>
      </c>
      <c r="KI28" s="71">
        <v>257</v>
      </c>
      <c r="KJ28" s="71">
        <v>280</v>
      </c>
      <c r="KK28" s="71">
        <v>178</v>
      </c>
      <c r="KL28" s="72">
        <v>1582</v>
      </c>
      <c r="KM28" s="73">
        <v>2173</v>
      </c>
    </row>
    <row r="29" spans="2:299" ht="19.5" customHeight="1" x14ac:dyDescent="0.2">
      <c r="B29" s="126" t="s">
        <v>26</v>
      </c>
      <c r="C29" s="316">
        <v>103</v>
      </c>
      <c r="D29" s="82">
        <v>60</v>
      </c>
      <c r="E29" s="83">
        <v>163</v>
      </c>
      <c r="F29" s="241"/>
      <c r="G29" s="82">
        <v>139</v>
      </c>
      <c r="H29" s="82">
        <v>123</v>
      </c>
      <c r="I29" s="82">
        <v>81</v>
      </c>
      <c r="J29" s="82">
        <v>72</v>
      </c>
      <c r="K29" s="82">
        <v>38</v>
      </c>
      <c r="L29" s="84">
        <v>453</v>
      </c>
      <c r="M29" s="85">
        <v>616</v>
      </c>
      <c r="N29" s="70">
        <v>3</v>
      </c>
      <c r="O29" s="71">
        <v>2</v>
      </c>
      <c r="P29" s="72">
        <v>5</v>
      </c>
      <c r="Q29" s="244"/>
      <c r="R29" s="71">
        <v>6</v>
      </c>
      <c r="S29" s="71">
        <v>4</v>
      </c>
      <c r="T29" s="71">
        <v>3</v>
      </c>
      <c r="U29" s="71">
        <v>5</v>
      </c>
      <c r="V29" s="71">
        <v>3</v>
      </c>
      <c r="W29" s="72">
        <v>21</v>
      </c>
      <c r="X29" s="73">
        <v>26</v>
      </c>
      <c r="Y29" s="70">
        <v>13</v>
      </c>
      <c r="Z29" s="71">
        <v>4</v>
      </c>
      <c r="AA29" s="72">
        <v>17</v>
      </c>
      <c r="AB29" s="244"/>
      <c r="AC29" s="71">
        <v>12</v>
      </c>
      <c r="AD29" s="71">
        <v>10</v>
      </c>
      <c r="AE29" s="71">
        <v>10</v>
      </c>
      <c r="AF29" s="71">
        <v>6</v>
      </c>
      <c r="AG29" s="71">
        <v>8</v>
      </c>
      <c r="AH29" s="72">
        <v>46</v>
      </c>
      <c r="AI29" s="73">
        <v>63</v>
      </c>
      <c r="AJ29" s="70">
        <v>18</v>
      </c>
      <c r="AK29" s="71">
        <v>10</v>
      </c>
      <c r="AL29" s="72">
        <v>28</v>
      </c>
      <c r="AM29" s="244"/>
      <c r="AN29" s="71">
        <v>17</v>
      </c>
      <c r="AO29" s="71">
        <v>18</v>
      </c>
      <c r="AP29" s="71">
        <v>19</v>
      </c>
      <c r="AQ29" s="71">
        <v>8</v>
      </c>
      <c r="AR29" s="71">
        <v>4</v>
      </c>
      <c r="AS29" s="72">
        <v>66</v>
      </c>
      <c r="AT29" s="73">
        <v>94</v>
      </c>
      <c r="AU29" s="70">
        <v>23</v>
      </c>
      <c r="AV29" s="71">
        <v>15</v>
      </c>
      <c r="AW29" s="72">
        <v>38</v>
      </c>
      <c r="AX29" s="244"/>
      <c r="AY29" s="71">
        <v>50</v>
      </c>
      <c r="AZ29" s="71">
        <v>29</v>
      </c>
      <c r="BA29" s="71">
        <v>15</v>
      </c>
      <c r="BB29" s="71">
        <v>13</v>
      </c>
      <c r="BC29" s="71">
        <v>6</v>
      </c>
      <c r="BD29" s="72">
        <v>113</v>
      </c>
      <c r="BE29" s="73">
        <v>151</v>
      </c>
      <c r="BF29" s="70">
        <v>26</v>
      </c>
      <c r="BG29" s="71">
        <v>18</v>
      </c>
      <c r="BH29" s="72">
        <v>44</v>
      </c>
      <c r="BI29" s="244"/>
      <c r="BJ29" s="71">
        <v>24</v>
      </c>
      <c r="BK29" s="71">
        <v>37</v>
      </c>
      <c r="BL29" s="71">
        <v>21</v>
      </c>
      <c r="BM29" s="71">
        <v>22</v>
      </c>
      <c r="BN29" s="71">
        <v>12</v>
      </c>
      <c r="BO29" s="72">
        <v>116</v>
      </c>
      <c r="BP29" s="73">
        <v>160</v>
      </c>
      <c r="BQ29" s="70">
        <v>20</v>
      </c>
      <c r="BR29" s="71">
        <v>11</v>
      </c>
      <c r="BS29" s="72">
        <v>31</v>
      </c>
      <c r="BT29" s="244"/>
      <c r="BU29" s="71">
        <v>30</v>
      </c>
      <c r="BV29" s="71">
        <v>25</v>
      </c>
      <c r="BW29" s="71">
        <v>13</v>
      </c>
      <c r="BX29" s="71">
        <v>18</v>
      </c>
      <c r="BY29" s="71">
        <v>5</v>
      </c>
      <c r="BZ29" s="72">
        <v>91</v>
      </c>
      <c r="CA29" s="73">
        <v>122</v>
      </c>
      <c r="CB29" s="70">
        <v>2</v>
      </c>
      <c r="CC29" s="71">
        <v>0</v>
      </c>
      <c r="CD29" s="72">
        <v>2</v>
      </c>
      <c r="CE29" s="244"/>
      <c r="CF29" s="71">
        <v>5</v>
      </c>
      <c r="CG29" s="71">
        <v>3</v>
      </c>
      <c r="CH29" s="71">
        <v>1</v>
      </c>
      <c r="CI29" s="71">
        <v>2</v>
      </c>
      <c r="CJ29" s="71">
        <v>1</v>
      </c>
      <c r="CK29" s="72">
        <v>12</v>
      </c>
      <c r="CL29" s="73">
        <v>14</v>
      </c>
      <c r="CM29" s="70">
        <v>105</v>
      </c>
      <c r="CN29" s="71">
        <v>60</v>
      </c>
      <c r="CO29" s="72">
        <v>165</v>
      </c>
      <c r="CP29" s="244"/>
      <c r="CQ29" s="71">
        <v>144</v>
      </c>
      <c r="CR29" s="71">
        <v>126</v>
      </c>
      <c r="CS29" s="71">
        <v>82</v>
      </c>
      <c r="CT29" s="71">
        <v>74</v>
      </c>
      <c r="CU29" s="71">
        <v>39</v>
      </c>
      <c r="CV29" s="72">
        <v>465</v>
      </c>
      <c r="CW29" s="73">
        <v>630</v>
      </c>
      <c r="CX29" s="123">
        <v>177</v>
      </c>
      <c r="CY29" s="82">
        <v>185</v>
      </c>
      <c r="CZ29" s="83">
        <v>362</v>
      </c>
      <c r="DA29" s="241"/>
      <c r="DB29" s="82">
        <v>268</v>
      </c>
      <c r="DC29" s="82">
        <v>201</v>
      </c>
      <c r="DD29" s="82">
        <v>148</v>
      </c>
      <c r="DE29" s="82">
        <v>165</v>
      </c>
      <c r="DF29" s="82">
        <v>115</v>
      </c>
      <c r="DG29" s="84">
        <v>897</v>
      </c>
      <c r="DH29" s="85">
        <v>1259</v>
      </c>
      <c r="DI29" s="70">
        <v>3</v>
      </c>
      <c r="DJ29" s="71">
        <v>5</v>
      </c>
      <c r="DK29" s="72">
        <v>8</v>
      </c>
      <c r="DL29" s="244"/>
      <c r="DM29" s="71">
        <v>7</v>
      </c>
      <c r="DN29" s="71">
        <v>5</v>
      </c>
      <c r="DO29" s="71">
        <v>4</v>
      </c>
      <c r="DP29" s="71">
        <v>3</v>
      </c>
      <c r="DQ29" s="71">
        <v>2</v>
      </c>
      <c r="DR29" s="72">
        <v>21</v>
      </c>
      <c r="DS29" s="73">
        <v>29</v>
      </c>
      <c r="DT29" s="70">
        <v>14</v>
      </c>
      <c r="DU29" s="71">
        <v>10</v>
      </c>
      <c r="DV29" s="72">
        <v>24</v>
      </c>
      <c r="DW29" s="244"/>
      <c r="DX29" s="71">
        <v>12</v>
      </c>
      <c r="DY29" s="71">
        <v>8</v>
      </c>
      <c r="DZ29" s="71">
        <v>4</v>
      </c>
      <c r="EA29" s="71">
        <v>8</v>
      </c>
      <c r="EB29" s="71">
        <v>8</v>
      </c>
      <c r="EC29" s="72">
        <v>40</v>
      </c>
      <c r="ED29" s="73">
        <v>64</v>
      </c>
      <c r="EE29" s="70">
        <v>27</v>
      </c>
      <c r="EF29" s="71">
        <v>24</v>
      </c>
      <c r="EG29" s="72">
        <v>51</v>
      </c>
      <c r="EH29" s="244"/>
      <c r="EI29" s="71">
        <v>40</v>
      </c>
      <c r="EJ29" s="71">
        <v>24</v>
      </c>
      <c r="EK29" s="71">
        <v>12</v>
      </c>
      <c r="EL29" s="71">
        <v>12</v>
      </c>
      <c r="EM29" s="71">
        <v>8</v>
      </c>
      <c r="EN29" s="72">
        <v>96</v>
      </c>
      <c r="EO29" s="73">
        <v>147</v>
      </c>
      <c r="EP29" s="70">
        <v>51</v>
      </c>
      <c r="EQ29" s="71">
        <v>49</v>
      </c>
      <c r="ER29" s="72">
        <v>100</v>
      </c>
      <c r="ES29" s="244"/>
      <c r="ET29" s="71">
        <v>56</v>
      </c>
      <c r="EU29" s="71">
        <v>35</v>
      </c>
      <c r="EV29" s="71">
        <v>32</v>
      </c>
      <c r="EW29" s="71">
        <v>17</v>
      </c>
      <c r="EX29" s="71">
        <v>20</v>
      </c>
      <c r="EY29" s="72">
        <v>160</v>
      </c>
      <c r="EZ29" s="73">
        <v>260</v>
      </c>
      <c r="FA29" s="70">
        <v>51</v>
      </c>
      <c r="FB29" s="71">
        <v>61</v>
      </c>
      <c r="FC29" s="72">
        <v>112</v>
      </c>
      <c r="FD29" s="244"/>
      <c r="FE29" s="71">
        <v>77</v>
      </c>
      <c r="FF29" s="71">
        <v>53</v>
      </c>
      <c r="FG29" s="71">
        <v>33</v>
      </c>
      <c r="FH29" s="71">
        <v>38</v>
      </c>
      <c r="FI29" s="71">
        <v>23</v>
      </c>
      <c r="FJ29" s="72">
        <v>224</v>
      </c>
      <c r="FK29" s="73">
        <v>336</v>
      </c>
      <c r="FL29" s="70">
        <v>31</v>
      </c>
      <c r="FM29" s="71">
        <v>36</v>
      </c>
      <c r="FN29" s="72">
        <v>67</v>
      </c>
      <c r="FO29" s="244"/>
      <c r="FP29" s="71">
        <v>76</v>
      </c>
      <c r="FQ29" s="71">
        <v>76</v>
      </c>
      <c r="FR29" s="71">
        <v>63</v>
      </c>
      <c r="FS29" s="71">
        <v>87</v>
      </c>
      <c r="FT29" s="71">
        <v>54</v>
      </c>
      <c r="FU29" s="72">
        <v>356</v>
      </c>
      <c r="FV29" s="73">
        <v>423</v>
      </c>
      <c r="FW29" s="70">
        <v>0</v>
      </c>
      <c r="FX29" s="71">
        <v>2</v>
      </c>
      <c r="FY29" s="72">
        <v>2</v>
      </c>
      <c r="FZ29" s="244"/>
      <c r="GA29" s="71">
        <v>8</v>
      </c>
      <c r="GB29" s="71">
        <v>2</v>
      </c>
      <c r="GC29" s="71">
        <v>1</v>
      </c>
      <c r="GD29" s="71">
        <v>4</v>
      </c>
      <c r="GE29" s="71">
        <v>2</v>
      </c>
      <c r="GF29" s="72">
        <v>17</v>
      </c>
      <c r="GG29" s="73">
        <v>19</v>
      </c>
      <c r="GH29" s="70">
        <v>177</v>
      </c>
      <c r="GI29" s="71">
        <v>187</v>
      </c>
      <c r="GJ29" s="72">
        <v>364</v>
      </c>
      <c r="GK29" s="244"/>
      <c r="GL29" s="71">
        <v>276</v>
      </c>
      <c r="GM29" s="71">
        <v>203</v>
      </c>
      <c r="GN29" s="71">
        <v>149</v>
      </c>
      <c r="GO29" s="71">
        <v>169</v>
      </c>
      <c r="GP29" s="71">
        <v>117</v>
      </c>
      <c r="GQ29" s="72">
        <v>914</v>
      </c>
      <c r="GR29" s="73">
        <v>1278</v>
      </c>
      <c r="GS29" s="123">
        <v>280</v>
      </c>
      <c r="GT29" s="82">
        <v>245</v>
      </c>
      <c r="GU29" s="83">
        <v>525</v>
      </c>
      <c r="GV29" s="241"/>
      <c r="GW29" s="82">
        <v>407</v>
      </c>
      <c r="GX29" s="82">
        <v>324</v>
      </c>
      <c r="GY29" s="82">
        <v>229</v>
      </c>
      <c r="GZ29" s="82">
        <v>237</v>
      </c>
      <c r="HA29" s="82">
        <v>153</v>
      </c>
      <c r="HB29" s="84">
        <v>1350</v>
      </c>
      <c r="HC29" s="85">
        <v>1875</v>
      </c>
      <c r="HD29" s="70">
        <v>6</v>
      </c>
      <c r="HE29" s="71">
        <v>7</v>
      </c>
      <c r="HF29" s="72">
        <v>13</v>
      </c>
      <c r="HG29" s="244"/>
      <c r="HH29" s="71">
        <v>13</v>
      </c>
      <c r="HI29" s="71">
        <v>9</v>
      </c>
      <c r="HJ29" s="71">
        <v>7</v>
      </c>
      <c r="HK29" s="71">
        <v>8</v>
      </c>
      <c r="HL29" s="71">
        <v>5</v>
      </c>
      <c r="HM29" s="72">
        <v>42</v>
      </c>
      <c r="HN29" s="73">
        <v>55</v>
      </c>
      <c r="HO29" s="70">
        <v>27</v>
      </c>
      <c r="HP29" s="71">
        <v>14</v>
      </c>
      <c r="HQ29" s="72">
        <v>41</v>
      </c>
      <c r="HR29" s="244"/>
      <c r="HS29" s="71">
        <v>24</v>
      </c>
      <c r="HT29" s="71">
        <v>18</v>
      </c>
      <c r="HU29" s="71">
        <v>14</v>
      </c>
      <c r="HV29" s="71">
        <v>14</v>
      </c>
      <c r="HW29" s="71">
        <v>16</v>
      </c>
      <c r="HX29" s="72">
        <v>86</v>
      </c>
      <c r="HY29" s="73">
        <v>127</v>
      </c>
      <c r="HZ29" s="70">
        <v>45</v>
      </c>
      <c r="IA29" s="71">
        <v>34</v>
      </c>
      <c r="IB29" s="72">
        <v>79</v>
      </c>
      <c r="IC29" s="244"/>
      <c r="ID29" s="71">
        <v>57</v>
      </c>
      <c r="IE29" s="71">
        <v>42</v>
      </c>
      <c r="IF29" s="71">
        <v>31</v>
      </c>
      <c r="IG29" s="71">
        <v>20</v>
      </c>
      <c r="IH29" s="71">
        <v>12</v>
      </c>
      <c r="II29" s="72">
        <v>162</v>
      </c>
      <c r="IJ29" s="73">
        <v>241</v>
      </c>
      <c r="IK29" s="70">
        <v>74</v>
      </c>
      <c r="IL29" s="71">
        <v>64</v>
      </c>
      <c r="IM29" s="72">
        <v>138</v>
      </c>
      <c r="IN29" s="244"/>
      <c r="IO29" s="71">
        <v>106</v>
      </c>
      <c r="IP29" s="71">
        <v>64</v>
      </c>
      <c r="IQ29" s="71">
        <v>47</v>
      </c>
      <c r="IR29" s="71">
        <v>30</v>
      </c>
      <c r="IS29" s="71">
        <v>26</v>
      </c>
      <c r="IT29" s="72">
        <v>273</v>
      </c>
      <c r="IU29" s="73">
        <v>411</v>
      </c>
      <c r="IV29" s="70">
        <v>77</v>
      </c>
      <c r="IW29" s="71">
        <v>79</v>
      </c>
      <c r="IX29" s="72">
        <v>156</v>
      </c>
      <c r="IY29" s="244"/>
      <c r="IZ29" s="71">
        <v>101</v>
      </c>
      <c r="JA29" s="71">
        <v>90</v>
      </c>
      <c r="JB29" s="71">
        <v>54</v>
      </c>
      <c r="JC29" s="71">
        <v>60</v>
      </c>
      <c r="JD29" s="71">
        <v>35</v>
      </c>
      <c r="JE29" s="72">
        <v>340</v>
      </c>
      <c r="JF29" s="73">
        <v>496</v>
      </c>
      <c r="JG29" s="70">
        <v>51</v>
      </c>
      <c r="JH29" s="71">
        <v>47</v>
      </c>
      <c r="JI29" s="72">
        <v>98</v>
      </c>
      <c r="JJ29" s="244"/>
      <c r="JK29" s="71">
        <v>106</v>
      </c>
      <c r="JL29" s="71">
        <v>101</v>
      </c>
      <c r="JM29" s="71">
        <v>76</v>
      </c>
      <c r="JN29" s="71">
        <v>105</v>
      </c>
      <c r="JO29" s="71">
        <v>59</v>
      </c>
      <c r="JP29" s="72">
        <v>447</v>
      </c>
      <c r="JQ29" s="73">
        <v>545</v>
      </c>
      <c r="JR29" s="70">
        <v>2</v>
      </c>
      <c r="JS29" s="71">
        <v>2</v>
      </c>
      <c r="JT29" s="72">
        <v>4</v>
      </c>
      <c r="JU29" s="244"/>
      <c r="JV29" s="71">
        <v>13</v>
      </c>
      <c r="JW29" s="71">
        <v>5</v>
      </c>
      <c r="JX29" s="71">
        <v>2</v>
      </c>
      <c r="JY29" s="71">
        <v>6</v>
      </c>
      <c r="JZ29" s="71">
        <v>3</v>
      </c>
      <c r="KA29" s="72">
        <v>29</v>
      </c>
      <c r="KB29" s="73">
        <v>33</v>
      </c>
      <c r="KC29" s="70">
        <v>282</v>
      </c>
      <c r="KD29" s="71">
        <v>247</v>
      </c>
      <c r="KE29" s="72">
        <v>529</v>
      </c>
      <c r="KF29" s="244"/>
      <c r="KG29" s="71">
        <v>420</v>
      </c>
      <c r="KH29" s="71">
        <v>329</v>
      </c>
      <c r="KI29" s="71">
        <v>231</v>
      </c>
      <c r="KJ29" s="71">
        <v>243</v>
      </c>
      <c r="KK29" s="71">
        <v>156</v>
      </c>
      <c r="KL29" s="72">
        <v>1379</v>
      </c>
      <c r="KM29" s="73">
        <v>1908</v>
      </c>
    </row>
    <row r="30" spans="2:299" ht="19.5" customHeight="1" x14ac:dyDescent="0.2">
      <c r="B30" s="126" t="s">
        <v>27</v>
      </c>
      <c r="C30" s="316">
        <v>88</v>
      </c>
      <c r="D30" s="82">
        <v>123</v>
      </c>
      <c r="E30" s="83">
        <v>211</v>
      </c>
      <c r="F30" s="241"/>
      <c r="G30" s="82">
        <v>102</v>
      </c>
      <c r="H30" s="82">
        <v>90</v>
      </c>
      <c r="I30" s="82">
        <v>80</v>
      </c>
      <c r="J30" s="82">
        <v>70</v>
      </c>
      <c r="K30" s="82">
        <v>31</v>
      </c>
      <c r="L30" s="84">
        <v>373</v>
      </c>
      <c r="M30" s="85">
        <v>584</v>
      </c>
      <c r="N30" s="70">
        <v>3</v>
      </c>
      <c r="O30" s="71">
        <v>2</v>
      </c>
      <c r="P30" s="72">
        <v>5</v>
      </c>
      <c r="Q30" s="244"/>
      <c r="R30" s="71">
        <v>1</v>
      </c>
      <c r="S30" s="71">
        <v>3</v>
      </c>
      <c r="T30" s="71">
        <v>3</v>
      </c>
      <c r="U30" s="71">
        <v>1</v>
      </c>
      <c r="V30" s="71">
        <v>1</v>
      </c>
      <c r="W30" s="72">
        <v>9</v>
      </c>
      <c r="X30" s="73">
        <v>14</v>
      </c>
      <c r="Y30" s="70">
        <v>9</v>
      </c>
      <c r="Z30" s="71">
        <v>8</v>
      </c>
      <c r="AA30" s="72">
        <v>17</v>
      </c>
      <c r="AB30" s="244"/>
      <c r="AC30" s="71">
        <v>9</v>
      </c>
      <c r="AD30" s="71">
        <v>20</v>
      </c>
      <c r="AE30" s="71">
        <v>4</v>
      </c>
      <c r="AF30" s="71">
        <v>14</v>
      </c>
      <c r="AG30" s="71">
        <v>4</v>
      </c>
      <c r="AH30" s="72">
        <v>51</v>
      </c>
      <c r="AI30" s="73">
        <v>68</v>
      </c>
      <c r="AJ30" s="70">
        <v>14</v>
      </c>
      <c r="AK30" s="71">
        <v>23</v>
      </c>
      <c r="AL30" s="72">
        <v>37</v>
      </c>
      <c r="AM30" s="244"/>
      <c r="AN30" s="71">
        <v>15</v>
      </c>
      <c r="AO30" s="71">
        <v>16</v>
      </c>
      <c r="AP30" s="71">
        <v>16</v>
      </c>
      <c r="AQ30" s="71">
        <v>8</v>
      </c>
      <c r="AR30" s="71">
        <v>6</v>
      </c>
      <c r="AS30" s="72">
        <v>61</v>
      </c>
      <c r="AT30" s="73">
        <v>98</v>
      </c>
      <c r="AU30" s="70">
        <v>22</v>
      </c>
      <c r="AV30" s="71">
        <v>32</v>
      </c>
      <c r="AW30" s="72">
        <v>54</v>
      </c>
      <c r="AX30" s="244"/>
      <c r="AY30" s="71">
        <v>30</v>
      </c>
      <c r="AZ30" s="71">
        <v>14</v>
      </c>
      <c r="BA30" s="71">
        <v>21</v>
      </c>
      <c r="BB30" s="71">
        <v>12</v>
      </c>
      <c r="BC30" s="71">
        <v>7</v>
      </c>
      <c r="BD30" s="72">
        <v>84</v>
      </c>
      <c r="BE30" s="73">
        <v>138</v>
      </c>
      <c r="BF30" s="70">
        <v>25</v>
      </c>
      <c r="BG30" s="71">
        <v>34</v>
      </c>
      <c r="BH30" s="72">
        <v>59</v>
      </c>
      <c r="BI30" s="244"/>
      <c r="BJ30" s="71">
        <v>24</v>
      </c>
      <c r="BK30" s="71">
        <v>19</v>
      </c>
      <c r="BL30" s="71">
        <v>18</v>
      </c>
      <c r="BM30" s="71">
        <v>22</v>
      </c>
      <c r="BN30" s="71">
        <v>8</v>
      </c>
      <c r="BO30" s="72">
        <v>91</v>
      </c>
      <c r="BP30" s="73">
        <v>150</v>
      </c>
      <c r="BQ30" s="70">
        <v>15</v>
      </c>
      <c r="BR30" s="71">
        <v>24</v>
      </c>
      <c r="BS30" s="72">
        <v>39</v>
      </c>
      <c r="BT30" s="244"/>
      <c r="BU30" s="71">
        <v>23</v>
      </c>
      <c r="BV30" s="71">
        <v>18</v>
      </c>
      <c r="BW30" s="71">
        <v>18</v>
      </c>
      <c r="BX30" s="71">
        <v>13</v>
      </c>
      <c r="BY30" s="71">
        <v>5</v>
      </c>
      <c r="BZ30" s="72">
        <v>77</v>
      </c>
      <c r="CA30" s="73">
        <v>116</v>
      </c>
      <c r="CB30" s="70">
        <v>1</v>
      </c>
      <c r="CC30" s="71">
        <v>2</v>
      </c>
      <c r="CD30" s="72">
        <v>3</v>
      </c>
      <c r="CE30" s="244"/>
      <c r="CF30" s="71">
        <v>4</v>
      </c>
      <c r="CG30" s="71">
        <v>2</v>
      </c>
      <c r="CH30" s="71">
        <v>5</v>
      </c>
      <c r="CI30" s="71">
        <v>1</v>
      </c>
      <c r="CJ30" s="71">
        <v>2</v>
      </c>
      <c r="CK30" s="72">
        <v>14</v>
      </c>
      <c r="CL30" s="73">
        <v>17</v>
      </c>
      <c r="CM30" s="70">
        <v>89</v>
      </c>
      <c r="CN30" s="71">
        <v>125</v>
      </c>
      <c r="CO30" s="72">
        <v>214</v>
      </c>
      <c r="CP30" s="244"/>
      <c r="CQ30" s="71">
        <v>106</v>
      </c>
      <c r="CR30" s="71">
        <v>92</v>
      </c>
      <c r="CS30" s="71">
        <v>85</v>
      </c>
      <c r="CT30" s="71">
        <v>71</v>
      </c>
      <c r="CU30" s="71">
        <v>33</v>
      </c>
      <c r="CV30" s="72">
        <v>387</v>
      </c>
      <c r="CW30" s="73">
        <v>601</v>
      </c>
      <c r="CX30" s="123">
        <v>243</v>
      </c>
      <c r="CY30" s="82">
        <v>168</v>
      </c>
      <c r="CZ30" s="83">
        <v>411</v>
      </c>
      <c r="DA30" s="241"/>
      <c r="DB30" s="82">
        <v>212</v>
      </c>
      <c r="DC30" s="82">
        <v>151</v>
      </c>
      <c r="DD30" s="82">
        <v>159</v>
      </c>
      <c r="DE30" s="82">
        <v>142</v>
      </c>
      <c r="DF30" s="82">
        <v>98</v>
      </c>
      <c r="DG30" s="84">
        <v>762</v>
      </c>
      <c r="DH30" s="85">
        <v>1173</v>
      </c>
      <c r="DI30" s="70">
        <v>2</v>
      </c>
      <c r="DJ30" s="71">
        <v>2</v>
      </c>
      <c r="DK30" s="72">
        <v>4</v>
      </c>
      <c r="DL30" s="244"/>
      <c r="DM30" s="71">
        <v>1</v>
      </c>
      <c r="DN30" s="71">
        <v>1</v>
      </c>
      <c r="DO30" s="71">
        <v>1</v>
      </c>
      <c r="DP30" s="71">
        <v>4</v>
      </c>
      <c r="DQ30" s="71">
        <v>2</v>
      </c>
      <c r="DR30" s="72">
        <v>9</v>
      </c>
      <c r="DS30" s="73">
        <v>13</v>
      </c>
      <c r="DT30" s="70">
        <v>15</v>
      </c>
      <c r="DU30" s="71">
        <v>14</v>
      </c>
      <c r="DV30" s="72">
        <v>29</v>
      </c>
      <c r="DW30" s="244"/>
      <c r="DX30" s="71">
        <v>8</v>
      </c>
      <c r="DY30" s="71">
        <v>7</v>
      </c>
      <c r="DZ30" s="71">
        <v>10</v>
      </c>
      <c r="EA30" s="71">
        <v>8</v>
      </c>
      <c r="EB30" s="71">
        <v>2</v>
      </c>
      <c r="EC30" s="72">
        <v>35</v>
      </c>
      <c r="ED30" s="73">
        <v>64</v>
      </c>
      <c r="EE30" s="70">
        <v>31</v>
      </c>
      <c r="EF30" s="71">
        <v>15</v>
      </c>
      <c r="EG30" s="72">
        <v>46</v>
      </c>
      <c r="EH30" s="244"/>
      <c r="EI30" s="71">
        <v>19</v>
      </c>
      <c r="EJ30" s="71">
        <v>20</v>
      </c>
      <c r="EK30" s="71">
        <v>9</v>
      </c>
      <c r="EL30" s="71">
        <v>12</v>
      </c>
      <c r="EM30" s="71">
        <v>11</v>
      </c>
      <c r="EN30" s="72">
        <v>71</v>
      </c>
      <c r="EO30" s="73">
        <v>117</v>
      </c>
      <c r="EP30" s="70">
        <v>67</v>
      </c>
      <c r="EQ30" s="71">
        <v>48</v>
      </c>
      <c r="ER30" s="72">
        <v>115</v>
      </c>
      <c r="ES30" s="244"/>
      <c r="ET30" s="71">
        <v>48</v>
      </c>
      <c r="EU30" s="71">
        <v>23</v>
      </c>
      <c r="EV30" s="71">
        <v>29</v>
      </c>
      <c r="EW30" s="71">
        <v>19</v>
      </c>
      <c r="EX30" s="71">
        <v>22</v>
      </c>
      <c r="EY30" s="72">
        <v>141</v>
      </c>
      <c r="EZ30" s="73">
        <v>256</v>
      </c>
      <c r="FA30" s="70">
        <v>84</v>
      </c>
      <c r="FB30" s="71">
        <v>50</v>
      </c>
      <c r="FC30" s="72">
        <v>134</v>
      </c>
      <c r="FD30" s="244"/>
      <c r="FE30" s="71">
        <v>68</v>
      </c>
      <c r="FF30" s="71">
        <v>47</v>
      </c>
      <c r="FG30" s="71">
        <v>34</v>
      </c>
      <c r="FH30" s="71">
        <v>29</v>
      </c>
      <c r="FI30" s="71">
        <v>25</v>
      </c>
      <c r="FJ30" s="72">
        <v>203</v>
      </c>
      <c r="FK30" s="73">
        <v>337</v>
      </c>
      <c r="FL30" s="70">
        <v>44</v>
      </c>
      <c r="FM30" s="71">
        <v>39</v>
      </c>
      <c r="FN30" s="72">
        <v>83</v>
      </c>
      <c r="FO30" s="244"/>
      <c r="FP30" s="71">
        <v>68</v>
      </c>
      <c r="FQ30" s="71">
        <v>53</v>
      </c>
      <c r="FR30" s="71">
        <v>76</v>
      </c>
      <c r="FS30" s="71">
        <v>70</v>
      </c>
      <c r="FT30" s="71">
        <v>36</v>
      </c>
      <c r="FU30" s="72">
        <v>303</v>
      </c>
      <c r="FV30" s="73">
        <v>386</v>
      </c>
      <c r="FW30" s="70">
        <v>0</v>
      </c>
      <c r="FX30" s="71">
        <v>3</v>
      </c>
      <c r="FY30" s="72">
        <v>3</v>
      </c>
      <c r="FZ30" s="244"/>
      <c r="GA30" s="71">
        <v>5</v>
      </c>
      <c r="GB30" s="71">
        <v>4</v>
      </c>
      <c r="GC30" s="71">
        <v>1</v>
      </c>
      <c r="GD30" s="71">
        <v>1</v>
      </c>
      <c r="GE30" s="71">
        <v>3</v>
      </c>
      <c r="GF30" s="72">
        <v>14</v>
      </c>
      <c r="GG30" s="73">
        <v>17</v>
      </c>
      <c r="GH30" s="70">
        <v>243</v>
      </c>
      <c r="GI30" s="71">
        <v>171</v>
      </c>
      <c r="GJ30" s="72">
        <v>414</v>
      </c>
      <c r="GK30" s="244"/>
      <c r="GL30" s="71">
        <v>217</v>
      </c>
      <c r="GM30" s="71">
        <v>155</v>
      </c>
      <c r="GN30" s="71">
        <v>160</v>
      </c>
      <c r="GO30" s="71">
        <v>143</v>
      </c>
      <c r="GP30" s="71">
        <v>101</v>
      </c>
      <c r="GQ30" s="72">
        <v>776</v>
      </c>
      <c r="GR30" s="73">
        <v>1190</v>
      </c>
      <c r="GS30" s="123">
        <v>331</v>
      </c>
      <c r="GT30" s="82">
        <v>291</v>
      </c>
      <c r="GU30" s="83">
        <v>622</v>
      </c>
      <c r="GV30" s="241"/>
      <c r="GW30" s="82">
        <v>314</v>
      </c>
      <c r="GX30" s="82">
        <v>241</v>
      </c>
      <c r="GY30" s="82">
        <v>239</v>
      </c>
      <c r="GZ30" s="82">
        <v>212</v>
      </c>
      <c r="HA30" s="82">
        <v>129</v>
      </c>
      <c r="HB30" s="84">
        <v>1135</v>
      </c>
      <c r="HC30" s="85">
        <v>1757</v>
      </c>
      <c r="HD30" s="70">
        <v>5</v>
      </c>
      <c r="HE30" s="71">
        <v>4</v>
      </c>
      <c r="HF30" s="72">
        <v>9</v>
      </c>
      <c r="HG30" s="244"/>
      <c r="HH30" s="71">
        <v>2</v>
      </c>
      <c r="HI30" s="71">
        <v>4</v>
      </c>
      <c r="HJ30" s="71">
        <v>4</v>
      </c>
      <c r="HK30" s="71">
        <v>5</v>
      </c>
      <c r="HL30" s="71">
        <v>3</v>
      </c>
      <c r="HM30" s="72">
        <v>18</v>
      </c>
      <c r="HN30" s="73">
        <v>27</v>
      </c>
      <c r="HO30" s="70">
        <v>24</v>
      </c>
      <c r="HP30" s="71">
        <v>22</v>
      </c>
      <c r="HQ30" s="72">
        <v>46</v>
      </c>
      <c r="HR30" s="244"/>
      <c r="HS30" s="71">
        <v>17</v>
      </c>
      <c r="HT30" s="71">
        <v>27</v>
      </c>
      <c r="HU30" s="71">
        <v>14</v>
      </c>
      <c r="HV30" s="71">
        <v>22</v>
      </c>
      <c r="HW30" s="71">
        <v>6</v>
      </c>
      <c r="HX30" s="72">
        <v>86</v>
      </c>
      <c r="HY30" s="73">
        <v>132</v>
      </c>
      <c r="HZ30" s="70">
        <v>45</v>
      </c>
      <c r="IA30" s="71">
        <v>38</v>
      </c>
      <c r="IB30" s="72">
        <v>83</v>
      </c>
      <c r="IC30" s="244"/>
      <c r="ID30" s="71">
        <v>34</v>
      </c>
      <c r="IE30" s="71">
        <v>36</v>
      </c>
      <c r="IF30" s="71">
        <v>25</v>
      </c>
      <c r="IG30" s="71">
        <v>20</v>
      </c>
      <c r="IH30" s="71">
        <v>17</v>
      </c>
      <c r="II30" s="72">
        <v>132</v>
      </c>
      <c r="IJ30" s="73">
        <v>215</v>
      </c>
      <c r="IK30" s="70">
        <v>89</v>
      </c>
      <c r="IL30" s="71">
        <v>80</v>
      </c>
      <c r="IM30" s="72">
        <v>169</v>
      </c>
      <c r="IN30" s="244"/>
      <c r="IO30" s="71">
        <v>78</v>
      </c>
      <c r="IP30" s="71">
        <v>37</v>
      </c>
      <c r="IQ30" s="71">
        <v>50</v>
      </c>
      <c r="IR30" s="71">
        <v>31</v>
      </c>
      <c r="IS30" s="71">
        <v>29</v>
      </c>
      <c r="IT30" s="72">
        <v>225</v>
      </c>
      <c r="IU30" s="73">
        <v>394</v>
      </c>
      <c r="IV30" s="70">
        <v>109</v>
      </c>
      <c r="IW30" s="71">
        <v>84</v>
      </c>
      <c r="IX30" s="72">
        <v>193</v>
      </c>
      <c r="IY30" s="244"/>
      <c r="IZ30" s="71">
        <v>92</v>
      </c>
      <c r="JA30" s="71">
        <v>66</v>
      </c>
      <c r="JB30" s="71">
        <v>52</v>
      </c>
      <c r="JC30" s="71">
        <v>51</v>
      </c>
      <c r="JD30" s="71">
        <v>33</v>
      </c>
      <c r="JE30" s="72">
        <v>294</v>
      </c>
      <c r="JF30" s="73">
        <v>487</v>
      </c>
      <c r="JG30" s="70">
        <v>59</v>
      </c>
      <c r="JH30" s="71">
        <v>63</v>
      </c>
      <c r="JI30" s="72">
        <v>122</v>
      </c>
      <c r="JJ30" s="244"/>
      <c r="JK30" s="71">
        <v>91</v>
      </c>
      <c r="JL30" s="71">
        <v>71</v>
      </c>
      <c r="JM30" s="71">
        <v>94</v>
      </c>
      <c r="JN30" s="71">
        <v>83</v>
      </c>
      <c r="JO30" s="71">
        <v>41</v>
      </c>
      <c r="JP30" s="72">
        <v>380</v>
      </c>
      <c r="JQ30" s="73">
        <v>502</v>
      </c>
      <c r="JR30" s="70">
        <v>1</v>
      </c>
      <c r="JS30" s="71">
        <v>5</v>
      </c>
      <c r="JT30" s="72">
        <v>6</v>
      </c>
      <c r="JU30" s="244"/>
      <c r="JV30" s="71">
        <v>9</v>
      </c>
      <c r="JW30" s="71">
        <v>6</v>
      </c>
      <c r="JX30" s="71">
        <v>6</v>
      </c>
      <c r="JY30" s="71">
        <v>2</v>
      </c>
      <c r="JZ30" s="71">
        <v>5</v>
      </c>
      <c r="KA30" s="72">
        <v>28</v>
      </c>
      <c r="KB30" s="73">
        <v>34</v>
      </c>
      <c r="KC30" s="70">
        <v>332</v>
      </c>
      <c r="KD30" s="71">
        <v>296</v>
      </c>
      <c r="KE30" s="72">
        <v>628</v>
      </c>
      <c r="KF30" s="244"/>
      <c r="KG30" s="71">
        <v>323</v>
      </c>
      <c r="KH30" s="71">
        <v>247</v>
      </c>
      <c r="KI30" s="71">
        <v>245</v>
      </c>
      <c r="KJ30" s="71">
        <v>214</v>
      </c>
      <c r="KK30" s="71">
        <v>134</v>
      </c>
      <c r="KL30" s="72">
        <v>1163</v>
      </c>
      <c r="KM30" s="73">
        <v>1791</v>
      </c>
    </row>
    <row r="31" spans="2:299" ht="19.5" customHeight="1" x14ac:dyDescent="0.2">
      <c r="B31" s="126" t="s">
        <v>28</v>
      </c>
      <c r="C31" s="316">
        <v>14</v>
      </c>
      <c r="D31" s="82">
        <v>15</v>
      </c>
      <c r="E31" s="83">
        <v>29</v>
      </c>
      <c r="F31" s="241"/>
      <c r="G31" s="82">
        <v>43</v>
      </c>
      <c r="H31" s="82">
        <v>44</v>
      </c>
      <c r="I31" s="82">
        <v>24</v>
      </c>
      <c r="J31" s="82">
        <v>21</v>
      </c>
      <c r="K31" s="82">
        <v>14</v>
      </c>
      <c r="L31" s="84">
        <v>146</v>
      </c>
      <c r="M31" s="85">
        <v>175</v>
      </c>
      <c r="N31" s="70">
        <v>0</v>
      </c>
      <c r="O31" s="71">
        <v>2</v>
      </c>
      <c r="P31" s="72">
        <v>2</v>
      </c>
      <c r="Q31" s="244"/>
      <c r="R31" s="71">
        <v>1</v>
      </c>
      <c r="S31" s="71">
        <v>1</v>
      </c>
      <c r="T31" s="71">
        <v>2</v>
      </c>
      <c r="U31" s="71">
        <v>0</v>
      </c>
      <c r="V31" s="71">
        <v>2</v>
      </c>
      <c r="W31" s="72">
        <v>6</v>
      </c>
      <c r="X31" s="73">
        <v>8</v>
      </c>
      <c r="Y31" s="70">
        <v>1</v>
      </c>
      <c r="Z31" s="71">
        <v>3</v>
      </c>
      <c r="AA31" s="72">
        <v>4</v>
      </c>
      <c r="AB31" s="244"/>
      <c r="AC31" s="71">
        <v>2</v>
      </c>
      <c r="AD31" s="71">
        <v>9</v>
      </c>
      <c r="AE31" s="71">
        <v>3</v>
      </c>
      <c r="AF31" s="71">
        <v>3</v>
      </c>
      <c r="AG31" s="71">
        <v>0</v>
      </c>
      <c r="AH31" s="72">
        <v>17</v>
      </c>
      <c r="AI31" s="73">
        <v>21</v>
      </c>
      <c r="AJ31" s="70">
        <v>3</v>
      </c>
      <c r="AK31" s="71">
        <v>3</v>
      </c>
      <c r="AL31" s="72">
        <v>6</v>
      </c>
      <c r="AM31" s="244"/>
      <c r="AN31" s="71">
        <v>7</v>
      </c>
      <c r="AO31" s="71">
        <v>8</v>
      </c>
      <c r="AP31" s="71">
        <v>4</v>
      </c>
      <c r="AQ31" s="71">
        <v>4</v>
      </c>
      <c r="AR31" s="71">
        <v>2</v>
      </c>
      <c r="AS31" s="72">
        <v>25</v>
      </c>
      <c r="AT31" s="73">
        <v>31</v>
      </c>
      <c r="AU31" s="70">
        <v>5</v>
      </c>
      <c r="AV31" s="71">
        <v>3</v>
      </c>
      <c r="AW31" s="72">
        <v>8</v>
      </c>
      <c r="AX31" s="244"/>
      <c r="AY31" s="71">
        <v>10</v>
      </c>
      <c r="AZ31" s="71">
        <v>8</v>
      </c>
      <c r="BA31" s="71">
        <v>3</v>
      </c>
      <c r="BB31" s="71">
        <v>2</v>
      </c>
      <c r="BC31" s="71">
        <v>2</v>
      </c>
      <c r="BD31" s="72">
        <v>25</v>
      </c>
      <c r="BE31" s="73">
        <v>33</v>
      </c>
      <c r="BF31" s="70">
        <v>3</v>
      </c>
      <c r="BG31" s="71">
        <v>3</v>
      </c>
      <c r="BH31" s="72">
        <v>6</v>
      </c>
      <c r="BI31" s="244"/>
      <c r="BJ31" s="71">
        <v>16</v>
      </c>
      <c r="BK31" s="71">
        <v>6</v>
      </c>
      <c r="BL31" s="71">
        <v>4</v>
      </c>
      <c r="BM31" s="71">
        <v>6</v>
      </c>
      <c r="BN31" s="71">
        <v>4</v>
      </c>
      <c r="BO31" s="72">
        <v>36</v>
      </c>
      <c r="BP31" s="73">
        <v>42</v>
      </c>
      <c r="BQ31" s="70">
        <v>2</v>
      </c>
      <c r="BR31" s="71">
        <v>1</v>
      </c>
      <c r="BS31" s="72">
        <v>3</v>
      </c>
      <c r="BT31" s="244"/>
      <c r="BU31" s="71">
        <v>7</v>
      </c>
      <c r="BV31" s="71">
        <v>12</v>
      </c>
      <c r="BW31" s="71">
        <v>8</v>
      </c>
      <c r="BX31" s="71">
        <v>6</v>
      </c>
      <c r="BY31" s="71">
        <v>4</v>
      </c>
      <c r="BZ31" s="72">
        <v>37</v>
      </c>
      <c r="CA31" s="73">
        <v>40</v>
      </c>
      <c r="CB31" s="70">
        <v>0</v>
      </c>
      <c r="CC31" s="71">
        <v>1</v>
      </c>
      <c r="CD31" s="72">
        <v>1</v>
      </c>
      <c r="CE31" s="244"/>
      <c r="CF31" s="71">
        <v>0</v>
      </c>
      <c r="CG31" s="71">
        <v>1</v>
      </c>
      <c r="CH31" s="71">
        <v>0</v>
      </c>
      <c r="CI31" s="71">
        <v>1</v>
      </c>
      <c r="CJ31" s="71">
        <v>2</v>
      </c>
      <c r="CK31" s="72">
        <v>4</v>
      </c>
      <c r="CL31" s="73">
        <v>5</v>
      </c>
      <c r="CM31" s="70">
        <v>14</v>
      </c>
      <c r="CN31" s="71">
        <v>16</v>
      </c>
      <c r="CO31" s="72">
        <v>30</v>
      </c>
      <c r="CP31" s="244"/>
      <c r="CQ31" s="71">
        <v>43</v>
      </c>
      <c r="CR31" s="71">
        <v>45</v>
      </c>
      <c r="CS31" s="71">
        <v>24</v>
      </c>
      <c r="CT31" s="71">
        <v>22</v>
      </c>
      <c r="CU31" s="71">
        <v>16</v>
      </c>
      <c r="CV31" s="72">
        <v>150</v>
      </c>
      <c r="CW31" s="73">
        <v>180</v>
      </c>
      <c r="CX31" s="123">
        <v>20</v>
      </c>
      <c r="CY31" s="82">
        <v>36</v>
      </c>
      <c r="CZ31" s="83">
        <v>56</v>
      </c>
      <c r="DA31" s="241"/>
      <c r="DB31" s="82">
        <v>55</v>
      </c>
      <c r="DC31" s="82">
        <v>74</v>
      </c>
      <c r="DD31" s="82">
        <v>47</v>
      </c>
      <c r="DE31" s="82">
        <v>59</v>
      </c>
      <c r="DF31" s="82">
        <v>33</v>
      </c>
      <c r="DG31" s="84">
        <v>268</v>
      </c>
      <c r="DH31" s="85">
        <v>324</v>
      </c>
      <c r="DI31" s="70">
        <v>4</v>
      </c>
      <c r="DJ31" s="71">
        <v>4</v>
      </c>
      <c r="DK31" s="72">
        <v>8</v>
      </c>
      <c r="DL31" s="244"/>
      <c r="DM31" s="71">
        <v>2</v>
      </c>
      <c r="DN31" s="71">
        <v>2</v>
      </c>
      <c r="DO31" s="71">
        <v>0</v>
      </c>
      <c r="DP31" s="71">
        <v>0</v>
      </c>
      <c r="DQ31" s="71">
        <v>0</v>
      </c>
      <c r="DR31" s="72">
        <v>4</v>
      </c>
      <c r="DS31" s="73">
        <v>12</v>
      </c>
      <c r="DT31" s="70">
        <v>2</v>
      </c>
      <c r="DU31" s="71">
        <v>2</v>
      </c>
      <c r="DV31" s="72">
        <v>4</v>
      </c>
      <c r="DW31" s="244"/>
      <c r="DX31" s="71">
        <v>1</v>
      </c>
      <c r="DY31" s="71">
        <v>4</v>
      </c>
      <c r="DZ31" s="71">
        <v>1</v>
      </c>
      <c r="EA31" s="71">
        <v>5</v>
      </c>
      <c r="EB31" s="71">
        <v>0</v>
      </c>
      <c r="EC31" s="72">
        <v>11</v>
      </c>
      <c r="ED31" s="73">
        <v>15</v>
      </c>
      <c r="EE31" s="70">
        <v>5</v>
      </c>
      <c r="EF31" s="71">
        <v>7</v>
      </c>
      <c r="EG31" s="72">
        <v>12</v>
      </c>
      <c r="EH31" s="244"/>
      <c r="EI31" s="71">
        <v>10</v>
      </c>
      <c r="EJ31" s="71">
        <v>7</v>
      </c>
      <c r="EK31" s="71">
        <v>9</v>
      </c>
      <c r="EL31" s="71">
        <v>5</v>
      </c>
      <c r="EM31" s="71">
        <v>2</v>
      </c>
      <c r="EN31" s="72">
        <v>33</v>
      </c>
      <c r="EO31" s="73">
        <v>45</v>
      </c>
      <c r="EP31" s="70">
        <v>7</v>
      </c>
      <c r="EQ31" s="71">
        <v>10</v>
      </c>
      <c r="ER31" s="72">
        <v>17</v>
      </c>
      <c r="ES31" s="244"/>
      <c r="ET31" s="71">
        <v>13</v>
      </c>
      <c r="EU31" s="71">
        <v>19</v>
      </c>
      <c r="EV31" s="71">
        <v>6</v>
      </c>
      <c r="EW31" s="71">
        <v>7</v>
      </c>
      <c r="EX31" s="71">
        <v>11</v>
      </c>
      <c r="EY31" s="72">
        <v>56</v>
      </c>
      <c r="EZ31" s="73">
        <v>73</v>
      </c>
      <c r="FA31" s="70">
        <v>2</v>
      </c>
      <c r="FB31" s="71">
        <v>7</v>
      </c>
      <c r="FC31" s="72">
        <v>9</v>
      </c>
      <c r="FD31" s="244"/>
      <c r="FE31" s="71">
        <v>17</v>
      </c>
      <c r="FF31" s="71">
        <v>22</v>
      </c>
      <c r="FG31" s="71">
        <v>8</v>
      </c>
      <c r="FH31" s="71">
        <v>19</v>
      </c>
      <c r="FI31" s="71">
        <v>8</v>
      </c>
      <c r="FJ31" s="72">
        <v>74</v>
      </c>
      <c r="FK31" s="73">
        <v>83</v>
      </c>
      <c r="FL31" s="70">
        <v>0</v>
      </c>
      <c r="FM31" s="71">
        <v>6</v>
      </c>
      <c r="FN31" s="72">
        <v>6</v>
      </c>
      <c r="FO31" s="244"/>
      <c r="FP31" s="71">
        <v>12</v>
      </c>
      <c r="FQ31" s="71">
        <v>20</v>
      </c>
      <c r="FR31" s="71">
        <v>23</v>
      </c>
      <c r="FS31" s="71">
        <v>23</v>
      </c>
      <c r="FT31" s="71">
        <v>12</v>
      </c>
      <c r="FU31" s="72">
        <v>90</v>
      </c>
      <c r="FV31" s="73">
        <v>96</v>
      </c>
      <c r="FW31" s="70">
        <v>0</v>
      </c>
      <c r="FX31" s="71">
        <v>1</v>
      </c>
      <c r="FY31" s="72">
        <v>1</v>
      </c>
      <c r="FZ31" s="244"/>
      <c r="GA31" s="71">
        <v>1</v>
      </c>
      <c r="GB31" s="71">
        <v>0</v>
      </c>
      <c r="GC31" s="71">
        <v>0</v>
      </c>
      <c r="GD31" s="71">
        <v>1</v>
      </c>
      <c r="GE31" s="71">
        <v>2</v>
      </c>
      <c r="GF31" s="72">
        <v>4</v>
      </c>
      <c r="GG31" s="73">
        <v>5</v>
      </c>
      <c r="GH31" s="70">
        <v>20</v>
      </c>
      <c r="GI31" s="71">
        <v>37</v>
      </c>
      <c r="GJ31" s="72">
        <v>57</v>
      </c>
      <c r="GK31" s="244"/>
      <c r="GL31" s="71">
        <v>56</v>
      </c>
      <c r="GM31" s="71">
        <v>74</v>
      </c>
      <c r="GN31" s="71">
        <v>47</v>
      </c>
      <c r="GO31" s="71">
        <v>60</v>
      </c>
      <c r="GP31" s="71">
        <v>35</v>
      </c>
      <c r="GQ31" s="72">
        <v>272</v>
      </c>
      <c r="GR31" s="73">
        <v>329</v>
      </c>
      <c r="GS31" s="123">
        <v>34</v>
      </c>
      <c r="GT31" s="82">
        <v>51</v>
      </c>
      <c r="GU31" s="83">
        <v>85</v>
      </c>
      <c r="GV31" s="241"/>
      <c r="GW31" s="82">
        <v>98</v>
      </c>
      <c r="GX31" s="82">
        <v>118</v>
      </c>
      <c r="GY31" s="82">
        <v>71</v>
      </c>
      <c r="GZ31" s="82">
        <v>80</v>
      </c>
      <c r="HA31" s="82">
        <v>47</v>
      </c>
      <c r="HB31" s="84">
        <v>414</v>
      </c>
      <c r="HC31" s="85">
        <v>499</v>
      </c>
      <c r="HD31" s="70">
        <v>4</v>
      </c>
      <c r="HE31" s="71">
        <v>6</v>
      </c>
      <c r="HF31" s="72">
        <v>10</v>
      </c>
      <c r="HG31" s="244"/>
      <c r="HH31" s="71">
        <v>3</v>
      </c>
      <c r="HI31" s="71">
        <v>3</v>
      </c>
      <c r="HJ31" s="71">
        <v>2</v>
      </c>
      <c r="HK31" s="71">
        <v>0</v>
      </c>
      <c r="HL31" s="71">
        <v>2</v>
      </c>
      <c r="HM31" s="72">
        <v>10</v>
      </c>
      <c r="HN31" s="73">
        <v>20</v>
      </c>
      <c r="HO31" s="70">
        <v>3</v>
      </c>
      <c r="HP31" s="71">
        <v>5</v>
      </c>
      <c r="HQ31" s="72">
        <v>8</v>
      </c>
      <c r="HR31" s="244"/>
      <c r="HS31" s="71">
        <v>3</v>
      </c>
      <c r="HT31" s="71">
        <v>13</v>
      </c>
      <c r="HU31" s="71">
        <v>4</v>
      </c>
      <c r="HV31" s="71">
        <v>8</v>
      </c>
      <c r="HW31" s="71">
        <v>0</v>
      </c>
      <c r="HX31" s="72">
        <v>28</v>
      </c>
      <c r="HY31" s="73">
        <v>36</v>
      </c>
      <c r="HZ31" s="70">
        <v>8</v>
      </c>
      <c r="IA31" s="71">
        <v>10</v>
      </c>
      <c r="IB31" s="72">
        <v>18</v>
      </c>
      <c r="IC31" s="244"/>
      <c r="ID31" s="71">
        <v>17</v>
      </c>
      <c r="IE31" s="71">
        <v>15</v>
      </c>
      <c r="IF31" s="71">
        <v>13</v>
      </c>
      <c r="IG31" s="71">
        <v>9</v>
      </c>
      <c r="IH31" s="71">
        <v>4</v>
      </c>
      <c r="II31" s="72">
        <v>58</v>
      </c>
      <c r="IJ31" s="73">
        <v>76</v>
      </c>
      <c r="IK31" s="70">
        <v>12</v>
      </c>
      <c r="IL31" s="71">
        <v>13</v>
      </c>
      <c r="IM31" s="72">
        <v>25</v>
      </c>
      <c r="IN31" s="244"/>
      <c r="IO31" s="71">
        <v>23</v>
      </c>
      <c r="IP31" s="71">
        <v>27</v>
      </c>
      <c r="IQ31" s="71">
        <v>9</v>
      </c>
      <c r="IR31" s="71">
        <v>9</v>
      </c>
      <c r="IS31" s="71">
        <v>13</v>
      </c>
      <c r="IT31" s="72">
        <v>81</v>
      </c>
      <c r="IU31" s="73">
        <v>106</v>
      </c>
      <c r="IV31" s="70">
        <v>5</v>
      </c>
      <c r="IW31" s="71">
        <v>10</v>
      </c>
      <c r="IX31" s="72">
        <v>15</v>
      </c>
      <c r="IY31" s="244"/>
      <c r="IZ31" s="71">
        <v>33</v>
      </c>
      <c r="JA31" s="71">
        <v>28</v>
      </c>
      <c r="JB31" s="71">
        <v>12</v>
      </c>
      <c r="JC31" s="71">
        <v>25</v>
      </c>
      <c r="JD31" s="71">
        <v>12</v>
      </c>
      <c r="JE31" s="72">
        <v>110</v>
      </c>
      <c r="JF31" s="73">
        <v>125</v>
      </c>
      <c r="JG31" s="70">
        <v>2</v>
      </c>
      <c r="JH31" s="71">
        <v>7</v>
      </c>
      <c r="JI31" s="72">
        <v>9</v>
      </c>
      <c r="JJ31" s="244"/>
      <c r="JK31" s="71">
        <v>19</v>
      </c>
      <c r="JL31" s="71">
        <v>32</v>
      </c>
      <c r="JM31" s="71">
        <v>31</v>
      </c>
      <c r="JN31" s="71">
        <v>29</v>
      </c>
      <c r="JO31" s="71">
        <v>16</v>
      </c>
      <c r="JP31" s="72">
        <v>127</v>
      </c>
      <c r="JQ31" s="73">
        <v>136</v>
      </c>
      <c r="JR31" s="70">
        <v>0</v>
      </c>
      <c r="JS31" s="71">
        <v>2</v>
      </c>
      <c r="JT31" s="72">
        <v>2</v>
      </c>
      <c r="JU31" s="244"/>
      <c r="JV31" s="71">
        <v>1</v>
      </c>
      <c r="JW31" s="71">
        <v>1</v>
      </c>
      <c r="JX31" s="71">
        <v>0</v>
      </c>
      <c r="JY31" s="71">
        <v>2</v>
      </c>
      <c r="JZ31" s="71">
        <v>4</v>
      </c>
      <c r="KA31" s="72">
        <v>8</v>
      </c>
      <c r="KB31" s="73">
        <v>10</v>
      </c>
      <c r="KC31" s="70">
        <v>34</v>
      </c>
      <c r="KD31" s="71">
        <v>53</v>
      </c>
      <c r="KE31" s="72">
        <v>87</v>
      </c>
      <c r="KF31" s="244"/>
      <c r="KG31" s="71">
        <v>99</v>
      </c>
      <c r="KH31" s="71">
        <v>119</v>
      </c>
      <c r="KI31" s="71">
        <v>71</v>
      </c>
      <c r="KJ31" s="71">
        <v>82</v>
      </c>
      <c r="KK31" s="71">
        <v>51</v>
      </c>
      <c r="KL31" s="72">
        <v>422</v>
      </c>
      <c r="KM31" s="73">
        <v>509</v>
      </c>
    </row>
    <row r="32" spans="2:299" ht="19.5" customHeight="1" x14ac:dyDescent="0.2">
      <c r="B32" s="126" t="s">
        <v>29</v>
      </c>
      <c r="C32" s="316">
        <v>33</v>
      </c>
      <c r="D32" s="82">
        <v>18</v>
      </c>
      <c r="E32" s="83">
        <v>51</v>
      </c>
      <c r="F32" s="241"/>
      <c r="G32" s="82">
        <v>43</v>
      </c>
      <c r="H32" s="82">
        <v>53</v>
      </c>
      <c r="I32" s="82">
        <v>41</v>
      </c>
      <c r="J32" s="82">
        <v>41</v>
      </c>
      <c r="K32" s="82">
        <v>15</v>
      </c>
      <c r="L32" s="84">
        <v>193</v>
      </c>
      <c r="M32" s="85">
        <v>244</v>
      </c>
      <c r="N32" s="70">
        <v>2</v>
      </c>
      <c r="O32" s="71">
        <v>0</v>
      </c>
      <c r="P32" s="72">
        <v>2</v>
      </c>
      <c r="Q32" s="244"/>
      <c r="R32" s="71">
        <v>3</v>
      </c>
      <c r="S32" s="71">
        <v>2</v>
      </c>
      <c r="T32" s="71">
        <v>6</v>
      </c>
      <c r="U32" s="71">
        <v>1</v>
      </c>
      <c r="V32" s="71">
        <v>0</v>
      </c>
      <c r="W32" s="72">
        <v>12</v>
      </c>
      <c r="X32" s="73">
        <v>14</v>
      </c>
      <c r="Y32" s="70">
        <v>4</v>
      </c>
      <c r="Z32" s="71">
        <v>5</v>
      </c>
      <c r="AA32" s="72">
        <v>9</v>
      </c>
      <c r="AB32" s="244"/>
      <c r="AC32" s="71">
        <v>11</v>
      </c>
      <c r="AD32" s="71">
        <v>3</v>
      </c>
      <c r="AE32" s="71">
        <v>1</v>
      </c>
      <c r="AF32" s="71">
        <v>5</v>
      </c>
      <c r="AG32" s="71">
        <v>3</v>
      </c>
      <c r="AH32" s="72">
        <v>23</v>
      </c>
      <c r="AI32" s="73">
        <v>32</v>
      </c>
      <c r="AJ32" s="70">
        <v>9</v>
      </c>
      <c r="AK32" s="71">
        <v>4</v>
      </c>
      <c r="AL32" s="72">
        <v>13</v>
      </c>
      <c r="AM32" s="244"/>
      <c r="AN32" s="71">
        <v>10</v>
      </c>
      <c r="AO32" s="71">
        <v>10</v>
      </c>
      <c r="AP32" s="71">
        <v>6</v>
      </c>
      <c r="AQ32" s="71">
        <v>6</v>
      </c>
      <c r="AR32" s="71">
        <v>1</v>
      </c>
      <c r="AS32" s="72">
        <v>33</v>
      </c>
      <c r="AT32" s="73">
        <v>46</v>
      </c>
      <c r="AU32" s="70">
        <v>9</v>
      </c>
      <c r="AV32" s="71">
        <v>3</v>
      </c>
      <c r="AW32" s="72">
        <v>12</v>
      </c>
      <c r="AX32" s="244"/>
      <c r="AY32" s="71">
        <v>3</v>
      </c>
      <c r="AZ32" s="71">
        <v>16</v>
      </c>
      <c r="BA32" s="71">
        <v>10</v>
      </c>
      <c r="BB32" s="71">
        <v>11</v>
      </c>
      <c r="BC32" s="71">
        <v>3</v>
      </c>
      <c r="BD32" s="72">
        <v>43</v>
      </c>
      <c r="BE32" s="73">
        <v>55</v>
      </c>
      <c r="BF32" s="70">
        <v>7</v>
      </c>
      <c r="BG32" s="71">
        <v>3</v>
      </c>
      <c r="BH32" s="72">
        <v>10</v>
      </c>
      <c r="BI32" s="244"/>
      <c r="BJ32" s="71">
        <v>9</v>
      </c>
      <c r="BK32" s="71">
        <v>11</v>
      </c>
      <c r="BL32" s="71">
        <v>9</v>
      </c>
      <c r="BM32" s="71">
        <v>15</v>
      </c>
      <c r="BN32" s="71">
        <v>5</v>
      </c>
      <c r="BO32" s="72">
        <v>49</v>
      </c>
      <c r="BP32" s="73">
        <v>59</v>
      </c>
      <c r="BQ32" s="70">
        <v>2</v>
      </c>
      <c r="BR32" s="71">
        <v>3</v>
      </c>
      <c r="BS32" s="72">
        <v>5</v>
      </c>
      <c r="BT32" s="244"/>
      <c r="BU32" s="71">
        <v>7</v>
      </c>
      <c r="BV32" s="71">
        <v>11</v>
      </c>
      <c r="BW32" s="71">
        <v>9</v>
      </c>
      <c r="BX32" s="71">
        <v>3</v>
      </c>
      <c r="BY32" s="71">
        <v>3</v>
      </c>
      <c r="BZ32" s="72">
        <v>33</v>
      </c>
      <c r="CA32" s="73">
        <v>38</v>
      </c>
      <c r="CB32" s="70">
        <v>1</v>
      </c>
      <c r="CC32" s="71">
        <v>2</v>
      </c>
      <c r="CD32" s="72">
        <v>3</v>
      </c>
      <c r="CE32" s="244"/>
      <c r="CF32" s="71">
        <v>1</v>
      </c>
      <c r="CG32" s="71">
        <v>4</v>
      </c>
      <c r="CH32" s="71">
        <v>2</v>
      </c>
      <c r="CI32" s="71">
        <v>1</v>
      </c>
      <c r="CJ32" s="71">
        <v>1</v>
      </c>
      <c r="CK32" s="72">
        <v>9</v>
      </c>
      <c r="CL32" s="73">
        <v>12</v>
      </c>
      <c r="CM32" s="70">
        <v>34</v>
      </c>
      <c r="CN32" s="71">
        <v>20</v>
      </c>
      <c r="CO32" s="72">
        <v>54</v>
      </c>
      <c r="CP32" s="244"/>
      <c r="CQ32" s="71">
        <v>44</v>
      </c>
      <c r="CR32" s="71">
        <v>57</v>
      </c>
      <c r="CS32" s="71">
        <v>43</v>
      </c>
      <c r="CT32" s="71">
        <v>42</v>
      </c>
      <c r="CU32" s="71">
        <v>16</v>
      </c>
      <c r="CV32" s="72">
        <v>202</v>
      </c>
      <c r="CW32" s="73">
        <v>256</v>
      </c>
      <c r="CX32" s="123">
        <v>46</v>
      </c>
      <c r="CY32" s="82">
        <v>46</v>
      </c>
      <c r="CZ32" s="83">
        <v>92</v>
      </c>
      <c r="DA32" s="241"/>
      <c r="DB32" s="82">
        <v>85</v>
      </c>
      <c r="DC32" s="82">
        <v>82</v>
      </c>
      <c r="DD32" s="82">
        <v>61</v>
      </c>
      <c r="DE32" s="82">
        <v>73</v>
      </c>
      <c r="DF32" s="82">
        <v>57</v>
      </c>
      <c r="DG32" s="84">
        <v>358</v>
      </c>
      <c r="DH32" s="85">
        <v>450</v>
      </c>
      <c r="DI32" s="70">
        <v>2</v>
      </c>
      <c r="DJ32" s="71">
        <v>3</v>
      </c>
      <c r="DK32" s="72">
        <v>5</v>
      </c>
      <c r="DL32" s="244"/>
      <c r="DM32" s="71">
        <v>4</v>
      </c>
      <c r="DN32" s="71">
        <v>3</v>
      </c>
      <c r="DO32" s="71">
        <v>0</v>
      </c>
      <c r="DP32" s="71">
        <v>0</v>
      </c>
      <c r="DQ32" s="71">
        <v>4</v>
      </c>
      <c r="DR32" s="72">
        <v>11</v>
      </c>
      <c r="DS32" s="73">
        <v>16</v>
      </c>
      <c r="DT32" s="70">
        <v>4</v>
      </c>
      <c r="DU32" s="71">
        <v>0</v>
      </c>
      <c r="DV32" s="72">
        <v>4</v>
      </c>
      <c r="DW32" s="244"/>
      <c r="DX32" s="71">
        <v>3</v>
      </c>
      <c r="DY32" s="71">
        <v>4</v>
      </c>
      <c r="DZ32" s="71">
        <v>3</v>
      </c>
      <c r="EA32" s="71">
        <v>5</v>
      </c>
      <c r="EB32" s="71">
        <v>1</v>
      </c>
      <c r="EC32" s="72">
        <v>16</v>
      </c>
      <c r="ED32" s="73">
        <v>20</v>
      </c>
      <c r="EE32" s="70">
        <v>10</v>
      </c>
      <c r="EF32" s="71">
        <v>7</v>
      </c>
      <c r="EG32" s="72">
        <v>17</v>
      </c>
      <c r="EH32" s="244"/>
      <c r="EI32" s="71">
        <v>13</v>
      </c>
      <c r="EJ32" s="71">
        <v>8</v>
      </c>
      <c r="EK32" s="71">
        <v>4</v>
      </c>
      <c r="EL32" s="71">
        <v>5</v>
      </c>
      <c r="EM32" s="71">
        <v>5</v>
      </c>
      <c r="EN32" s="72">
        <v>35</v>
      </c>
      <c r="EO32" s="73">
        <v>52</v>
      </c>
      <c r="EP32" s="70">
        <v>7</v>
      </c>
      <c r="EQ32" s="71">
        <v>17</v>
      </c>
      <c r="ER32" s="72">
        <v>24</v>
      </c>
      <c r="ES32" s="244"/>
      <c r="ET32" s="71">
        <v>21</v>
      </c>
      <c r="EU32" s="71">
        <v>22</v>
      </c>
      <c r="EV32" s="71">
        <v>12</v>
      </c>
      <c r="EW32" s="71">
        <v>14</v>
      </c>
      <c r="EX32" s="71">
        <v>10</v>
      </c>
      <c r="EY32" s="72">
        <v>79</v>
      </c>
      <c r="EZ32" s="73">
        <v>103</v>
      </c>
      <c r="FA32" s="70">
        <v>15</v>
      </c>
      <c r="FB32" s="71">
        <v>13</v>
      </c>
      <c r="FC32" s="72">
        <v>28</v>
      </c>
      <c r="FD32" s="244"/>
      <c r="FE32" s="71">
        <v>30</v>
      </c>
      <c r="FF32" s="71">
        <v>19</v>
      </c>
      <c r="FG32" s="71">
        <v>17</v>
      </c>
      <c r="FH32" s="71">
        <v>23</v>
      </c>
      <c r="FI32" s="71">
        <v>18</v>
      </c>
      <c r="FJ32" s="72">
        <v>107</v>
      </c>
      <c r="FK32" s="73">
        <v>135</v>
      </c>
      <c r="FL32" s="70">
        <v>8</v>
      </c>
      <c r="FM32" s="71">
        <v>6</v>
      </c>
      <c r="FN32" s="72">
        <v>14</v>
      </c>
      <c r="FO32" s="244"/>
      <c r="FP32" s="71">
        <v>14</v>
      </c>
      <c r="FQ32" s="71">
        <v>26</v>
      </c>
      <c r="FR32" s="71">
        <v>25</v>
      </c>
      <c r="FS32" s="71">
        <v>26</v>
      </c>
      <c r="FT32" s="71">
        <v>19</v>
      </c>
      <c r="FU32" s="72">
        <v>110</v>
      </c>
      <c r="FV32" s="73">
        <v>124</v>
      </c>
      <c r="FW32" s="70">
        <v>0</v>
      </c>
      <c r="FX32" s="71">
        <v>2</v>
      </c>
      <c r="FY32" s="72">
        <v>2</v>
      </c>
      <c r="FZ32" s="244"/>
      <c r="GA32" s="71">
        <v>1</v>
      </c>
      <c r="GB32" s="71">
        <v>0</v>
      </c>
      <c r="GC32" s="71">
        <v>1</v>
      </c>
      <c r="GD32" s="71">
        <v>0</v>
      </c>
      <c r="GE32" s="71">
        <v>0</v>
      </c>
      <c r="GF32" s="72">
        <v>2</v>
      </c>
      <c r="GG32" s="73">
        <v>4</v>
      </c>
      <c r="GH32" s="70">
        <v>46</v>
      </c>
      <c r="GI32" s="71">
        <v>48</v>
      </c>
      <c r="GJ32" s="72">
        <v>94</v>
      </c>
      <c r="GK32" s="244"/>
      <c r="GL32" s="71">
        <v>86</v>
      </c>
      <c r="GM32" s="71">
        <v>82</v>
      </c>
      <c r="GN32" s="71">
        <v>62</v>
      </c>
      <c r="GO32" s="71">
        <v>73</v>
      </c>
      <c r="GP32" s="71">
        <v>57</v>
      </c>
      <c r="GQ32" s="72">
        <v>360</v>
      </c>
      <c r="GR32" s="73">
        <v>454</v>
      </c>
      <c r="GS32" s="123">
        <v>79</v>
      </c>
      <c r="GT32" s="82">
        <v>64</v>
      </c>
      <c r="GU32" s="83">
        <v>143</v>
      </c>
      <c r="GV32" s="241"/>
      <c r="GW32" s="82">
        <v>128</v>
      </c>
      <c r="GX32" s="82">
        <v>135</v>
      </c>
      <c r="GY32" s="82">
        <v>102</v>
      </c>
      <c r="GZ32" s="82">
        <v>114</v>
      </c>
      <c r="HA32" s="82">
        <v>72</v>
      </c>
      <c r="HB32" s="84">
        <v>551</v>
      </c>
      <c r="HC32" s="85">
        <v>694</v>
      </c>
      <c r="HD32" s="70">
        <v>4</v>
      </c>
      <c r="HE32" s="71">
        <v>3</v>
      </c>
      <c r="HF32" s="72">
        <v>7</v>
      </c>
      <c r="HG32" s="244"/>
      <c r="HH32" s="71">
        <v>7</v>
      </c>
      <c r="HI32" s="71">
        <v>5</v>
      </c>
      <c r="HJ32" s="71">
        <v>6</v>
      </c>
      <c r="HK32" s="71">
        <v>1</v>
      </c>
      <c r="HL32" s="71">
        <v>4</v>
      </c>
      <c r="HM32" s="72">
        <v>23</v>
      </c>
      <c r="HN32" s="73">
        <v>30</v>
      </c>
      <c r="HO32" s="70">
        <v>8</v>
      </c>
      <c r="HP32" s="71">
        <v>5</v>
      </c>
      <c r="HQ32" s="72">
        <v>13</v>
      </c>
      <c r="HR32" s="244"/>
      <c r="HS32" s="71">
        <v>14</v>
      </c>
      <c r="HT32" s="71">
        <v>7</v>
      </c>
      <c r="HU32" s="71">
        <v>4</v>
      </c>
      <c r="HV32" s="71">
        <v>10</v>
      </c>
      <c r="HW32" s="71">
        <v>4</v>
      </c>
      <c r="HX32" s="72">
        <v>39</v>
      </c>
      <c r="HY32" s="73">
        <v>52</v>
      </c>
      <c r="HZ32" s="70">
        <v>19</v>
      </c>
      <c r="IA32" s="71">
        <v>11</v>
      </c>
      <c r="IB32" s="72">
        <v>30</v>
      </c>
      <c r="IC32" s="244"/>
      <c r="ID32" s="71">
        <v>23</v>
      </c>
      <c r="IE32" s="71">
        <v>18</v>
      </c>
      <c r="IF32" s="71">
        <v>10</v>
      </c>
      <c r="IG32" s="71">
        <v>11</v>
      </c>
      <c r="IH32" s="71">
        <v>6</v>
      </c>
      <c r="II32" s="72">
        <v>68</v>
      </c>
      <c r="IJ32" s="73">
        <v>98</v>
      </c>
      <c r="IK32" s="70">
        <v>16</v>
      </c>
      <c r="IL32" s="71">
        <v>20</v>
      </c>
      <c r="IM32" s="72">
        <v>36</v>
      </c>
      <c r="IN32" s="244"/>
      <c r="IO32" s="71">
        <v>24</v>
      </c>
      <c r="IP32" s="71">
        <v>38</v>
      </c>
      <c r="IQ32" s="71">
        <v>22</v>
      </c>
      <c r="IR32" s="71">
        <v>25</v>
      </c>
      <c r="IS32" s="71">
        <v>13</v>
      </c>
      <c r="IT32" s="72">
        <v>122</v>
      </c>
      <c r="IU32" s="73">
        <v>158</v>
      </c>
      <c r="IV32" s="70">
        <v>22</v>
      </c>
      <c r="IW32" s="71">
        <v>16</v>
      </c>
      <c r="IX32" s="72">
        <v>38</v>
      </c>
      <c r="IY32" s="244"/>
      <c r="IZ32" s="71">
        <v>39</v>
      </c>
      <c r="JA32" s="71">
        <v>30</v>
      </c>
      <c r="JB32" s="71">
        <v>26</v>
      </c>
      <c r="JC32" s="71">
        <v>38</v>
      </c>
      <c r="JD32" s="71">
        <v>23</v>
      </c>
      <c r="JE32" s="72">
        <v>156</v>
      </c>
      <c r="JF32" s="73">
        <v>194</v>
      </c>
      <c r="JG32" s="70">
        <v>10</v>
      </c>
      <c r="JH32" s="71">
        <v>9</v>
      </c>
      <c r="JI32" s="72">
        <v>19</v>
      </c>
      <c r="JJ32" s="244"/>
      <c r="JK32" s="71">
        <v>21</v>
      </c>
      <c r="JL32" s="71">
        <v>37</v>
      </c>
      <c r="JM32" s="71">
        <v>34</v>
      </c>
      <c r="JN32" s="71">
        <v>29</v>
      </c>
      <c r="JO32" s="71">
        <v>22</v>
      </c>
      <c r="JP32" s="72">
        <v>143</v>
      </c>
      <c r="JQ32" s="73">
        <v>162</v>
      </c>
      <c r="JR32" s="70">
        <v>1</v>
      </c>
      <c r="JS32" s="71">
        <v>4</v>
      </c>
      <c r="JT32" s="72">
        <v>5</v>
      </c>
      <c r="JU32" s="244"/>
      <c r="JV32" s="71">
        <v>2</v>
      </c>
      <c r="JW32" s="71">
        <v>4</v>
      </c>
      <c r="JX32" s="71">
        <v>3</v>
      </c>
      <c r="JY32" s="71">
        <v>1</v>
      </c>
      <c r="JZ32" s="71">
        <v>1</v>
      </c>
      <c r="KA32" s="72">
        <v>11</v>
      </c>
      <c r="KB32" s="73">
        <v>16</v>
      </c>
      <c r="KC32" s="70">
        <v>80</v>
      </c>
      <c r="KD32" s="71">
        <v>68</v>
      </c>
      <c r="KE32" s="72">
        <v>148</v>
      </c>
      <c r="KF32" s="244"/>
      <c r="KG32" s="71">
        <v>130</v>
      </c>
      <c r="KH32" s="71">
        <v>139</v>
      </c>
      <c r="KI32" s="71">
        <v>105</v>
      </c>
      <c r="KJ32" s="71">
        <v>115</v>
      </c>
      <c r="KK32" s="71">
        <v>73</v>
      </c>
      <c r="KL32" s="72">
        <v>562</v>
      </c>
      <c r="KM32" s="73">
        <v>710</v>
      </c>
    </row>
    <row r="33" spans="2:299" ht="19.5" customHeight="1" x14ac:dyDescent="0.2">
      <c r="B33" s="126" t="s">
        <v>30</v>
      </c>
      <c r="C33" s="316">
        <v>18</v>
      </c>
      <c r="D33" s="82">
        <v>13</v>
      </c>
      <c r="E33" s="83">
        <v>31</v>
      </c>
      <c r="F33" s="241"/>
      <c r="G33" s="82">
        <v>46</v>
      </c>
      <c r="H33" s="82">
        <v>34</v>
      </c>
      <c r="I33" s="82">
        <v>30</v>
      </c>
      <c r="J33" s="82">
        <v>33</v>
      </c>
      <c r="K33" s="82">
        <v>10</v>
      </c>
      <c r="L33" s="84">
        <v>153</v>
      </c>
      <c r="M33" s="85">
        <v>184</v>
      </c>
      <c r="N33" s="70">
        <v>2</v>
      </c>
      <c r="O33" s="71">
        <v>0</v>
      </c>
      <c r="P33" s="72">
        <v>2</v>
      </c>
      <c r="Q33" s="244"/>
      <c r="R33" s="71">
        <v>4</v>
      </c>
      <c r="S33" s="71">
        <v>4</v>
      </c>
      <c r="T33" s="71">
        <v>3</v>
      </c>
      <c r="U33" s="71">
        <v>3</v>
      </c>
      <c r="V33" s="71">
        <v>0</v>
      </c>
      <c r="W33" s="72">
        <v>14</v>
      </c>
      <c r="X33" s="73">
        <v>16</v>
      </c>
      <c r="Y33" s="70">
        <v>5</v>
      </c>
      <c r="Z33" s="71">
        <v>2</v>
      </c>
      <c r="AA33" s="72">
        <v>7</v>
      </c>
      <c r="AB33" s="244"/>
      <c r="AC33" s="71">
        <v>7</v>
      </c>
      <c r="AD33" s="71">
        <v>4</v>
      </c>
      <c r="AE33" s="71">
        <v>2</v>
      </c>
      <c r="AF33" s="71">
        <v>5</v>
      </c>
      <c r="AG33" s="71">
        <v>2</v>
      </c>
      <c r="AH33" s="72">
        <v>20</v>
      </c>
      <c r="AI33" s="73">
        <v>27</v>
      </c>
      <c r="AJ33" s="70">
        <v>2</v>
      </c>
      <c r="AK33" s="71">
        <v>0</v>
      </c>
      <c r="AL33" s="72">
        <v>2</v>
      </c>
      <c r="AM33" s="244"/>
      <c r="AN33" s="71">
        <v>4</v>
      </c>
      <c r="AO33" s="71">
        <v>3</v>
      </c>
      <c r="AP33" s="71">
        <v>5</v>
      </c>
      <c r="AQ33" s="71">
        <v>5</v>
      </c>
      <c r="AR33" s="71">
        <v>1</v>
      </c>
      <c r="AS33" s="72">
        <v>18</v>
      </c>
      <c r="AT33" s="73">
        <v>20</v>
      </c>
      <c r="AU33" s="70">
        <v>2</v>
      </c>
      <c r="AV33" s="71">
        <v>5</v>
      </c>
      <c r="AW33" s="72">
        <v>7</v>
      </c>
      <c r="AX33" s="244"/>
      <c r="AY33" s="71">
        <v>9</v>
      </c>
      <c r="AZ33" s="71">
        <v>9</v>
      </c>
      <c r="BA33" s="71">
        <v>8</v>
      </c>
      <c r="BB33" s="71">
        <v>5</v>
      </c>
      <c r="BC33" s="71">
        <v>1</v>
      </c>
      <c r="BD33" s="72">
        <v>32</v>
      </c>
      <c r="BE33" s="73">
        <v>39</v>
      </c>
      <c r="BF33" s="70">
        <v>5</v>
      </c>
      <c r="BG33" s="71">
        <v>3</v>
      </c>
      <c r="BH33" s="72">
        <v>8</v>
      </c>
      <c r="BI33" s="244"/>
      <c r="BJ33" s="71">
        <v>12</v>
      </c>
      <c r="BK33" s="71">
        <v>8</v>
      </c>
      <c r="BL33" s="71">
        <v>4</v>
      </c>
      <c r="BM33" s="71">
        <v>8</v>
      </c>
      <c r="BN33" s="71">
        <v>4</v>
      </c>
      <c r="BO33" s="72">
        <v>36</v>
      </c>
      <c r="BP33" s="73">
        <v>44</v>
      </c>
      <c r="BQ33" s="70">
        <v>2</v>
      </c>
      <c r="BR33" s="71">
        <v>3</v>
      </c>
      <c r="BS33" s="72">
        <v>5</v>
      </c>
      <c r="BT33" s="244"/>
      <c r="BU33" s="71">
        <v>10</v>
      </c>
      <c r="BV33" s="71">
        <v>6</v>
      </c>
      <c r="BW33" s="71">
        <v>8</v>
      </c>
      <c r="BX33" s="71">
        <v>7</v>
      </c>
      <c r="BY33" s="71">
        <v>2</v>
      </c>
      <c r="BZ33" s="72">
        <v>33</v>
      </c>
      <c r="CA33" s="73">
        <v>38</v>
      </c>
      <c r="CB33" s="70">
        <v>0</v>
      </c>
      <c r="CC33" s="71">
        <v>0</v>
      </c>
      <c r="CD33" s="72">
        <v>0</v>
      </c>
      <c r="CE33" s="244"/>
      <c r="CF33" s="71">
        <v>1</v>
      </c>
      <c r="CG33" s="71">
        <v>0</v>
      </c>
      <c r="CH33" s="71">
        <v>3</v>
      </c>
      <c r="CI33" s="71">
        <v>0</v>
      </c>
      <c r="CJ33" s="71">
        <v>2</v>
      </c>
      <c r="CK33" s="72">
        <v>6</v>
      </c>
      <c r="CL33" s="73">
        <v>6</v>
      </c>
      <c r="CM33" s="70">
        <v>18</v>
      </c>
      <c r="CN33" s="71">
        <v>13</v>
      </c>
      <c r="CO33" s="72">
        <v>31</v>
      </c>
      <c r="CP33" s="244"/>
      <c r="CQ33" s="71">
        <v>47</v>
      </c>
      <c r="CR33" s="71">
        <v>34</v>
      </c>
      <c r="CS33" s="71">
        <v>33</v>
      </c>
      <c r="CT33" s="71">
        <v>33</v>
      </c>
      <c r="CU33" s="71">
        <v>12</v>
      </c>
      <c r="CV33" s="72">
        <v>159</v>
      </c>
      <c r="CW33" s="73">
        <v>190</v>
      </c>
      <c r="CX33" s="123">
        <v>44</v>
      </c>
      <c r="CY33" s="82">
        <v>35</v>
      </c>
      <c r="CZ33" s="83">
        <v>79</v>
      </c>
      <c r="DA33" s="241"/>
      <c r="DB33" s="82">
        <v>100</v>
      </c>
      <c r="DC33" s="82">
        <v>65</v>
      </c>
      <c r="DD33" s="82">
        <v>80</v>
      </c>
      <c r="DE33" s="82">
        <v>70</v>
      </c>
      <c r="DF33" s="82">
        <v>37</v>
      </c>
      <c r="DG33" s="84">
        <v>352</v>
      </c>
      <c r="DH33" s="85">
        <v>431</v>
      </c>
      <c r="DI33" s="70">
        <v>1</v>
      </c>
      <c r="DJ33" s="71">
        <v>0</v>
      </c>
      <c r="DK33" s="72">
        <v>1</v>
      </c>
      <c r="DL33" s="244"/>
      <c r="DM33" s="71">
        <v>2</v>
      </c>
      <c r="DN33" s="71">
        <v>1</v>
      </c>
      <c r="DO33" s="71">
        <v>2</v>
      </c>
      <c r="DP33" s="71">
        <v>0</v>
      </c>
      <c r="DQ33" s="71">
        <v>1</v>
      </c>
      <c r="DR33" s="72">
        <v>6</v>
      </c>
      <c r="DS33" s="73">
        <v>7</v>
      </c>
      <c r="DT33" s="70">
        <v>1</v>
      </c>
      <c r="DU33" s="71">
        <v>5</v>
      </c>
      <c r="DV33" s="72">
        <v>6</v>
      </c>
      <c r="DW33" s="244"/>
      <c r="DX33" s="71">
        <v>3</v>
      </c>
      <c r="DY33" s="71">
        <v>4</v>
      </c>
      <c r="DZ33" s="71">
        <v>3</v>
      </c>
      <c r="EA33" s="71">
        <v>0</v>
      </c>
      <c r="EB33" s="71">
        <v>3</v>
      </c>
      <c r="EC33" s="72">
        <v>13</v>
      </c>
      <c r="ED33" s="73">
        <v>19</v>
      </c>
      <c r="EE33" s="70">
        <v>10</v>
      </c>
      <c r="EF33" s="71">
        <v>1</v>
      </c>
      <c r="EG33" s="72">
        <v>11</v>
      </c>
      <c r="EH33" s="244"/>
      <c r="EI33" s="71">
        <v>16</v>
      </c>
      <c r="EJ33" s="71">
        <v>5</v>
      </c>
      <c r="EK33" s="71">
        <v>15</v>
      </c>
      <c r="EL33" s="71">
        <v>6</v>
      </c>
      <c r="EM33" s="71">
        <v>2</v>
      </c>
      <c r="EN33" s="72">
        <v>44</v>
      </c>
      <c r="EO33" s="73">
        <v>55</v>
      </c>
      <c r="EP33" s="70">
        <v>14</v>
      </c>
      <c r="EQ33" s="71">
        <v>10</v>
      </c>
      <c r="ER33" s="72">
        <v>24</v>
      </c>
      <c r="ES33" s="244"/>
      <c r="ET33" s="71">
        <v>30</v>
      </c>
      <c r="EU33" s="71">
        <v>13</v>
      </c>
      <c r="EV33" s="71">
        <v>9</v>
      </c>
      <c r="EW33" s="71">
        <v>10</v>
      </c>
      <c r="EX33" s="71">
        <v>9</v>
      </c>
      <c r="EY33" s="72">
        <v>71</v>
      </c>
      <c r="EZ33" s="73">
        <v>95</v>
      </c>
      <c r="FA33" s="70">
        <v>9</v>
      </c>
      <c r="FB33" s="71">
        <v>9</v>
      </c>
      <c r="FC33" s="72">
        <v>18</v>
      </c>
      <c r="FD33" s="244"/>
      <c r="FE33" s="71">
        <v>27</v>
      </c>
      <c r="FF33" s="71">
        <v>19</v>
      </c>
      <c r="FG33" s="71">
        <v>18</v>
      </c>
      <c r="FH33" s="71">
        <v>24</v>
      </c>
      <c r="FI33" s="71">
        <v>12</v>
      </c>
      <c r="FJ33" s="72">
        <v>100</v>
      </c>
      <c r="FK33" s="73">
        <v>118</v>
      </c>
      <c r="FL33" s="70">
        <v>9</v>
      </c>
      <c r="FM33" s="71">
        <v>10</v>
      </c>
      <c r="FN33" s="72">
        <v>19</v>
      </c>
      <c r="FO33" s="244"/>
      <c r="FP33" s="71">
        <v>22</v>
      </c>
      <c r="FQ33" s="71">
        <v>23</v>
      </c>
      <c r="FR33" s="71">
        <v>33</v>
      </c>
      <c r="FS33" s="71">
        <v>30</v>
      </c>
      <c r="FT33" s="71">
        <v>10</v>
      </c>
      <c r="FU33" s="72">
        <v>118</v>
      </c>
      <c r="FV33" s="73">
        <v>137</v>
      </c>
      <c r="FW33" s="70">
        <v>0</v>
      </c>
      <c r="FX33" s="71">
        <v>0</v>
      </c>
      <c r="FY33" s="72">
        <v>0</v>
      </c>
      <c r="FZ33" s="244"/>
      <c r="GA33" s="71">
        <v>0</v>
      </c>
      <c r="GB33" s="71">
        <v>0</v>
      </c>
      <c r="GC33" s="71">
        <v>1</v>
      </c>
      <c r="GD33" s="71">
        <v>1</v>
      </c>
      <c r="GE33" s="71">
        <v>1</v>
      </c>
      <c r="GF33" s="72">
        <v>3</v>
      </c>
      <c r="GG33" s="73">
        <v>3</v>
      </c>
      <c r="GH33" s="70">
        <v>44</v>
      </c>
      <c r="GI33" s="71">
        <v>35</v>
      </c>
      <c r="GJ33" s="72">
        <v>79</v>
      </c>
      <c r="GK33" s="244"/>
      <c r="GL33" s="71">
        <v>100</v>
      </c>
      <c r="GM33" s="71">
        <v>65</v>
      </c>
      <c r="GN33" s="71">
        <v>81</v>
      </c>
      <c r="GO33" s="71">
        <v>71</v>
      </c>
      <c r="GP33" s="71">
        <v>38</v>
      </c>
      <c r="GQ33" s="72">
        <v>355</v>
      </c>
      <c r="GR33" s="73">
        <v>434</v>
      </c>
      <c r="GS33" s="123">
        <v>62</v>
      </c>
      <c r="GT33" s="82">
        <v>48</v>
      </c>
      <c r="GU33" s="83">
        <v>110</v>
      </c>
      <c r="GV33" s="241"/>
      <c r="GW33" s="82">
        <v>146</v>
      </c>
      <c r="GX33" s="82">
        <v>99</v>
      </c>
      <c r="GY33" s="82">
        <v>110</v>
      </c>
      <c r="GZ33" s="82">
        <v>103</v>
      </c>
      <c r="HA33" s="82">
        <v>47</v>
      </c>
      <c r="HB33" s="84">
        <v>505</v>
      </c>
      <c r="HC33" s="85">
        <v>615</v>
      </c>
      <c r="HD33" s="70">
        <v>3</v>
      </c>
      <c r="HE33" s="71">
        <v>0</v>
      </c>
      <c r="HF33" s="72">
        <v>3</v>
      </c>
      <c r="HG33" s="244"/>
      <c r="HH33" s="71">
        <v>6</v>
      </c>
      <c r="HI33" s="71">
        <v>5</v>
      </c>
      <c r="HJ33" s="71">
        <v>5</v>
      </c>
      <c r="HK33" s="71">
        <v>3</v>
      </c>
      <c r="HL33" s="71">
        <v>1</v>
      </c>
      <c r="HM33" s="72">
        <v>20</v>
      </c>
      <c r="HN33" s="73">
        <v>23</v>
      </c>
      <c r="HO33" s="70">
        <v>6</v>
      </c>
      <c r="HP33" s="71">
        <v>7</v>
      </c>
      <c r="HQ33" s="72">
        <v>13</v>
      </c>
      <c r="HR33" s="244"/>
      <c r="HS33" s="71">
        <v>10</v>
      </c>
      <c r="HT33" s="71">
        <v>8</v>
      </c>
      <c r="HU33" s="71">
        <v>5</v>
      </c>
      <c r="HV33" s="71">
        <v>5</v>
      </c>
      <c r="HW33" s="71">
        <v>5</v>
      </c>
      <c r="HX33" s="72">
        <v>33</v>
      </c>
      <c r="HY33" s="73">
        <v>46</v>
      </c>
      <c r="HZ33" s="70">
        <v>12</v>
      </c>
      <c r="IA33" s="71">
        <v>1</v>
      </c>
      <c r="IB33" s="72">
        <v>13</v>
      </c>
      <c r="IC33" s="244"/>
      <c r="ID33" s="71">
        <v>20</v>
      </c>
      <c r="IE33" s="71">
        <v>8</v>
      </c>
      <c r="IF33" s="71">
        <v>20</v>
      </c>
      <c r="IG33" s="71">
        <v>11</v>
      </c>
      <c r="IH33" s="71">
        <v>3</v>
      </c>
      <c r="II33" s="72">
        <v>62</v>
      </c>
      <c r="IJ33" s="73">
        <v>75</v>
      </c>
      <c r="IK33" s="70">
        <v>16</v>
      </c>
      <c r="IL33" s="71">
        <v>15</v>
      </c>
      <c r="IM33" s="72">
        <v>31</v>
      </c>
      <c r="IN33" s="244"/>
      <c r="IO33" s="71">
        <v>39</v>
      </c>
      <c r="IP33" s="71">
        <v>22</v>
      </c>
      <c r="IQ33" s="71">
        <v>17</v>
      </c>
      <c r="IR33" s="71">
        <v>15</v>
      </c>
      <c r="IS33" s="71">
        <v>10</v>
      </c>
      <c r="IT33" s="72">
        <v>103</v>
      </c>
      <c r="IU33" s="73">
        <v>134</v>
      </c>
      <c r="IV33" s="70">
        <v>14</v>
      </c>
      <c r="IW33" s="71">
        <v>12</v>
      </c>
      <c r="IX33" s="72">
        <v>26</v>
      </c>
      <c r="IY33" s="244"/>
      <c r="IZ33" s="71">
        <v>39</v>
      </c>
      <c r="JA33" s="71">
        <v>27</v>
      </c>
      <c r="JB33" s="71">
        <v>22</v>
      </c>
      <c r="JC33" s="71">
        <v>32</v>
      </c>
      <c r="JD33" s="71">
        <v>16</v>
      </c>
      <c r="JE33" s="72">
        <v>136</v>
      </c>
      <c r="JF33" s="73">
        <v>162</v>
      </c>
      <c r="JG33" s="70">
        <v>11</v>
      </c>
      <c r="JH33" s="71">
        <v>13</v>
      </c>
      <c r="JI33" s="72">
        <v>24</v>
      </c>
      <c r="JJ33" s="244"/>
      <c r="JK33" s="71">
        <v>32</v>
      </c>
      <c r="JL33" s="71">
        <v>29</v>
      </c>
      <c r="JM33" s="71">
        <v>41</v>
      </c>
      <c r="JN33" s="71">
        <v>37</v>
      </c>
      <c r="JO33" s="71">
        <v>12</v>
      </c>
      <c r="JP33" s="72">
        <v>151</v>
      </c>
      <c r="JQ33" s="73">
        <v>175</v>
      </c>
      <c r="JR33" s="70">
        <v>0</v>
      </c>
      <c r="JS33" s="71">
        <v>0</v>
      </c>
      <c r="JT33" s="72">
        <v>0</v>
      </c>
      <c r="JU33" s="244"/>
      <c r="JV33" s="71">
        <v>1</v>
      </c>
      <c r="JW33" s="71">
        <v>0</v>
      </c>
      <c r="JX33" s="71">
        <v>4</v>
      </c>
      <c r="JY33" s="71">
        <v>1</v>
      </c>
      <c r="JZ33" s="71">
        <v>3</v>
      </c>
      <c r="KA33" s="72">
        <v>9</v>
      </c>
      <c r="KB33" s="73">
        <v>9</v>
      </c>
      <c r="KC33" s="70">
        <v>62</v>
      </c>
      <c r="KD33" s="71">
        <v>48</v>
      </c>
      <c r="KE33" s="72">
        <v>110</v>
      </c>
      <c r="KF33" s="244"/>
      <c r="KG33" s="71">
        <v>147</v>
      </c>
      <c r="KH33" s="71">
        <v>99</v>
      </c>
      <c r="KI33" s="71">
        <v>114</v>
      </c>
      <c r="KJ33" s="71">
        <v>104</v>
      </c>
      <c r="KK33" s="71">
        <v>50</v>
      </c>
      <c r="KL33" s="72">
        <v>514</v>
      </c>
      <c r="KM33" s="73">
        <v>624</v>
      </c>
    </row>
    <row r="34" spans="2:299" ht="19.5" customHeight="1" x14ac:dyDescent="0.2">
      <c r="B34" s="126" t="s">
        <v>31</v>
      </c>
      <c r="C34" s="316">
        <v>22</v>
      </c>
      <c r="D34" s="82">
        <v>37</v>
      </c>
      <c r="E34" s="83">
        <v>59</v>
      </c>
      <c r="F34" s="241"/>
      <c r="G34" s="82">
        <v>58</v>
      </c>
      <c r="H34" s="82">
        <v>50</v>
      </c>
      <c r="I34" s="82">
        <v>39</v>
      </c>
      <c r="J34" s="82">
        <v>26</v>
      </c>
      <c r="K34" s="82">
        <v>12</v>
      </c>
      <c r="L34" s="84">
        <v>185</v>
      </c>
      <c r="M34" s="85">
        <v>244</v>
      </c>
      <c r="N34" s="70">
        <v>0</v>
      </c>
      <c r="O34" s="71">
        <v>0</v>
      </c>
      <c r="P34" s="72">
        <v>0</v>
      </c>
      <c r="Q34" s="244"/>
      <c r="R34" s="71">
        <v>2</v>
      </c>
      <c r="S34" s="71">
        <v>2</v>
      </c>
      <c r="T34" s="71">
        <v>4</v>
      </c>
      <c r="U34" s="71">
        <v>2</v>
      </c>
      <c r="V34" s="71">
        <v>1</v>
      </c>
      <c r="W34" s="72">
        <v>11</v>
      </c>
      <c r="X34" s="73">
        <v>11</v>
      </c>
      <c r="Y34" s="70">
        <v>4</v>
      </c>
      <c r="Z34" s="71">
        <v>4</v>
      </c>
      <c r="AA34" s="72">
        <v>8</v>
      </c>
      <c r="AB34" s="244"/>
      <c r="AC34" s="71">
        <v>6</v>
      </c>
      <c r="AD34" s="71">
        <v>8</v>
      </c>
      <c r="AE34" s="71">
        <v>7</v>
      </c>
      <c r="AF34" s="71">
        <v>4</v>
      </c>
      <c r="AG34" s="71">
        <v>2</v>
      </c>
      <c r="AH34" s="72">
        <v>27</v>
      </c>
      <c r="AI34" s="73">
        <v>35</v>
      </c>
      <c r="AJ34" s="70">
        <v>2</v>
      </c>
      <c r="AK34" s="71">
        <v>5</v>
      </c>
      <c r="AL34" s="72">
        <v>7</v>
      </c>
      <c r="AM34" s="244"/>
      <c r="AN34" s="71">
        <v>8</v>
      </c>
      <c r="AO34" s="71">
        <v>6</v>
      </c>
      <c r="AP34" s="71">
        <v>6</v>
      </c>
      <c r="AQ34" s="71">
        <v>5</v>
      </c>
      <c r="AR34" s="71">
        <v>2</v>
      </c>
      <c r="AS34" s="72">
        <v>27</v>
      </c>
      <c r="AT34" s="73">
        <v>34</v>
      </c>
      <c r="AU34" s="70">
        <v>3</v>
      </c>
      <c r="AV34" s="71">
        <v>13</v>
      </c>
      <c r="AW34" s="72">
        <v>16</v>
      </c>
      <c r="AX34" s="244"/>
      <c r="AY34" s="71">
        <v>17</v>
      </c>
      <c r="AZ34" s="71">
        <v>16</v>
      </c>
      <c r="BA34" s="71">
        <v>4</v>
      </c>
      <c r="BB34" s="71">
        <v>2</v>
      </c>
      <c r="BC34" s="71">
        <v>2</v>
      </c>
      <c r="BD34" s="72">
        <v>41</v>
      </c>
      <c r="BE34" s="73">
        <v>57</v>
      </c>
      <c r="BF34" s="70">
        <v>6</v>
      </c>
      <c r="BG34" s="71">
        <v>9</v>
      </c>
      <c r="BH34" s="72">
        <v>15</v>
      </c>
      <c r="BI34" s="244"/>
      <c r="BJ34" s="71">
        <v>16</v>
      </c>
      <c r="BK34" s="71">
        <v>8</v>
      </c>
      <c r="BL34" s="71">
        <v>5</v>
      </c>
      <c r="BM34" s="71">
        <v>5</v>
      </c>
      <c r="BN34" s="71">
        <v>2</v>
      </c>
      <c r="BO34" s="72">
        <v>36</v>
      </c>
      <c r="BP34" s="73">
        <v>51</v>
      </c>
      <c r="BQ34" s="70">
        <v>7</v>
      </c>
      <c r="BR34" s="71">
        <v>6</v>
      </c>
      <c r="BS34" s="72">
        <v>13</v>
      </c>
      <c r="BT34" s="244"/>
      <c r="BU34" s="71">
        <v>9</v>
      </c>
      <c r="BV34" s="71">
        <v>10</v>
      </c>
      <c r="BW34" s="71">
        <v>13</v>
      </c>
      <c r="BX34" s="71">
        <v>8</v>
      </c>
      <c r="BY34" s="71">
        <v>3</v>
      </c>
      <c r="BZ34" s="72">
        <v>43</v>
      </c>
      <c r="CA34" s="73">
        <v>56</v>
      </c>
      <c r="CB34" s="70">
        <v>0</v>
      </c>
      <c r="CC34" s="71">
        <v>4</v>
      </c>
      <c r="CD34" s="72">
        <v>4</v>
      </c>
      <c r="CE34" s="244"/>
      <c r="CF34" s="71">
        <v>3</v>
      </c>
      <c r="CG34" s="71">
        <v>1</v>
      </c>
      <c r="CH34" s="71">
        <v>0</v>
      </c>
      <c r="CI34" s="71">
        <v>1</v>
      </c>
      <c r="CJ34" s="71">
        <v>1</v>
      </c>
      <c r="CK34" s="72">
        <v>6</v>
      </c>
      <c r="CL34" s="73">
        <v>10</v>
      </c>
      <c r="CM34" s="70">
        <v>22</v>
      </c>
      <c r="CN34" s="71">
        <v>41</v>
      </c>
      <c r="CO34" s="72">
        <v>63</v>
      </c>
      <c r="CP34" s="244"/>
      <c r="CQ34" s="71">
        <v>61</v>
      </c>
      <c r="CR34" s="71">
        <v>51</v>
      </c>
      <c r="CS34" s="71">
        <v>39</v>
      </c>
      <c r="CT34" s="71">
        <v>27</v>
      </c>
      <c r="CU34" s="71">
        <v>13</v>
      </c>
      <c r="CV34" s="72">
        <v>191</v>
      </c>
      <c r="CW34" s="73">
        <v>254</v>
      </c>
      <c r="CX34" s="123">
        <v>50</v>
      </c>
      <c r="CY34" s="82">
        <v>83</v>
      </c>
      <c r="CZ34" s="83">
        <v>133</v>
      </c>
      <c r="DA34" s="241"/>
      <c r="DB34" s="82">
        <v>112</v>
      </c>
      <c r="DC34" s="82">
        <v>90</v>
      </c>
      <c r="DD34" s="82">
        <v>83</v>
      </c>
      <c r="DE34" s="82">
        <v>55</v>
      </c>
      <c r="DF34" s="82">
        <v>43</v>
      </c>
      <c r="DG34" s="84">
        <v>383</v>
      </c>
      <c r="DH34" s="85">
        <v>516</v>
      </c>
      <c r="DI34" s="70">
        <v>0</v>
      </c>
      <c r="DJ34" s="71">
        <v>3</v>
      </c>
      <c r="DK34" s="72">
        <v>3</v>
      </c>
      <c r="DL34" s="244"/>
      <c r="DM34" s="71">
        <v>1</v>
      </c>
      <c r="DN34" s="71">
        <v>1</v>
      </c>
      <c r="DO34" s="71">
        <v>1</v>
      </c>
      <c r="DP34" s="71">
        <v>3</v>
      </c>
      <c r="DQ34" s="71">
        <v>2</v>
      </c>
      <c r="DR34" s="72">
        <v>8</v>
      </c>
      <c r="DS34" s="73">
        <v>11</v>
      </c>
      <c r="DT34" s="70">
        <v>1</v>
      </c>
      <c r="DU34" s="71">
        <v>6</v>
      </c>
      <c r="DV34" s="72">
        <v>7</v>
      </c>
      <c r="DW34" s="244"/>
      <c r="DX34" s="71">
        <v>13</v>
      </c>
      <c r="DY34" s="71">
        <v>6</v>
      </c>
      <c r="DZ34" s="71">
        <v>3</v>
      </c>
      <c r="EA34" s="71">
        <v>4</v>
      </c>
      <c r="EB34" s="71">
        <v>1</v>
      </c>
      <c r="EC34" s="72">
        <v>27</v>
      </c>
      <c r="ED34" s="73">
        <v>34</v>
      </c>
      <c r="EE34" s="70">
        <v>6</v>
      </c>
      <c r="EF34" s="71">
        <v>10</v>
      </c>
      <c r="EG34" s="72">
        <v>16</v>
      </c>
      <c r="EH34" s="244"/>
      <c r="EI34" s="71">
        <v>11</v>
      </c>
      <c r="EJ34" s="71">
        <v>4</v>
      </c>
      <c r="EK34" s="71">
        <v>3</v>
      </c>
      <c r="EL34" s="71">
        <v>4</v>
      </c>
      <c r="EM34" s="71">
        <v>1</v>
      </c>
      <c r="EN34" s="72">
        <v>23</v>
      </c>
      <c r="EO34" s="73">
        <v>39</v>
      </c>
      <c r="EP34" s="70">
        <v>17</v>
      </c>
      <c r="EQ34" s="71">
        <v>17</v>
      </c>
      <c r="ER34" s="72">
        <v>34</v>
      </c>
      <c r="ES34" s="244"/>
      <c r="ET34" s="71">
        <v>20</v>
      </c>
      <c r="EU34" s="71">
        <v>17</v>
      </c>
      <c r="EV34" s="71">
        <v>19</v>
      </c>
      <c r="EW34" s="71">
        <v>6</v>
      </c>
      <c r="EX34" s="71">
        <v>2</v>
      </c>
      <c r="EY34" s="72">
        <v>64</v>
      </c>
      <c r="EZ34" s="73">
        <v>98</v>
      </c>
      <c r="FA34" s="70">
        <v>21</v>
      </c>
      <c r="FB34" s="71">
        <v>27</v>
      </c>
      <c r="FC34" s="72">
        <v>48</v>
      </c>
      <c r="FD34" s="244"/>
      <c r="FE34" s="71">
        <v>28</v>
      </c>
      <c r="FF34" s="71">
        <v>27</v>
      </c>
      <c r="FG34" s="71">
        <v>20</v>
      </c>
      <c r="FH34" s="71">
        <v>11</v>
      </c>
      <c r="FI34" s="71">
        <v>10</v>
      </c>
      <c r="FJ34" s="72">
        <v>96</v>
      </c>
      <c r="FK34" s="73">
        <v>144</v>
      </c>
      <c r="FL34" s="70">
        <v>5</v>
      </c>
      <c r="FM34" s="71">
        <v>20</v>
      </c>
      <c r="FN34" s="72">
        <v>25</v>
      </c>
      <c r="FO34" s="244"/>
      <c r="FP34" s="71">
        <v>39</v>
      </c>
      <c r="FQ34" s="71">
        <v>35</v>
      </c>
      <c r="FR34" s="71">
        <v>37</v>
      </c>
      <c r="FS34" s="71">
        <v>27</v>
      </c>
      <c r="FT34" s="71">
        <v>27</v>
      </c>
      <c r="FU34" s="72">
        <v>165</v>
      </c>
      <c r="FV34" s="73">
        <v>190</v>
      </c>
      <c r="FW34" s="70">
        <v>0</v>
      </c>
      <c r="FX34" s="71">
        <v>0</v>
      </c>
      <c r="FY34" s="72">
        <v>0</v>
      </c>
      <c r="FZ34" s="244"/>
      <c r="GA34" s="71">
        <v>2</v>
      </c>
      <c r="GB34" s="71">
        <v>0</v>
      </c>
      <c r="GC34" s="71">
        <v>1</v>
      </c>
      <c r="GD34" s="71">
        <v>1</v>
      </c>
      <c r="GE34" s="71">
        <v>1</v>
      </c>
      <c r="GF34" s="72">
        <v>5</v>
      </c>
      <c r="GG34" s="73">
        <v>5</v>
      </c>
      <c r="GH34" s="70">
        <v>50</v>
      </c>
      <c r="GI34" s="71">
        <v>83</v>
      </c>
      <c r="GJ34" s="72">
        <v>133</v>
      </c>
      <c r="GK34" s="244"/>
      <c r="GL34" s="71">
        <v>114</v>
      </c>
      <c r="GM34" s="71">
        <v>90</v>
      </c>
      <c r="GN34" s="71">
        <v>84</v>
      </c>
      <c r="GO34" s="71">
        <v>56</v>
      </c>
      <c r="GP34" s="71">
        <v>44</v>
      </c>
      <c r="GQ34" s="72">
        <v>388</v>
      </c>
      <c r="GR34" s="73">
        <v>521</v>
      </c>
      <c r="GS34" s="123">
        <v>72</v>
      </c>
      <c r="GT34" s="82">
        <v>120</v>
      </c>
      <c r="GU34" s="83">
        <v>192</v>
      </c>
      <c r="GV34" s="241"/>
      <c r="GW34" s="82">
        <v>170</v>
      </c>
      <c r="GX34" s="82">
        <v>140</v>
      </c>
      <c r="GY34" s="82">
        <v>122</v>
      </c>
      <c r="GZ34" s="82">
        <v>81</v>
      </c>
      <c r="HA34" s="82">
        <v>55</v>
      </c>
      <c r="HB34" s="84">
        <v>568</v>
      </c>
      <c r="HC34" s="85">
        <v>760</v>
      </c>
      <c r="HD34" s="70">
        <v>0</v>
      </c>
      <c r="HE34" s="71">
        <v>3</v>
      </c>
      <c r="HF34" s="72">
        <v>3</v>
      </c>
      <c r="HG34" s="244"/>
      <c r="HH34" s="71">
        <v>3</v>
      </c>
      <c r="HI34" s="71">
        <v>3</v>
      </c>
      <c r="HJ34" s="71">
        <v>5</v>
      </c>
      <c r="HK34" s="71">
        <v>5</v>
      </c>
      <c r="HL34" s="71">
        <v>3</v>
      </c>
      <c r="HM34" s="72">
        <v>19</v>
      </c>
      <c r="HN34" s="73">
        <v>22</v>
      </c>
      <c r="HO34" s="70">
        <v>5</v>
      </c>
      <c r="HP34" s="71">
        <v>10</v>
      </c>
      <c r="HQ34" s="72">
        <v>15</v>
      </c>
      <c r="HR34" s="244"/>
      <c r="HS34" s="71">
        <v>19</v>
      </c>
      <c r="HT34" s="71">
        <v>14</v>
      </c>
      <c r="HU34" s="71">
        <v>10</v>
      </c>
      <c r="HV34" s="71">
        <v>8</v>
      </c>
      <c r="HW34" s="71">
        <v>3</v>
      </c>
      <c r="HX34" s="72">
        <v>54</v>
      </c>
      <c r="HY34" s="73">
        <v>69</v>
      </c>
      <c r="HZ34" s="70">
        <v>8</v>
      </c>
      <c r="IA34" s="71">
        <v>15</v>
      </c>
      <c r="IB34" s="72">
        <v>23</v>
      </c>
      <c r="IC34" s="244"/>
      <c r="ID34" s="71">
        <v>19</v>
      </c>
      <c r="IE34" s="71">
        <v>10</v>
      </c>
      <c r="IF34" s="71">
        <v>9</v>
      </c>
      <c r="IG34" s="71">
        <v>9</v>
      </c>
      <c r="IH34" s="71">
        <v>3</v>
      </c>
      <c r="II34" s="72">
        <v>50</v>
      </c>
      <c r="IJ34" s="73">
        <v>73</v>
      </c>
      <c r="IK34" s="70">
        <v>20</v>
      </c>
      <c r="IL34" s="71">
        <v>30</v>
      </c>
      <c r="IM34" s="72">
        <v>50</v>
      </c>
      <c r="IN34" s="244"/>
      <c r="IO34" s="71">
        <v>37</v>
      </c>
      <c r="IP34" s="71">
        <v>33</v>
      </c>
      <c r="IQ34" s="71">
        <v>23</v>
      </c>
      <c r="IR34" s="71">
        <v>8</v>
      </c>
      <c r="IS34" s="71">
        <v>4</v>
      </c>
      <c r="IT34" s="72">
        <v>105</v>
      </c>
      <c r="IU34" s="73">
        <v>155</v>
      </c>
      <c r="IV34" s="70">
        <v>27</v>
      </c>
      <c r="IW34" s="71">
        <v>36</v>
      </c>
      <c r="IX34" s="72">
        <v>63</v>
      </c>
      <c r="IY34" s="244"/>
      <c r="IZ34" s="71">
        <v>44</v>
      </c>
      <c r="JA34" s="71">
        <v>35</v>
      </c>
      <c r="JB34" s="71">
        <v>25</v>
      </c>
      <c r="JC34" s="71">
        <v>16</v>
      </c>
      <c r="JD34" s="71">
        <v>12</v>
      </c>
      <c r="JE34" s="72">
        <v>132</v>
      </c>
      <c r="JF34" s="73">
        <v>195</v>
      </c>
      <c r="JG34" s="70">
        <v>12</v>
      </c>
      <c r="JH34" s="71">
        <v>26</v>
      </c>
      <c r="JI34" s="72">
        <v>38</v>
      </c>
      <c r="JJ34" s="244"/>
      <c r="JK34" s="71">
        <v>48</v>
      </c>
      <c r="JL34" s="71">
        <v>45</v>
      </c>
      <c r="JM34" s="71">
        <v>50</v>
      </c>
      <c r="JN34" s="71">
        <v>35</v>
      </c>
      <c r="JO34" s="71">
        <v>30</v>
      </c>
      <c r="JP34" s="72">
        <v>208</v>
      </c>
      <c r="JQ34" s="73">
        <v>246</v>
      </c>
      <c r="JR34" s="70">
        <v>0</v>
      </c>
      <c r="JS34" s="71">
        <v>4</v>
      </c>
      <c r="JT34" s="72">
        <v>4</v>
      </c>
      <c r="JU34" s="244"/>
      <c r="JV34" s="71">
        <v>5</v>
      </c>
      <c r="JW34" s="71">
        <v>1</v>
      </c>
      <c r="JX34" s="71">
        <v>1</v>
      </c>
      <c r="JY34" s="71">
        <v>2</v>
      </c>
      <c r="JZ34" s="71">
        <v>2</v>
      </c>
      <c r="KA34" s="72">
        <v>11</v>
      </c>
      <c r="KB34" s="73">
        <v>15</v>
      </c>
      <c r="KC34" s="70">
        <v>72</v>
      </c>
      <c r="KD34" s="71">
        <v>124</v>
      </c>
      <c r="KE34" s="72">
        <v>196</v>
      </c>
      <c r="KF34" s="244"/>
      <c r="KG34" s="71">
        <v>175</v>
      </c>
      <c r="KH34" s="71">
        <v>141</v>
      </c>
      <c r="KI34" s="71">
        <v>123</v>
      </c>
      <c r="KJ34" s="71">
        <v>83</v>
      </c>
      <c r="KK34" s="71">
        <v>57</v>
      </c>
      <c r="KL34" s="72">
        <v>579</v>
      </c>
      <c r="KM34" s="73">
        <v>775</v>
      </c>
    </row>
    <row r="35" spans="2:299" ht="19.5" customHeight="1" x14ac:dyDescent="0.2">
      <c r="B35" s="126" t="s">
        <v>32</v>
      </c>
      <c r="C35" s="316">
        <v>33</v>
      </c>
      <c r="D35" s="82">
        <v>21</v>
      </c>
      <c r="E35" s="83">
        <v>54</v>
      </c>
      <c r="F35" s="241"/>
      <c r="G35" s="82">
        <v>64</v>
      </c>
      <c r="H35" s="82">
        <v>59</v>
      </c>
      <c r="I35" s="82">
        <v>37</v>
      </c>
      <c r="J35" s="82">
        <v>28</v>
      </c>
      <c r="K35" s="82">
        <v>22</v>
      </c>
      <c r="L35" s="84">
        <v>210</v>
      </c>
      <c r="M35" s="85">
        <v>264</v>
      </c>
      <c r="N35" s="70">
        <v>3</v>
      </c>
      <c r="O35" s="71">
        <v>2</v>
      </c>
      <c r="P35" s="72">
        <v>5</v>
      </c>
      <c r="Q35" s="244"/>
      <c r="R35" s="71">
        <v>5</v>
      </c>
      <c r="S35" s="71">
        <v>2</v>
      </c>
      <c r="T35" s="71">
        <v>1</v>
      </c>
      <c r="U35" s="71">
        <v>3</v>
      </c>
      <c r="V35" s="71">
        <v>1</v>
      </c>
      <c r="W35" s="72">
        <v>12</v>
      </c>
      <c r="X35" s="73">
        <v>17</v>
      </c>
      <c r="Y35" s="70">
        <v>10</v>
      </c>
      <c r="Z35" s="71">
        <v>1</v>
      </c>
      <c r="AA35" s="72">
        <v>11</v>
      </c>
      <c r="AB35" s="244"/>
      <c r="AC35" s="71">
        <v>4</v>
      </c>
      <c r="AD35" s="71">
        <v>3</v>
      </c>
      <c r="AE35" s="71">
        <v>5</v>
      </c>
      <c r="AF35" s="71">
        <v>4</v>
      </c>
      <c r="AG35" s="71">
        <v>3</v>
      </c>
      <c r="AH35" s="72">
        <v>19</v>
      </c>
      <c r="AI35" s="73">
        <v>30</v>
      </c>
      <c r="AJ35" s="70">
        <v>4</v>
      </c>
      <c r="AK35" s="71">
        <v>1</v>
      </c>
      <c r="AL35" s="72">
        <v>5</v>
      </c>
      <c r="AM35" s="244"/>
      <c r="AN35" s="71">
        <v>8</v>
      </c>
      <c r="AO35" s="71">
        <v>12</v>
      </c>
      <c r="AP35" s="71">
        <v>3</v>
      </c>
      <c r="AQ35" s="71">
        <v>2</v>
      </c>
      <c r="AR35" s="71">
        <v>7</v>
      </c>
      <c r="AS35" s="72">
        <v>32</v>
      </c>
      <c r="AT35" s="73">
        <v>37</v>
      </c>
      <c r="AU35" s="70">
        <v>7</v>
      </c>
      <c r="AV35" s="71">
        <v>5</v>
      </c>
      <c r="AW35" s="72">
        <v>12</v>
      </c>
      <c r="AX35" s="244"/>
      <c r="AY35" s="71">
        <v>18</v>
      </c>
      <c r="AZ35" s="71">
        <v>16</v>
      </c>
      <c r="BA35" s="71">
        <v>9</v>
      </c>
      <c r="BB35" s="71">
        <v>9</v>
      </c>
      <c r="BC35" s="71">
        <v>6</v>
      </c>
      <c r="BD35" s="72">
        <v>58</v>
      </c>
      <c r="BE35" s="73">
        <v>70</v>
      </c>
      <c r="BF35" s="70">
        <v>7</v>
      </c>
      <c r="BG35" s="71">
        <v>7</v>
      </c>
      <c r="BH35" s="72">
        <v>14</v>
      </c>
      <c r="BI35" s="244"/>
      <c r="BJ35" s="71">
        <v>19</v>
      </c>
      <c r="BK35" s="71">
        <v>15</v>
      </c>
      <c r="BL35" s="71">
        <v>12</v>
      </c>
      <c r="BM35" s="71">
        <v>7</v>
      </c>
      <c r="BN35" s="71">
        <v>4</v>
      </c>
      <c r="BO35" s="72">
        <v>57</v>
      </c>
      <c r="BP35" s="73">
        <v>71</v>
      </c>
      <c r="BQ35" s="70">
        <v>2</v>
      </c>
      <c r="BR35" s="71">
        <v>5</v>
      </c>
      <c r="BS35" s="72">
        <v>7</v>
      </c>
      <c r="BT35" s="244"/>
      <c r="BU35" s="71">
        <v>10</v>
      </c>
      <c r="BV35" s="71">
        <v>11</v>
      </c>
      <c r="BW35" s="71">
        <v>7</v>
      </c>
      <c r="BX35" s="71">
        <v>3</v>
      </c>
      <c r="BY35" s="71">
        <v>1</v>
      </c>
      <c r="BZ35" s="72">
        <v>32</v>
      </c>
      <c r="CA35" s="73">
        <v>39</v>
      </c>
      <c r="CB35" s="70">
        <v>1</v>
      </c>
      <c r="CC35" s="71">
        <v>1</v>
      </c>
      <c r="CD35" s="72">
        <v>2</v>
      </c>
      <c r="CE35" s="244"/>
      <c r="CF35" s="71">
        <v>6</v>
      </c>
      <c r="CG35" s="71">
        <v>4</v>
      </c>
      <c r="CH35" s="71">
        <v>2</v>
      </c>
      <c r="CI35" s="71">
        <v>2</v>
      </c>
      <c r="CJ35" s="71">
        <v>3</v>
      </c>
      <c r="CK35" s="72">
        <v>17</v>
      </c>
      <c r="CL35" s="73">
        <v>19</v>
      </c>
      <c r="CM35" s="70">
        <v>34</v>
      </c>
      <c r="CN35" s="71">
        <v>22</v>
      </c>
      <c r="CO35" s="72">
        <v>56</v>
      </c>
      <c r="CP35" s="244"/>
      <c r="CQ35" s="71">
        <v>70</v>
      </c>
      <c r="CR35" s="71">
        <v>63</v>
      </c>
      <c r="CS35" s="71">
        <v>39</v>
      </c>
      <c r="CT35" s="71">
        <v>30</v>
      </c>
      <c r="CU35" s="71">
        <v>25</v>
      </c>
      <c r="CV35" s="72">
        <v>227</v>
      </c>
      <c r="CW35" s="73">
        <v>283</v>
      </c>
      <c r="CX35" s="123">
        <v>45</v>
      </c>
      <c r="CY35" s="82">
        <v>62</v>
      </c>
      <c r="CZ35" s="83">
        <v>107</v>
      </c>
      <c r="DA35" s="241"/>
      <c r="DB35" s="82">
        <v>131</v>
      </c>
      <c r="DC35" s="82">
        <v>86</v>
      </c>
      <c r="DD35" s="82">
        <v>76</v>
      </c>
      <c r="DE35" s="82">
        <v>70</v>
      </c>
      <c r="DF35" s="82">
        <v>39</v>
      </c>
      <c r="DG35" s="84">
        <v>402</v>
      </c>
      <c r="DH35" s="85">
        <v>509</v>
      </c>
      <c r="DI35" s="70">
        <v>2</v>
      </c>
      <c r="DJ35" s="71">
        <v>2</v>
      </c>
      <c r="DK35" s="72">
        <v>4</v>
      </c>
      <c r="DL35" s="244"/>
      <c r="DM35" s="71">
        <v>2</v>
      </c>
      <c r="DN35" s="71">
        <v>3</v>
      </c>
      <c r="DO35" s="71">
        <v>1</v>
      </c>
      <c r="DP35" s="71">
        <v>1</v>
      </c>
      <c r="DQ35" s="71">
        <v>2</v>
      </c>
      <c r="DR35" s="72">
        <v>9</v>
      </c>
      <c r="DS35" s="73">
        <v>13</v>
      </c>
      <c r="DT35" s="70">
        <v>3</v>
      </c>
      <c r="DU35" s="71">
        <v>3</v>
      </c>
      <c r="DV35" s="72">
        <v>6</v>
      </c>
      <c r="DW35" s="244"/>
      <c r="DX35" s="71">
        <v>10</v>
      </c>
      <c r="DY35" s="71">
        <v>1</v>
      </c>
      <c r="DZ35" s="71">
        <v>3</v>
      </c>
      <c r="EA35" s="71">
        <v>4</v>
      </c>
      <c r="EB35" s="71">
        <v>2</v>
      </c>
      <c r="EC35" s="72">
        <v>20</v>
      </c>
      <c r="ED35" s="73">
        <v>26</v>
      </c>
      <c r="EE35" s="70">
        <v>6</v>
      </c>
      <c r="EF35" s="71">
        <v>9</v>
      </c>
      <c r="EG35" s="72">
        <v>15</v>
      </c>
      <c r="EH35" s="244"/>
      <c r="EI35" s="71">
        <v>16</v>
      </c>
      <c r="EJ35" s="71">
        <v>5</v>
      </c>
      <c r="EK35" s="71">
        <v>4</v>
      </c>
      <c r="EL35" s="71">
        <v>4</v>
      </c>
      <c r="EM35" s="71">
        <v>5</v>
      </c>
      <c r="EN35" s="72">
        <v>34</v>
      </c>
      <c r="EO35" s="73">
        <v>49</v>
      </c>
      <c r="EP35" s="70">
        <v>12</v>
      </c>
      <c r="EQ35" s="71">
        <v>15</v>
      </c>
      <c r="ER35" s="72">
        <v>27</v>
      </c>
      <c r="ES35" s="244"/>
      <c r="ET35" s="71">
        <v>30</v>
      </c>
      <c r="EU35" s="71">
        <v>24</v>
      </c>
      <c r="EV35" s="71">
        <v>14</v>
      </c>
      <c r="EW35" s="71">
        <v>8</v>
      </c>
      <c r="EX35" s="71">
        <v>10</v>
      </c>
      <c r="EY35" s="72">
        <v>86</v>
      </c>
      <c r="EZ35" s="73">
        <v>113</v>
      </c>
      <c r="FA35" s="70">
        <v>14</v>
      </c>
      <c r="FB35" s="71">
        <v>12</v>
      </c>
      <c r="FC35" s="72">
        <v>26</v>
      </c>
      <c r="FD35" s="244"/>
      <c r="FE35" s="71">
        <v>41</v>
      </c>
      <c r="FF35" s="71">
        <v>19</v>
      </c>
      <c r="FG35" s="71">
        <v>22</v>
      </c>
      <c r="FH35" s="71">
        <v>20</v>
      </c>
      <c r="FI35" s="71">
        <v>6</v>
      </c>
      <c r="FJ35" s="72">
        <v>108</v>
      </c>
      <c r="FK35" s="73">
        <v>134</v>
      </c>
      <c r="FL35" s="70">
        <v>8</v>
      </c>
      <c r="FM35" s="71">
        <v>21</v>
      </c>
      <c r="FN35" s="72">
        <v>29</v>
      </c>
      <c r="FO35" s="244"/>
      <c r="FP35" s="71">
        <v>32</v>
      </c>
      <c r="FQ35" s="71">
        <v>34</v>
      </c>
      <c r="FR35" s="71">
        <v>32</v>
      </c>
      <c r="FS35" s="71">
        <v>33</v>
      </c>
      <c r="FT35" s="71">
        <v>14</v>
      </c>
      <c r="FU35" s="72">
        <v>145</v>
      </c>
      <c r="FV35" s="73">
        <v>174</v>
      </c>
      <c r="FW35" s="70">
        <v>1</v>
      </c>
      <c r="FX35" s="71">
        <v>2</v>
      </c>
      <c r="FY35" s="72">
        <v>3</v>
      </c>
      <c r="FZ35" s="244"/>
      <c r="GA35" s="71">
        <v>3</v>
      </c>
      <c r="GB35" s="71">
        <v>2</v>
      </c>
      <c r="GC35" s="71">
        <v>1</v>
      </c>
      <c r="GD35" s="71">
        <v>0</v>
      </c>
      <c r="GE35" s="71">
        <v>3</v>
      </c>
      <c r="GF35" s="72">
        <v>9</v>
      </c>
      <c r="GG35" s="73">
        <v>12</v>
      </c>
      <c r="GH35" s="70">
        <v>46</v>
      </c>
      <c r="GI35" s="71">
        <v>64</v>
      </c>
      <c r="GJ35" s="72">
        <v>110</v>
      </c>
      <c r="GK35" s="244"/>
      <c r="GL35" s="71">
        <v>134</v>
      </c>
      <c r="GM35" s="71">
        <v>88</v>
      </c>
      <c r="GN35" s="71">
        <v>77</v>
      </c>
      <c r="GO35" s="71">
        <v>70</v>
      </c>
      <c r="GP35" s="71">
        <v>42</v>
      </c>
      <c r="GQ35" s="72">
        <v>411</v>
      </c>
      <c r="GR35" s="73">
        <v>521</v>
      </c>
      <c r="GS35" s="123">
        <v>78</v>
      </c>
      <c r="GT35" s="82">
        <v>83</v>
      </c>
      <c r="GU35" s="83">
        <v>161</v>
      </c>
      <c r="GV35" s="241"/>
      <c r="GW35" s="82">
        <v>195</v>
      </c>
      <c r="GX35" s="82">
        <v>145</v>
      </c>
      <c r="GY35" s="82">
        <v>113</v>
      </c>
      <c r="GZ35" s="82">
        <v>98</v>
      </c>
      <c r="HA35" s="82">
        <v>61</v>
      </c>
      <c r="HB35" s="84">
        <v>612</v>
      </c>
      <c r="HC35" s="85">
        <v>773</v>
      </c>
      <c r="HD35" s="70">
        <v>5</v>
      </c>
      <c r="HE35" s="71">
        <v>4</v>
      </c>
      <c r="HF35" s="72">
        <v>9</v>
      </c>
      <c r="HG35" s="244"/>
      <c r="HH35" s="71">
        <v>7</v>
      </c>
      <c r="HI35" s="71">
        <v>5</v>
      </c>
      <c r="HJ35" s="71">
        <v>2</v>
      </c>
      <c r="HK35" s="71">
        <v>4</v>
      </c>
      <c r="HL35" s="71">
        <v>3</v>
      </c>
      <c r="HM35" s="72">
        <v>21</v>
      </c>
      <c r="HN35" s="73">
        <v>30</v>
      </c>
      <c r="HO35" s="70">
        <v>13</v>
      </c>
      <c r="HP35" s="71">
        <v>4</v>
      </c>
      <c r="HQ35" s="72">
        <v>17</v>
      </c>
      <c r="HR35" s="244"/>
      <c r="HS35" s="71">
        <v>14</v>
      </c>
      <c r="HT35" s="71">
        <v>4</v>
      </c>
      <c r="HU35" s="71">
        <v>8</v>
      </c>
      <c r="HV35" s="71">
        <v>8</v>
      </c>
      <c r="HW35" s="71">
        <v>5</v>
      </c>
      <c r="HX35" s="72">
        <v>39</v>
      </c>
      <c r="HY35" s="73">
        <v>56</v>
      </c>
      <c r="HZ35" s="70">
        <v>10</v>
      </c>
      <c r="IA35" s="71">
        <v>10</v>
      </c>
      <c r="IB35" s="72">
        <v>20</v>
      </c>
      <c r="IC35" s="244"/>
      <c r="ID35" s="71">
        <v>24</v>
      </c>
      <c r="IE35" s="71">
        <v>17</v>
      </c>
      <c r="IF35" s="71">
        <v>7</v>
      </c>
      <c r="IG35" s="71">
        <v>6</v>
      </c>
      <c r="IH35" s="71">
        <v>12</v>
      </c>
      <c r="II35" s="72">
        <v>66</v>
      </c>
      <c r="IJ35" s="73">
        <v>86</v>
      </c>
      <c r="IK35" s="70">
        <v>19</v>
      </c>
      <c r="IL35" s="71">
        <v>20</v>
      </c>
      <c r="IM35" s="72">
        <v>39</v>
      </c>
      <c r="IN35" s="244"/>
      <c r="IO35" s="71">
        <v>48</v>
      </c>
      <c r="IP35" s="71">
        <v>40</v>
      </c>
      <c r="IQ35" s="71">
        <v>23</v>
      </c>
      <c r="IR35" s="71">
        <v>17</v>
      </c>
      <c r="IS35" s="71">
        <v>16</v>
      </c>
      <c r="IT35" s="72">
        <v>144</v>
      </c>
      <c r="IU35" s="73">
        <v>183</v>
      </c>
      <c r="IV35" s="70">
        <v>21</v>
      </c>
      <c r="IW35" s="71">
        <v>19</v>
      </c>
      <c r="IX35" s="72">
        <v>40</v>
      </c>
      <c r="IY35" s="244"/>
      <c r="IZ35" s="71">
        <v>60</v>
      </c>
      <c r="JA35" s="71">
        <v>34</v>
      </c>
      <c r="JB35" s="71">
        <v>34</v>
      </c>
      <c r="JC35" s="71">
        <v>27</v>
      </c>
      <c r="JD35" s="71">
        <v>10</v>
      </c>
      <c r="JE35" s="72">
        <v>165</v>
      </c>
      <c r="JF35" s="73">
        <v>205</v>
      </c>
      <c r="JG35" s="70">
        <v>10</v>
      </c>
      <c r="JH35" s="71">
        <v>26</v>
      </c>
      <c r="JI35" s="72">
        <v>36</v>
      </c>
      <c r="JJ35" s="244"/>
      <c r="JK35" s="71">
        <v>42</v>
      </c>
      <c r="JL35" s="71">
        <v>45</v>
      </c>
      <c r="JM35" s="71">
        <v>39</v>
      </c>
      <c r="JN35" s="71">
        <v>36</v>
      </c>
      <c r="JO35" s="71">
        <v>15</v>
      </c>
      <c r="JP35" s="72">
        <v>177</v>
      </c>
      <c r="JQ35" s="73">
        <v>213</v>
      </c>
      <c r="JR35" s="70">
        <v>2</v>
      </c>
      <c r="JS35" s="71">
        <v>3</v>
      </c>
      <c r="JT35" s="72">
        <v>5</v>
      </c>
      <c r="JU35" s="244"/>
      <c r="JV35" s="71">
        <v>9</v>
      </c>
      <c r="JW35" s="71">
        <v>6</v>
      </c>
      <c r="JX35" s="71">
        <v>3</v>
      </c>
      <c r="JY35" s="71">
        <v>2</v>
      </c>
      <c r="JZ35" s="71">
        <v>6</v>
      </c>
      <c r="KA35" s="72">
        <v>26</v>
      </c>
      <c r="KB35" s="73">
        <v>31</v>
      </c>
      <c r="KC35" s="70">
        <v>80</v>
      </c>
      <c r="KD35" s="71">
        <v>86</v>
      </c>
      <c r="KE35" s="72">
        <v>166</v>
      </c>
      <c r="KF35" s="244"/>
      <c r="KG35" s="71">
        <v>204</v>
      </c>
      <c r="KH35" s="71">
        <v>151</v>
      </c>
      <c r="KI35" s="71">
        <v>116</v>
      </c>
      <c r="KJ35" s="71">
        <v>100</v>
      </c>
      <c r="KK35" s="71">
        <v>67</v>
      </c>
      <c r="KL35" s="72">
        <v>638</v>
      </c>
      <c r="KM35" s="73">
        <v>804</v>
      </c>
    </row>
    <row r="36" spans="2:299" ht="19.5" customHeight="1" x14ac:dyDescent="0.2">
      <c r="B36" s="126" t="s">
        <v>33</v>
      </c>
      <c r="C36" s="316">
        <v>34</v>
      </c>
      <c r="D36" s="82">
        <v>18</v>
      </c>
      <c r="E36" s="83">
        <v>52</v>
      </c>
      <c r="F36" s="241"/>
      <c r="G36" s="82">
        <v>59</v>
      </c>
      <c r="H36" s="82">
        <v>43</v>
      </c>
      <c r="I36" s="82">
        <v>30</v>
      </c>
      <c r="J36" s="82">
        <v>26</v>
      </c>
      <c r="K36" s="82">
        <v>14</v>
      </c>
      <c r="L36" s="84">
        <v>172</v>
      </c>
      <c r="M36" s="85">
        <v>224</v>
      </c>
      <c r="N36" s="70">
        <v>1</v>
      </c>
      <c r="O36" s="71">
        <v>1</v>
      </c>
      <c r="P36" s="72">
        <v>2</v>
      </c>
      <c r="Q36" s="244"/>
      <c r="R36" s="71">
        <v>3</v>
      </c>
      <c r="S36" s="71">
        <v>1</v>
      </c>
      <c r="T36" s="71">
        <v>3</v>
      </c>
      <c r="U36" s="71">
        <v>2</v>
      </c>
      <c r="V36" s="71">
        <v>0</v>
      </c>
      <c r="W36" s="72">
        <v>9</v>
      </c>
      <c r="X36" s="73">
        <v>11</v>
      </c>
      <c r="Y36" s="70">
        <v>5</v>
      </c>
      <c r="Z36" s="71">
        <v>5</v>
      </c>
      <c r="AA36" s="72">
        <v>10</v>
      </c>
      <c r="AB36" s="244"/>
      <c r="AC36" s="71">
        <v>5</v>
      </c>
      <c r="AD36" s="71">
        <v>10</v>
      </c>
      <c r="AE36" s="71">
        <v>4</v>
      </c>
      <c r="AF36" s="71">
        <v>9</v>
      </c>
      <c r="AG36" s="71">
        <v>5</v>
      </c>
      <c r="AH36" s="72">
        <v>33</v>
      </c>
      <c r="AI36" s="73">
        <v>43</v>
      </c>
      <c r="AJ36" s="70">
        <v>7</v>
      </c>
      <c r="AK36" s="71">
        <v>3</v>
      </c>
      <c r="AL36" s="72">
        <v>10</v>
      </c>
      <c r="AM36" s="244"/>
      <c r="AN36" s="71">
        <v>12</v>
      </c>
      <c r="AO36" s="71">
        <v>6</v>
      </c>
      <c r="AP36" s="71">
        <v>7</v>
      </c>
      <c r="AQ36" s="71">
        <v>5</v>
      </c>
      <c r="AR36" s="71">
        <v>4</v>
      </c>
      <c r="AS36" s="72">
        <v>34</v>
      </c>
      <c r="AT36" s="73">
        <v>44</v>
      </c>
      <c r="AU36" s="70">
        <v>6</v>
      </c>
      <c r="AV36" s="71">
        <v>6</v>
      </c>
      <c r="AW36" s="72">
        <v>12</v>
      </c>
      <c r="AX36" s="244"/>
      <c r="AY36" s="71">
        <v>18</v>
      </c>
      <c r="AZ36" s="71">
        <v>14</v>
      </c>
      <c r="BA36" s="71">
        <v>4</v>
      </c>
      <c r="BB36" s="71">
        <v>3</v>
      </c>
      <c r="BC36" s="71">
        <v>1</v>
      </c>
      <c r="BD36" s="72">
        <v>40</v>
      </c>
      <c r="BE36" s="73">
        <v>52</v>
      </c>
      <c r="BF36" s="70">
        <v>7</v>
      </c>
      <c r="BG36" s="71">
        <v>1</v>
      </c>
      <c r="BH36" s="72">
        <v>8</v>
      </c>
      <c r="BI36" s="244"/>
      <c r="BJ36" s="71">
        <v>11</v>
      </c>
      <c r="BK36" s="71">
        <v>6</v>
      </c>
      <c r="BL36" s="71">
        <v>9</v>
      </c>
      <c r="BM36" s="71">
        <v>4</v>
      </c>
      <c r="BN36" s="71">
        <v>3</v>
      </c>
      <c r="BO36" s="72">
        <v>33</v>
      </c>
      <c r="BP36" s="73">
        <v>41</v>
      </c>
      <c r="BQ36" s="70">
        <v>8</v>
      </c>
      <c r="BR36" s="71">
        <v>2</v>
      </c>
      <c r="BS36" s="72">
        <v>10</v>
      </c>
      <c r="BT36" s="244"/>
      <c r="BU36" s="71">
        <v>10</v>
      </c>
      <c r="BV36" s="71">
        <v>6</v>
      </c>
      <c r="BW36" s="71">
        <v>3</v>
      </c>
      <c r="BX36" s="71">
        <v>3</v>
      </c>
      <c r="BY36" s="71">
        <v>1</v>
      </c>
      <c r="BZ36" s="72">
        <v>23</v>
      </c>
      <c r="CA36" s="73">
        <v>33</v>
      </c>
      <c r="CB36" s="70">
        <v>1</v>
      </c>
      <c r="CC36" s="71">
        <v>0</v>
      </c>
      <c r="CD36" s="72">
        <v>1</v>
      </c>
      <c r="CE36" s="244"/>
      <c r="CF36" s="71">
        <v>2</v>
      </c>
      <c r="CG36" s="71">
        <v>1</v>
      </c>
      <c r="CH36" s="71">
        <v>0</v>
      </c>
      <c r="CI36" s="71">
        <v>0</v>
      </c>
      <c r="CJ36" s="71">
        <v>1</v>
      </c>
      <c r="CK36" s="72">
        <v>4</v>
      </c>
      <c r="CL36" s="73">
        <v>5</v>
      </c>
      <c r="CM36" s="70">
        <v>35</v>
      </c>
      <c r="CN36" s="71">
        <v>18</v>
      </c>
      <c r="CO36" s="72">
        <v>53</v>
      </c>
      <c r="CP36" s="244"/>
      <c r="CQ36" s="71">
        <v>61</v>
      </c>
      <c r="CR36" s="71">
        <v>44</v>
      </c>
      <c r="CS36" s="71">
        <v>30</v>
      </c>
      <c r="CT36" s="71">
        <v>26</v>
      </c>
      <c r="CU36" s="71">
        <v>15</v>
      </c>
      <c r="CV36" s="72">
        <v>176</v>
      </c>
      <c r="CW36" s="73">
        <v>229</v>
      </c>
      <c r="CX36" s="123">
        <v>60</v>
      </c>
      <c r="CY36" s="82">
        <v>67</v>
      </c>
      <c r="CZ36" s="83">
        <v>127</v>
      </c>
      <c r="DA36" s="241"/>
      <c r="DB36" s="82">
        <v>115</v>
      </c>
      <c r="DC36" s="82">
        <v>82</v>
      </c>
      <c r="DD36" s="82">
        <v>73</v>
      </c>
      <c r="DE36" s="82">
        <v>76</v>
      </c>
      <c r="DF36" s="82">
        <v>55</v>
      </c>
      <c r="DG36" s="84">
        <v>401</v>
      </c>
      <c r="DH36" s="85">
        <v>528</v>
      </c>
      <c r="DI36" s="70">
        <v>3</v>
      </c>
      <c r="DJ36" s="71">
        <v>2</v>
      </c>
      <c r="DK36" s="72">
        <v>5</v>
      </c>
      <c r="DL36" s="244"/>
      <c r="DM36" s="71">
        <v>1</v>
      </c>
      <c r="DN36" s="71">
        <v>2</v>
      </c>
      <c r="DO36" s="71">
        <v>2</v>
      </c>
      <c r="DP36" s="71">
        <v>2</v>
      </c>
      <c r="DQ36" s="71">
        <v>3</v>
      </c>
      <c r="DR36" s="72">
        <v>10</v>
      </c>
      <c r="DS36" s="73">
        <v>15</v>
      </c>
      <c r="DT36" s="70">
        <v>7</v>
      </c>
      <c r="DU36" s="71">
        <v>7</v>
      </c>
      <c r="DV36" s="72">
        <v>14</v>
      </c>
      <c r="DW36" s="244"/>
      <c r="DX36" s="71">
        <v>3</v>
      </c>
      <c r="DY36" s="71">
        <v>5</v>
      </c>
      <c r="DZ36" s="71">
        <v>5</v>
      </c>
      <c r="EA36" s="71">
        <v>3</v>
      </c>
      <c r="EB36" s="71">
        <v>2</v>
      </c>
      <c r="EC36" s="72">
        <v>18</v>
      </c>
      <c r="ED36" s="73">
        <v>32</v>
      </c>
      <c r="EE36" s="70">
        <v>4</v>
      </c>
      <c r="EF36" s="71">
        <v>6</v>
      </c>
      <c r="EG36" s="72">
        <v>10</v>
      </c>
      <c r="EH36" s="244"/>
      <c r="EI36" s="71">
        <v>14</v>
      </c>
      <c r="EJ36" s="71">
        <v>8</v>
      </c>
      <c r="EK36" s="71">
        <v>8</v>
      </c>
      <c r="EL36" s="71">
        <v>6</v>
      </c>
      <c r="EM36" s="71">
        <v>8</v>
      </c>
      <c r="EN36" s="72">
        <v>44</v>
      </c>
      <c r="EO36" s="73">
        <v>54</v>
      </c>
      <c r="EP36" s="70">
        <v>9</v>
      </c>
      <c r="EQ36" s="71">
        <v>11</v>
      </c>
      <c r="ER36" s="72">
        <v>20</v>
      </c>
      <c r="ES36" s="244"/>
      <c r="ET36" s="71">
        <v>29</v>
      </c>
      <c r="EU36" s="71">
        <v>19</v>
      </c>
      <c r="EV36" s="71">
        <v>10</v>
      </c>
      <c r="EW36" s="71">
        <v>20</v>
      </c>
      <c r="EX36" s="71">
        <v>8</v>
      </c>
      <c r="EY36" s="72">
        <v>86</v>
      </c>
      <c r="EZ36" s="73">
        <v>106</v>
      </c>
      <c r="FA36" s="70">
        <v>27</v>
      </c>
      <c r="FB36" s="71">
        <v>23</v>
      </c>
      <c r="FC36" s="72">
        <v>50</v>
      </c>
      <c r="FD36" s="244"/>
      <c r="FE36" s="71">
        <v>33</v>
      </c>
      <c r="FF36" s="71">
        <v>17</v>
      </c>
      <c r="FG36" s="71">
        <v>20</v>
      </c>
      <c r="FH36" s="71">
        <v>14</v>
      </c>
      <c r="FI36" s="71">
        <v>14</v>
      </c>
      <c r="FJ36" s="72">
        <v>98</v>
      </c>
      <c r="FK36" s="73">
        <v>148</v>
      </c>
      <c r="FL36" s="70">
        <v>10</v>
      </c>
      <c r="FM36" s="71">
        <v>18</v>
      </c>
      <c r="FN36" s="72">
        <v>28</v>
      </c>
      <c r="FO36" s="244"/>
      <c r="FP36" s="71">
        <v>35</v>
      </c>
      <c r="FQ36" s="71">
        <v>31</v>
      </c>
      <c r="FR36" s="71">
        <v>28</v>
      </c>
      <c r="FS36" s="71">
        <v>31</v>
      </c>
      <c r="FT36" s="71">
        <v>20</v>
      </c>
      <c r="FU36" s="72">
        <v>145</v>
      </c>
      <c r="FV36" s="73">
        <v>173</v>
      </c>
      <c r="FW36" s="70">
        <v>0</v>
      </c>
      <c r="FX36" s="71">
        <v>0</v>
      </c>
      <c r="FY36" s="72">
        <v>0</v>
      </c>
      <c r="FZ36" s="244"/>
      <c r="GA36" s="71">
        <v>1</v>
      </c>
      <c r="GB36" s="71">
        <v>0</v>
      </c>
      <c r="GC36" s="71">
        <v>0</v>
      </c>
      <c r="GD36" s="71">
        <v>1</v>
      </c>
      <c r="GE36" s="71">
        <v>1</v>
      </c>
      <c r="GF36" s="72">
        <v>3</v>
      </c>
      <c r="GG36" s="73">
        <v>3</v>
      </c>
      <c r="GH36" s="70">
        <v>60</v>
      </c>
      <c r="GI36" s="71">
        <v>67</v>
      </c>
      <c r="GJ36" s="72">
        <v>127</v>
      </c>
      <c r="GK36" s="244"/>
      <c r="GL36" s="71">
        <v>116</v>
      </c>
      <c r="GM36" s="71">
        <v>82</v>
      </c>
      <c r="GN36" s="71">
        <v>73</v>
      </c>
      <c r="GO36" s="71">
        <v>77</v>
      </c>
      <c r="GP36" s="71">
        <v>56</v>
      </c>
      <c r="GQ36" s="72">
        <v>404</v>
      </c>
      <c r="GR36" s="73">
        <v>531</v>
      </c>
      <c r="GS36" s="123">
        <v>94</v>
      </c>
      <c r="GT36" s="82">
        <v>85</v>
      </c>
      <c r="GU36" s="83">
        <v>179</v>
      </c>
      <c r="GV36" s="241"/>
      <c r="GW36" s="82">
        <v>174</v>
      </c>
      <c r="GX36" s="82">
        <v>125</v>
      </c>
      <c r="GY36" s="82">
        <v>103</v>
      </c>
      <c r="GZ36" s="82">
        <v>102</v>
      </c>
      <c r="HA36" s="82">
        <v>69</v>
      </c>
      <c r="HB36" s="84">
        <v>573</v>
      </c>
      <c r="HC36" s="85">
        <v>752</v>
      </c>
      <c r="HD36" s="70">
        <v>4</v>
      </c>
      <c r="HE36" s="71">
        <v>3</v>
      </c>
      <c r="HF36" s="72">
        <v>7</v>
      </c>
      <c r="HG36" s="244"/>
      <c r="HH36" s="71">
        <v>4</v>
      </c>
      <c r="HI36" s="71">
        <v>3</v>
      </c>
      <c r="HJ36" s="71">
        <v>5</v>
      </c>
      <c r="HK36" s="71">
        <v>4</v>
      </c>
      <c r="HL36" s="71">
        <v>3</v>
      </c>
      <c r="HM36" s="72">
        <v>19</v>
      </c>
      <c r="HN36" s="73">
        <v>26</v>
      </c>
      <c r="HO36" s="70">
        <v>12</v>
      </c>
      <c r="HP36" s="71">
        <v>12</v>
      </c>
      <c r="HQ36" s="72">
        <v>24</v>
      </c>
      <c r="HR36" s="244"/>
      <c r="HS36" s="71">
        <v>8</v>
      </c>
      <c r="HT36" s="71">
        <v>15</v>
      </c>
      <c r="HU36" s="71">
        <v>9</v>
      </c>
      <c r="HV36" s="71">
        <v>12</v>
      </c>
      <c r="HW36" s="71">
        <v>7</v>
      </c>
      <c r="HX36" s="72">
        <v>51</v>
      </c>
      <c r="HY36" s="73">
        <v>75</v>
      </c>
      <c r="HZ36" s="70">
        <v>11</v>
      </c>
      <c r="IA36" s="71">
        <v>9</v>
      </c>
      <c r="IB36" s="72">
        <v>20</v>
      </c>
      <c r="IC36" s="244"/>
      <c r="ID36" s="71">
        <v>26</v>
      </c>
      <c r="IE36" s="71">
        <v>14</v>
      </c>
      <c r="IF36" s="71">
        <v>15</v>
      </c>
      <c r="IG36" s="71">
        <v>11</v>
      </c>
      <c r="IH36" s="71">
        <v>12</v>
      </c>
      <c r="II36" s="72">
        <v>78</v>
      </c>
      <c r="IJ36" s="73">
        <v>98</v>
      </c>
      <c r="IK36" s="70">
        <v>15</v>
      </c>
      <c r="IL36" s="71">
        <v>17</v>
      </c>
      <c r="IM36" s="72">
        <v>32</v>
      </c>
      <c r="IN36" s="244"/>
      <c r="IO36" s="71">
        <v>47</v>
      </c>
      <c r="IP36" s="71">
        <v>33</v>
      </c>
      <c r="IQ36" s="71">
        <v>14</v>
      </c>
      <c r="IR36" s="71">
        <v>23</v>
      </c>
      <c r="IS36" s="71">
        <v>9</v>
      </c>
      <c r="IT36" s="72">
        <v>126</v>
      </c>
      <c r="IU36" s="73">
        <v>158</v>
      </c>
      <c r="IV36" s="70">
        <v>34</v>
      </c>
      <c r="IW36" s="71">
        <v>24</v>
      </c>
      <c r="IX36" s="72">
        <v>58</v>
      </c>
      <c r="IY36" s="244"/>
      <c r="IZ36" s="71">
        <v>44</v>
      </c>
      <c r="JA36" s="71">
        <v>23</v>
      </c>
      <c r="JB36" s="71">
        <v>29</v>
      </c>
      <c r="JC36" s="71">
        <v>18</v>
      </c>
      <c r="JD36" s="71">
        <v>17</v>
      </c>
      <c r="JE36" s="72">
        <v>131</v>
      </c>
      <c r="JF36" s="73">
        <v>189</v>
      </c>
      <c r="JG36" s="70">
        <v>18</v>
      </c>
      <c r="JH36" s="71">
        <v>20</v>
      </c>
      <c r="JI36" s="72">
        <v>38</v>
      </c>
      <c r="JJ36" s="244"/>
      <c r="JK36" s="71">
        <v>45</v>
      </c>
      <c r="JL36" s="71">
        <v>37</v>
      </c>
      <c r="JM36" s="71">
        <v>31</v>
      </c>
      <c r="JN36" s="71">
        <v>34</v>
      </c>
      <c r="JO36" s="71">
        <v>21</v>
      </c>
      <c r="JP36" s="72">
        <v>168</v>
      </c>
      <c r="JQ36" s="73">
        <v>206</v>
      </c>
      <c r="JR36" s="70">
        <v>1</v>
      </c>
      <c r="JS36" s="71">
        <v>0</v>
      </c>
      <c r="JT36" s="72">
        <v>1</v>
      </c>
      <c r="JU36" s="244"/>
      <c r="JV36" s="71">
        <v>3</v>
      </c>
      <c r="JW36" s="71">
        <v>1</v>
      </c>
      <c r="JX36" s="71">
        <v>0</v>
      </c>
      <c r="JY36" s="71">
        <v>1</v>
      </c>
      <c r="JZ36" s="71">
        <v>2</v>
      </c>
      <c r="KA36" s="72">
        <v>7</v>
      </c>
      <c r="KB36" s="73">
        <v>8</v>
      </c>
      <c r="KC36" s="70">
        <v>95</v>
      </c>
      <c r="KD36" s="71">
        <v>85</v>
      </c>
      <c r="KE36" s="72">
        <v>180</v>
      </c>
      <c r="KF36" s="244"/>
      <c r="KG36" s="71">
        <v>177</v>
      </c>
      <c r="KH36" s="71">
        <v>126</v>
      </c>
      <c r="KI36" s="71">
        <v>103</v>
      </c>
      <c r="KJ36" s="71">
        <v>103</v>
      </c>
      <c r="KK36" s="71">
        <v>71</v>
      </c>
      <c r="KL36" s="72">
        <v>580</v>
      </c>
      <c r="KM36" s="73">
        <v>760</v>
      </c>
    </row>
    <row r="37" spans="2:299" ht="19.5" customHeight="1" x14ac:dyDescent="0.2">
      <c r="B37" s="126" t="s">
        <v>34</v>
      </c>
      <c r="C37" s="316">
        <v>20</v>
      </c>
      <c r="D37" s="82">
        <v>18</v>
      </c>
      <c r="E37" s="83">
        <v>38</v>
      </c>
      <c r="F37" s="241"/>
      <c r="G37" s="82">
        <v>39</v>
      </c>
      <c r="H37" s="82">
        <v>32</v>
      </c>
      <c r="I37" s="82">
        <v>16</v>
      </c>
      <c r="J37" s="82">
        <v>27</v>
      </c>
      <c r="K37" s="82">
        <v>9</v>
      </c>
      <c r="L37" s="84">
        <v>123</v>
      </c>
      <c r="M37" s="85">
        <v>161</v>
      </c>
      <c r="N37" s="70">
        <v>0</v>
      </c>
      <c r="O37" s="71">
        <v>5</v>
      </c>
      <c r="P37" s="72">
        <v>5</v>
      </c>
      <c r="Q37" s="244"/>
      <c r="R37" s="71">
        <v>1</v>
      </c>
      <c r="S37" s="71">
        <v>2</v>
      </c>
      <c r="T37" s="71">
        <v>1</v>
      </c>
      <c r="U37" s="71">
        <v>3</v>
      </c>
      <c r="V37" s="71">
        <v>0</v>
      </c>
      <c r="W37" s="72">
        <v>7</v>
      </c>
      <c r="X37" s="73">
        <v>12</v>
      </c>
      <c r="Y37" s="70">
        <v>1</v>
      </c>
      <c r="Z37" s="71">
        <v>2</v>
      </c>
      <c r="AA37" s="72">
        <v>3</v>
      </c>
      <c r="AB37" s="244"/>
      <c r="AC37" s="71">
        <v>2</v>
      </c>
      <c r="AD37" s="71">
        <v>2</v>
      </c>
      <c r="AE37" s="71">
        <v>2</v>
      </c>
      <c r="AF37" s="71">
        <v>3</v>
      </c>
      <c r="AG37" s="71">
        <v>1</v>
      </c>
      <c r="AH37" s="72">
        <v>10</v>
      </c>
      <c r="AI37" s="73">
        <v>13</v>
      </c>
      <c r="AJ37" s="70">
        <v>2</v>
      </c>
      <c r="AK37" s="71">
        <v>3</v>
      </c>
      <c r="AL37" s="72">
        <v>5</v>
      </c>
      <c r="AM37" s="244"/>
      <c r="AN37" s="71">
        <v>5</v>
      </c>
      <c r="AO37" s="71">
        <v>4</v>
      </c>
      <c r="AP37" s="71">
        <v>4</v>
      </c>
      <c r="AQ37" s="71">
        <v>6</v>
      </c>
      <c r="AR37" s="71">
        <v>3</v>
      </c>
      <c r="AS37" s="72">
        <v>22</v>
      </c>
      <c r="AT37" s="73">
        <v>27</v>
      </c>
      <c r="AU37" s="70">
        <v>9</v>
      </c>
      <c r="AV37" s="71">
        <v>2</v>
      </c>
      <c r="AW37" s="72">
        <v>11</v>
      </c>
      <c r="AX37" s="244"/>
      <c r="AY37" s="71">
        <v>11</v>
      </c>
      <c r="AZ37" s="71">
        <v>10</v>
      </c>
      <c r="BA37" s="71">
        <v>3</v>
      </c>
      <c r="BB37" s="71">
        <v>5</v>
      </c>
      <c r="BC37" s="71">
        <v>2</v>
      </c>
      <c r="BD37" s="72">
        <v>31</v>
      </c>
      <c r="BE37" s="73">
        <v>42</v>
      </c>
      <c r="BF37" s="70">
        <v>6</v>
      </c>
      <c r="BG37" s="71">
        <v>5</v>
      </c>
      <c r="BH37" s="72">
        <v>11</v>
      </c>
      <c r="BI37" s="244"/>
      <c r="BJ37" s="71">
        <v>12</v>
      </c>
      <c r="BK37" s="71">
        <v>6</v>
      </c>
      <c r="BL37" s="71">
        <v>5</v>
      </c>
      <c r="BM37" s="71">
        <v>8</v>
      </c>
      <c r="BN37" s="71">
        <v>3</v>
      </c>
      <c r="BO37" s="72">
        <v>34</v>
      </c>
      <c r="BP37" s="73">
        <v>45</v>
      </c>
      <c r="BQ37" s="70">
        <v>2</v>
      </c>
      <c r="BR37" s="71">
        <v>1</v>
      </c>
      <c r="BS37" s="72">
        <v>3</v>
      </c>
      <c r="BT37" s="244"/>
      <c r="BU37" s="71">
        <v>8</v>
      </c>
      <c r="BV37" s="71">
        <v>8</v>
      </c>
      <c r="BW37" s="71">
        <v>1</v>
      </c>
      <c r="BX37" s="71">
        <v>2</v>
      </c>
      <c r="BY37" s="71">
        <v>0</v>
      </c>
      <c r="BZ37" s="72">
        <v>19</v>
      </c>
      <c r="CA37" s="73">
        <v>22</v>
      </c>
      <c r="CB37" s="70">
        <v>0</v>
      </c>
      <c r="CC37" s="71">
        <v>0</v>
      </c>
      <c r="CD37" s="72">
        <v>0</v>
      </c>
      <c r="CE37" s="244"/>
      <c r="CF37" s="71">
        <v>3</v>
      </c>
      <c r="CG37" s="71">
        <v>1</v>
      </c>
      <c r="CH37" s="71">
        <v>1</v>
      </c>
      <c r="CI37" s="71">
        <v>1</v>
      </c>
      <c r="CJ37" s="71">
        <v>2</v>
      </c>
      <c r="CK37" s="72">
        <v>8</v>
      </c>
      <c r="CL37" s="73">
        <v>8</v>
      </c>
      <c r="CM37" s="70">
        <v>20</v>
      </c>
      <c r="CN37" s="71">
        <v>18</v>
      </c>
      <c r="CO37" s="72">
        <v>38</v>
      </c>
      <c r="CP37" s="244"/>
      <c r="CQ37" s="71">
        <v>42</v>
      </c>
      <c r="CR37" s="71">
        <v>33</v>
      </c>
      <c r="CS37" s="71">
        <v>17</v>
      </c>
      <c r="CT37" s="71">
        <v>28</v>
      </c>
      <c r="CU37" s="71">
        <v>11</v>
      </c>
      <c r="CV37" s="72">
        <v>131</v>
      </c>
      <c r="CW37" s="73">
        <v>169</v>
      </c>
      <c r="CX37" s="123">
        <v>46</v>
      </c>
      <c r="CY37" s="82">
        <v>37</v>
      </c>
      <c r="CZ37" s="83">
        <v>83</v>
      </c>
      <c r="DA37" s="241"/>
      <c r="DB37" s="82">
        <v>85</v>
      </c>
      <c r="DC37" s="82">
        <v>63</v>
      </c>
      <c r="DD37" s="82">
        <v>45</v>
      </c>
      <c r="DE37" s="82">
        <v>52</v>
      </c>
      <c r="DF37" s="82">
        <v>29</v>
      </c>
      <c r="DG37" s="84">
        <v>274</v>
      </c>
      <c r="DH37" s="85">
        <v>357</v>
      </c>
      <c r="DI37" s="70">
        <v>1</v>
      </c>
      <c r="DJ37" s="71">
        <v>0</v>
      </c>
      <c r="DK37" s="72">
        <v>1</v>
      </c>
      <c r="DL37" s="244"/>
      <c r="DM37" s="71">
        <v>1</v>
      </c>
      <c r="DN37" s="71">
        <v>1</v>
      </c>
      <c r="DO37" s="71">
        <v>2</v>
      </c>
      <c r="DP37" s="71">
        <v>1</v>
      </c>
      <c r="DQ37" s="71">
        <v>0</v>
      </c>
      <c r="DR37" s="72">
        <v>5</v>
      </c>
      <c r="DS37" s="73">
        <v>6</v>
      </c>
      <c r="DT37" s="70">
        <v>3</v>
      </c>
      <c r="DU37" s="71">
        <v>0</v>
      </c>
      <c r="DV37" s="72">
        <v>3</v>
      </c>
      <c r="DW37" s="244"/>
      <c r="DX37" s="71">
        <v>5</v>
      </c>
      <c r="DY37" s="71">
        <v>3</v>
      </c>
      <c r="DZ37" s="71">
        <v>1</v>
      </c>
      <c r="EA37" s="71">
        <v>0</v>
      </c>
      <c r="EB37" s="71">
        <v>4</v>
      </c>
      <c r="EC37" s="72">
        <v>13</v>
      </c>
      <c r="ED37" s="73">
        <v>16</v>
      </c>
      <c r="EE37" s="70">
        <v>6</v>
      </c>
      <c r="EF37" s="71">
        <v>2</v>
      </c>
      <c r="EG37" s="72">
        <v>8</v>
      </c>
      <c r="EH37" s="244"/>
      <c r="EI37" s="71">
        <v>10</v>
      </c>
      <c r="EJ37" s="71">
        <v>4</v>
      </c>
      <c r="EK37" s="71">
        <v>4</v>
      </c>
      <c r="EL37" s="71">
        <v>7</v>
      </c>
      <c r="EM37" s="71">
        <v>1</v>
      </c>
      <c r="EN37" s="72">
        <v>26</v>
      </c>
      <c r="EO37" s="73">
        <v>34</v>
      </c>
      <c r="EP37" s="70">
        <v>10</v>
      </c>
      <c r="EQ37" s="71">
        <v>11</v>
      </c>
      <c r="ER37" s="72">
        <v>21</v>
      </c>
      <c r="ES37" s="244"/>
      <c r="ET37" s="71">
        <v>16</v>
      </c>
      <c r="EU37" s="71">
        <v>13</v>
      </c>
      <c r="EV37" s="71">
        <v>5</v>
      </c>
      <c r="EW37" s="71">
        <v>11</v>
      </c>
      <c r="EX37" s="71">
        <v>1</v>
      </c>
      <c r="EY37" s="72">
        <v>46</v>
      </c>
      <c r="EZ37" s="73">
        <v>67</v>
      </c>
      <c r="FA37" s="70">
        <v>15</v>
      </c>
      <c r="FB37" s="71">
        <v>14</v>
      </c>
      <c r="FC37" s="72">
        <v>29</v>
      </c>
      <c r="FD37" s="244"/>
      <c r="FE37" s="71">
        <v>28</v>
      </c>
      <c r="FF37" s="71">
        <v>14</v>
      </c>
      <c r="FG37" s="71">
        <v>12</v>
      </c>
      <c r="FH37" s="71">
        <v>14</v>
      </c>
      <c r="FI37" s="71">
        <v>9</v>
      </c>
      <c r="FJ37" s="72">
        <v>77</v>
      </c>
      <c r="FK37" s="73">
        <v>106</v>
      </c>
      <c r="FL37" s="70">
        <v>11</v>
      </c>
      <c r="FM37" s="71">
        <v>10</v>
      </c>
      <c r="FN37" s="72">
        <v>21</v>
      </c>
      <c r="FO37" s="244"/>
      <c r="FP37" s="71">
        <v>25</v>
      </c>
      <c r="FQ37" s="71">
        <v>28</v>
      </c>
      <c r="FR37" s="71">
        <v>21</v>
      </c>
      <c r="FS37" s="71">
        <v>19</v>
      </c>
      <c r="FT37" s="71">
        <v>14</v>
      </c>
      <c r="FU37" s="72">
        <v>107</v>
      </c>
      <c r="FV37" s="73">
        <v>128</v>
      </c>
      <c r="FW37" s="70">
        <v>0</v>
      </c>
      <c r="FX37" s="71">
        <v>0</v>
      </c>
      <c r="FY37" s="72">
        <v>0</v>
      </c>
      <c r="FZ37" s="244"/>
      <c r="GA37" s="71">
        <v>1</v>
      </c>
      <c r="GB37" s="71">
        <v>1</v>
      </c>
      <c r="GC37" s="71">
        <v>1</v>
      </c>
      <c r="GD37" s="71">
        <v>0</v>
      </c>
      <c r="GE37" s="71">
        <v>1</v>
      </c>
      <c r="GF37" s="72">
        <v>4</v>
      </c>
      <c r="GG37" s="73">
        <v>4</v>
      </c>
      <c r="GH37" s="70">
        <v>46</v>
      </c>
      <c r="GI37" s="71">
        <v>37</v>
      </c>
      <c r="GJ37" s="72">
        <v>83</v>
      </c>
      <c r="GK37" s="244"/>
      <c r="GL37" s="71">
        <v>86</v>
      </c>
      <c r="GM37" s="71">
        <v>64</v>
      </c>
      <c r="GN37" s="71">
        <v>46</v>
      </c>
      <c r="GO37" s="71">
        <v>52</v>
      </c>
      <c r="GP37" s="71">
        <v>30</v>
      </c>
      <c r="GQ37" s="72">
        <v>278</v>
      </c>
      <c r="GR37" s="73">
        <v>361</v>
      </c>
      <c r="GS37" s="123">
        <v>66</v>
      </c>
      <c r="GT37" s="82">
        <v>55</v>
      </c>
      <c r="GU37" s="83">
        <v>121</v>
      </c>
      <c r="GV37" s="241"/>
      <c r="GW37" s="82">
        <v>124</v>
      </c>
      <c r="GX37" s="82">
        <v>95</v>
      </c>
      <c r="GY37" s="82">
        <v>61</v>
      </c>
      <c r="GZ37" s="82">
        <v>79</v>
      </c>
      <c r="HA37" s="82">
        <v>38</v>
      </c>
      <c r="HB37" s="84">
        <v>397</v>
      </c>
      <c r="HC37" s="85">
        <v>518</v>
      </c>
      <c r="HD37" s="70">
        <v>1</v>
      </c>
      <c r="HE37" s="71">
        <v>5</v>
      </c>
      <c r="HF37" s="72">
        <v>6</v>
      </c>
      <c r="HG37" s="244"/>
      <c r="HH37" s="71">
        <v>2</v>
      </c>
      <c r="HI37" s="71">
        <v>3</v>
      </c>
      <c r="HJ37" s="71">
        <v>3</v>
      </c>
      <c r="HK37" s="71">
        <v>4</v>
      </c>
      <c r="HL37" s="71">
        <v>0</v>
      </c>
      <c r="HM37" s="72">
        <v>12</v>
      </c>
      <c r="HN37" s="73">
        <v>18</v>
      </c>
      <c r="HO37" s="70">
        <v>4</v>
      </c>
      <c r="HP37" s="71">
        <v>2</v>
      </c>
      <c r="HQ37" s="72">
        <v>6</v>
      </c>
      <c r="HR37" s="244"/>
      <c r="HS37" s="71">
        <v>7</v>
      </c>
      <c r="HT37" s="71">
        <v>5</v>
      </c>
      <c r="HU37" s="71">
        <v>3</v>
      </c>
      <c r="HV37" s="71">
        <v>3</v>
      </c>
      <c r="HW37" s="71">
        <v>5</v>
      </c>
      <c r="HX37" s="72">
        <v>23</v>
      </c>
      <c r="HY37" s="73">
        <v>29</v>
      </c>
      <c r="HZ37" s="70">
        <v>8</v>
      </c>
      <c r="IA37" s="71">
        <v>5</v>
      </c>
      <c r="IB37" s="72">
        <v>13</v>
      </c>
      <c r="IC37" s="244"/>
      <c r="ID37" s="71">
        <v>15</v>
      </c>
      <c r="IE37" s="71">
        <v>8</v>
      </c>
      <c r="IF37" s="71">
        <v>8</v>
      </c>
      <c r="IG37" s="71">
        <v>13</v>
      </c>
      <c r="IH37" s="71">
        <v>4</v>
      </c>
      <c r="II37" s="72">
        <v>48</v>
      </c>
      <c r="IJ37" s="73">
        <v>61</v>
      </c>
      <c r="IK37" s="70">
        <v>19</v>
      </c>
      <c r="IL37" s="71">
        <v>13</v>
      </c>
      <c r="IM37" s="72">
        <v>32</v>
      </c>
      <c r="IN37" s="244"/>
      <c r="IO37" s="71">
        <v>27</v>
      </c>
      <c r="IP37" s="71">
        <v>23</v>
      </c>
      <c r="IQ37" s="71">
        <v>8</v>
      </c>
      <c r="IR37" s="71">
        <v>16</v>
      </c>
      <c r="IS37" s="71">
        <v>3</v>
      </c>
      <c r="IT37" s="72">
        <v>77</v>
      </c>
      <c r="IU37" s="73">
        <v>109</v>
      </c>
      <c r="IV37" s="70">
        <v>21</v>
      </c>
      <c r="IW37" s="71">
        <v>19</v>
      </c>
      <c r="IX37" s="72">
        <v>40</v>
      </c>
      <c r="IY37" s="244"/>
      <c r="IZ37" s="71">
        <v>40</v>
      </c>
      <c r="JA37" s="71">
        <v>20</v>
      </c>
      <c r="JB37" s="71">
        <v>17</v>
      </c>
      <c r="JC37" s="71">
        <v>22</v>
      </c>
      <c r="JD37" s="71">
        <v>12</v>
      </c>
      <c r="JE37" s="72">
        <v>111</v>
      </c>
      <c r="JF37" s="73">
        <v>151</v>
      </c>
      <c r="JG37" s="70">
        <v>13</v>
      </c>
      <c r="JH37" s="71">
        <v>11</v>
      </c>
      <c r="JI37" s="72">
        <v>24</v>
      </c>
      <c r="JJ37" s="244"/>
      <c r="JK37" s="71">
        <v>33</v>
      </c>
      <c r="JL37" s="71">
        <v>36</v>
      </c>
      <c r="JM37" s="71">
        <v>22</v>
      </c>
      <c r="JN37" s="71">
        <v>21</v>
      </c>
      <c r="JO37" s="71">
        <v>14</v>
      </c>
      <c r="JP37" s="72">
        <v>126</v>
      </c>
      <c r="JQ37" s="73">
        <v>150</v>
      </c>
      <c r="JR37" s="70">
        <v>0</v>
      </c>
      <c r="JS37" s="71">
        <v>0</v>
      </c>
      <c r="JT37" s="72">
        <v>0</v>
      </c>
      <c r="JU37" s="244"/>
      <c r="JV37" s="71">
        <v>4</v>
      </c>
      <c r="JW37" s="71">
        <v>2</v>
      </c>
      <c r="JX37" s="71">
        <v>2</v>
      </c>
      <c r="JY37" s="71">
        <v>1</v>
      </c>
      <c r="JZ37" s="71">
        <v>3</v>
      </c>
      <c r="KA37" s="72">
        <v>12</v>
      </c>
      <c r="KB37" s="73">
        <v>12</v>
      </c>
      <c r="KC37" s="70">
        <v>66</v>
      </c>
      <c r="KD37" s="71">
        <v>55</v>
      </c>
      <c r="KE37" s="72">
        <v>121</v>
      </c>
      <c r="KF37" s="244"/>
      <c r="KG37" s="71">
        <v>128</v>
      </c>
      <c r="KH37" s="71">
        <v>97</v>
      </c>
      <c r="KI37" s="71">
        <v>63</v>
      </c>
      <c r="KJ37" s="71">
        <v>80</v>
      </c>
      <c r="KK37" s="71">
        <v>41</v>
      </c>
      <c r="KL37" s="72">
        <v>409</v>
      </c>
      <c r="KM37" s="73">
        <v>530</v>
      </c>
    </row>
    <row r="38" spans="2:299" ht="19.5" customHeight="1" x14ac:dyDescent="0.2">
      <c r="B38" s="126" t="s">
        <v>35</v>
      </c>
      <c r="C38" s="316">
        <v>51</v>
      </c>
      <c r="D38" s="82">
        <v>51</v>
      </c>
      <c r="E38" s="83">
        <v>102</v>
      </c>
      <c r="F38" s="241"/>
      <c r="G38" s="82">
        <v>165</v>
      </c>
      <c r="H38" s="82">
        <v>100</v>
      </c>
      <c r="I38" s="82">
        <v>56</v>
      </c>
      <c r="J38" s="82">
        <v>54</v>
      </c>
      <c r="K38" s="82">
        <v>22</v>
      </c>
      <c r="L38" s="84">
        <v>397</v>
      </c>
      <c r="M38" s="85">
        <v>499</v>
      </c>
      <c r="N38" s="70">
        <v>3</v>
      </c>
      <c r="O38" s="71">
        <v>2</v>
      </c>
      <c r="P38" s="72">
        <v>5</v>
      </c>
      <c r="Q38" s="244"/>
      <c r="R38" s="71">
        <v>13</v>
      </c>
      <c r="S38" s="71">
        <v>3</v>
      </c>
      <c r="T38" s="71">
        <v>10</v>
      </c>
      <c r="U38" s="71">
        <v>2</v>
      </c>
      <c r="V38" s="71">
        <v>1</v>
      </c>
      <c r="W38" s="72">
        <v>29</v>
      </c>
      <c r="X38" s="73">
        <v>34</v>
      </c>
      <c r="Y38" s="70">
        <v>7</v>
      </c>
      <c r="Z38" s="71">
        <v>4</v>
      </c>
      <c r="AA38" s="72">
        <v>11</v>
      </c>
      <c r="AB38" s="244"/>
      <c r="AC38" s="71">
        <v>11</v>
      </c>
      <c r="AD38" s="71">
        <v>10</v>
      </c>
      <c r="AE38" s="71">
        <v>5</v>
      </c>
      <c r="AF38" s="71">
        <v>3</v>
      </c>
      <c r="AG38" s="71">
        <v>5</v>
      </c>
      <c r="AH38" s="72">
        <v>34</v>
      </c>
      <c r="AI38" s="73">
        <v>45</v>
      </c>
      <c r="AJ38" s="70">
        <v>8</v>
      </c>
      <c r="AK38" s="71">
        <v>15</v>
      </c>
      <c r="AL38" s="72">
        <v>23</v>
      </c>
      <c r="AM38" s="244"/>
      <c r="AN38" s="71">
        <v>27</v>
      </c>
      <c r="AO38" s="71">
        <v>16</v>
      </c>
      <c r="AP38" s="71">
        <v>8</v>
      </c>
      <c r="AQ38" s="71">
        <v>13</v>
      </c>
      <c r="AR38" s="71">
        <v>3</v>
      </c>
      <c r="AS38" s="72">
        <v>67</v>
      </c>
      <c r="AT38" s="73">
        <v>90</v>
      </c>
      <c r="AU38" s="70">
        <v>12</v>
      </c>
      <c r="AV38" s="71">
        <v>9</v>
      </c>
      <c r="AW38" s="72">
        <v>21</v>
      </c>
      <c r="AX38" s="244"/>
      <c r="AY38" s="71">
        <v>46</v>
      </c>
      <c r="AZ38" s="71">
        <v>23</v>
      </c>
      <c r="BA38" s="71">
        <v>10</v>
      </c>
      <c r="BB38" s="71">
        <v>12</v>
      </c>
      <c r="BC38" s="71">
        <v>3</v>
      </c>
      <c r="BD38" s="72">
        <v>94</v>
      </c>
      <c r="BE38" s="73">
        <v>115</v>
      </c>
      <c r="BF38" s="70">
        <v>10</v>
      </c>
      <c r="BG38" s="71">
        <v>15</v>
      </c>
      <c r="BH38" s="72">
        <v>25</v>
      </c>
      <c r="BI38" s="244"/>
      <c r="BJ38" s="71">
        <v>42</v>
      </c>
      <c r="BK38" s="71">
        <v>21</v>
      </c>
      <c r="BL38" s="71">
        <v>12</v>
      </c>
      <c r="BM38" s="71">
        <v>10</v>
      </c>
      <c r="BN38" s="71">
        <v>5</v>
      </c>
      <c r="BO38" s="72">
        <v>90</v>
      </c>
      <c r="BP38" s="73">
        <v>115</v>
      </c>
      <c r="BQ38" s="70">
        <v>11</v>
      </c>
      <c r="BR38" s="71">
        <v>6</v>
      </c>
      <c r="BS38" s="72">
        <v>17</v>
      </c>
      <c r="BT38" s="244"/>
      <c r="BU38" s="71">
        <v>26</v>
      </c>
      <c r="BV38" s="71">
        <v>27</v>
      </c>
      <c r="BW38" s="71">
        <v>11</v>
      </c>
      <c r="BX38" s="71">
        <v>14</v>
      </c>
      <c r="BY38" s="71">
        <v>5</v>
      </c>
      <c r="BZ38" s="72">
        <v>83</v>
      </c>
      <c r="CA38" s="73">
        <v>100</v>
      </c>
      <c r="CB38" s="70">
        <v>0</v>
      </c>
      <c r="CC38" s="71">
        <v>2</v>
      </c>
      <c r="CD38" s="72">
        <v>2</v>
      </c>
      <c r="CE38" s="244"/>
      <c r="CF38" s="71">
        <v>3</v>
      </c>
      <c r="CG38" s="71">
        <v>1</v>
      </c>
      <c r="CH38" s="71">
        <v>1</v>
      </c>
      <c r="CI38" s="71">
        <v>2</v>
      </c>
      <c r="CJ38" s="71">
        <v>1</v>
      </c>
      <c r="CK38" s="72">
        <v>8</v>
      </c>
      <c r="CL38" s="73">
        <v>10</v>
      </c>
      <c r="CM38" s="70">
        <v>51</v>
      </c>
      <c r="CN38" s="71">
        <v>53</v>
      </c>
      <c r="CO38" s="72">
        <v>104</v>
      </c>
      <c r="CP38" s="244"/>
      <c r="CQ38" s="71">
        <v>168</v>
      </c>
      <c r="CR38" s="71">
        <v>101</v>
      </c>
      <c r="CS38" s="71">
        <v>57</v>
      </c>
      <c r="CT38" s="71">
        <v>56</v>
      </c>
      <c r="CU38" s="71">
        <v>23</v>
      </c>
      <c r="CV38" s="72">
        <v>405</v>
      </c>
      <c r="CW38" s="73">
        <v>509</v>
      </c>
      <c r="CX38" s="123">
        <v>123</v>
      </c>
      <c r="CY38" s="82">
        <v>147</v>
      </c>
      <c r="CZ38" s="83">
        <v>270</v>
      </c>
      <c r="DA38" s="241"/>
      <c r="DB38" s="82">
        <v>306</v>
      </c>
      <c r="DC38" s="82">
        <v>206</v>
      </c>
      <c r="DD38" s="82">
        <v>152</v>
      </c>
      <c r="DE38" s="82">
        <v>154</v>
      </c>
      <c r="DF38" s="82">
        <v>87</v>
      </c>
      <c r="DG38" s="84">
        <v>905</v>
      </c>
      <c r="DH38" s="85">
        <v>1175</v>
      </c>
      <c r="DI38" s="70">
        <v>4</v>
      </c>
      <c r="DJ38" s="71">
        <v>5</v>
      </c>
      <c r="DK38" s="72">
        <v>9</v>
      </c>
      <c r="DL38" s="244"/>
      <c r="DM38" s="71">
        <v>2</v>
      </c>
      <c r="DN38" s="71">
        <v>6</v>
      </c>
      <c r="DO38" s="71">
        <v>5</v>
      </c>
      <c r="DP38" s="71">
        <v>6</v>
      </c>
      <c r="DQ38" s="71">
        <v>1</v>
      </c>
      <c r="DR38" s="72">
        <v>20</v>
      </c>
      <c r="DS38" s="73">
        <v>29</v>
      </c>
      <c r="DT38" s="70">
        <v>6</v>
      </c>
      <c r="DU38" s="71">
        <v>13</v>
      </c>
      <c r="DV38" s="72">
        <v>19</v>
      </c>
      <c r="DW38" s="244"/>
      <c r="DX38" s="71">
        <v>22</v>
      </c>
      <c r="DY38" s="71">
        <v>7</v>
      </c>
      <c r="DZ38" s="71">
        <v>5</v>
      </c>
      <c r="EA38" s="71">
        <v>6</v>
      </c>
      <c r="EB38" s="71">
        <v>4</v>
      </c>
      <c r="EC38" s="72">
        <v>44</v>
      </c>
      <c r="ED38" s="73">
        <v>63</v>
      </c>
      <c r="EE38" s="70">
        <v>17</v>
      </c>
      <c r="EF38" s="71">
        <v>20</v>
      </c>
      <c r="EG38" s="72">
        <v>37</v>
      </c>
      <c r="EH38" s="244"/>
      <c r="EI38" s="71">
        <v>37</v>
      </c>
      <c r="EJ38" s="71">
        <v>21</v>
      </c>
      <c r="EK38" s="71">
        <v>7</v>
      </c>
      <c r="EL38" s="71">
        <v>13</v>
      </c>
      <c r="EM38" s="71">
        <v>13</v>
      </c>
      <c r="EN38" s="72">
        <v>91</v>
      </c>
      <c r="EO38" s="73">
        <v>128</v>
      </c>
      <c r="EP38" s="70">
        <v>39</v>
      </c>
      <c r="EQ38" s="71">
        <v>30</v>
      </c>
      <c r="ER38" s="72">
        <v>69</v>
      </c>
      <c r="ES38" s="244"/>
      <c r="ET38" s="71">
        <v>70</v>
      </c>
      <c r="EU38" s="71">
        <v>46</v>
      </c>
      <c r="EV38" s="71">
        <v>26</v>
      </c>
      <c r="EW38" s="71">
        <v>26</v>
      </c>
      <c r="EX38" s="71">
        <v>9</v>
      </c>
      <c r="EY38" s="72">
        <v>177</v>
      </c>
      <c r="EZ38" s="73">
        <v>246</v>
      </c>
      <c r="FA38" s="70">
        <v>27</v>
      </c>
      <c r="FB38" s="71">
        <v>49</v>
      </c>
      <c r="FC38" s="72">
        <v>76</v>
      </c>
      <c r="FD38" s="244"/>
      <c r="FE38" s="71">
        <v>98</v>
      </c>
      <c r="FF38" s="71">
        <v>52</v>
      </c>
      <c r="FG38" s="71">
        <v>41</v>
      </c>
      <c r="FH38" s="71">
        <v>34</v>
      </c>
      <c r="FI38" s="71">
        <v>23</v>
      </c>
      <c r="FJ38" s="72">
        <v>248</v>
      </c>
      <c r="FK38" s="73">
        <v>324</v>
      </c>
      <c r="FL38" s="70">
        <v>30</v>
      </c>
      <c r="FM38" s="71">
        <v>30</v>
      </c>
      <c r="FN38" s="72">
        <v>60</v>
      </c>
      <c r="FO38" s="244"/>
      <c r="FP38" s="71">
        <v>77</v>
      </c>
      <c r="FQ38" s="71">
        <v>74</v>
      </c>
      <c r="FR38" s="71">
        <v>68</v>
      </c>
      <c r="FS38" s="71">
        <v>69</v>
      </c>
      <c r="FT38" s="71">
        <v>37</v>
      </c>
      <c r="FU38" s="72">
        <v>325</v>
      </c>
      <c r="FV38" s="73">
        <v>385</v>
      </c>
      <c r="FW38" s="70">
        <v>1</v>
      </c>
      <c r="FX38" s="71">
        <v>1</v>
      </c>
      <c r="FY38" s="72">
        <v>2</v>
      </c>
      <c r="FZ38" s="244"/>
      <c r="GA38" s="71">
        <v>0</v>
      </c>
      <c r="GB38" s="71">
        <v>7</v>
      </c>
      <c r="GC38" s="71">
        <v>2</v>
      </c>
      <c r="GD38" s="71">
        <v>1</v>
      </c>
      <c r="GE38" s="71">
        <v>1</v>
      </c>
      <c r="GF38" s="72">
        <v>11</v>
      </c>
      <c r="GG38" s="73">
        <v>13</v>
      </c>
      <c r="GH38" s="70">
        <v>124</v>
      </c>
      <c r="GI38" s="71">
        <v>148</v>
      </c>
      <c r="GJ38" s="72">
        <v>272</v>
      </c>
      <c r="GK38" s="244"/>
      <c r="GL38" s="71">
        <v>306</v>
      </c>
      <c r="GM38" s="71">
        <v>213</v>
      </c>
      <c r="GN38" s="71">
        <v>154</v>
      </c>
      <c r="GO38" s="71">
        <v>155</v>
      </c>
      <c r="GP38" s="71">
        <v>88</v>
      </c>
      <c r="GQ38" s="72">
        <v>916</v>
      </c>
      <c r="GR38" s="73">
        <v>1188</v>
      </c>
      <c r="GS38" s="123">
        <v>174</v>
      </c>
      <c r="GT38" s="82">
        <v>198</v>
      </c>
      <c r="GU38" s="83">
        <v>372</v>
      </c>
      <c r="GV38" s="241"/>
      <c r="GW38" s="82">
        <v>471</v>
      </c>
      <c r="GX38" s="82">
        <v>306</v>
      </c>
      <c r="GY38" s="82">
        <v>208</v>
      </c>
      <c r="GZ38" s="82">
        <v>208</v>
      </c>
      <c r="HA38" s="82">
        <v>109</v>
      </c>
      <c r="HB38" s="84">
        <v>1302</v>
      </c>
      <c r="HC38" s="85">
        <v>1674</v>
      </c>
      <c r="HD38" s="70">
        <v>7</v>
      </c>
      <c r="HE38" s="71">
        <v>7</v>
      </c>
      <c r="HF38" s="72">
        <v>14</v>
      </c>
      <c r="HG38" s="244"/>
      <c r="HH38" s="71">
        <v>15</v>
      </c>
      <c r="HI38" s="71">
        <v>9</v>
      </c>
      <c r="HJ38" s="71">
        <v>15</v>
      </c>
      <c r="HK38" s="71">
        <v>8</v>
      </c>
      <c r="HL38" s="71">
        <v>2</v>
      </c>
      <c r="HM38" s="72">
        <v>49</v>
      </c>
      <c r="HN38" s="73">
        <v>63</v>
      </c>
      <c r="HO38" s="70">
        <v>13</v>
      </c>
      <c r="HP38" s="71">
        <v>17</v>
      </c>
      <c r="HQ38" s="72">
        <v>30</v>
      </c>
      <c r="HR38" s="244"/>
      <c r="HS38" s="71">
        <v>33</v>
      </c>
      <c r="HT38" s="71">
        <v>17</v>
      </c>
      <c r="HU38" s="71">
        <v>10</v>
      </c>
      <c r="HV38" s="71">
        <v>9</v>
      </c>
      <c r="HW38" s="71">
        <v>9</v>
      </c>
      <c r="HX38" s="72">
        <v>78</v>
      </c>
      <c r="HY38" s="73">
        <v>108</v>
      </c>
      <c r="HZ38" s="70">
        <v>25</v>
      </c>
      <c r="IA38" s="71">
        <v>35</v>
      </c>
      <c r="IB38" s="72">
        <v>60</v>
      </c>
      <c r="IC38" s="244"/>
      <c r="ID38" s="71">
        <v>64</v>
      </c>
      <c r="IE38" s="71">
        <v>37</v>
      </c>
      <c r="IF38" s="71">
        <v>15</v>
      </c>
      <c r="IG38" s="71">
        <v>26</v>
      </c>
      <c r="IH38" s="71">
        <v>16</v>
      </c>
      <c r="II38" s="72">
        <v>158</v>
      </c>
      <c r="IJ38" s="73">
        <v>218</v>
      </c>
      <c r="IK38" s="70">
        <v>51</v>
      </c>
      <c r="IL38" s="71">
        <v>39</v>
      </c>
      <c r="IM38" s="72">
        <v>90</v>
      </c>
      <c r="IN38" s="244"/>
      <c r="IO38" s="71">
        <v>116</v>
      </c>
      <c r="IP38" s="71">
        <v>69</v>
      </c>
      <c r="IQ38" s="71">
        <v>36</v>
      </c>
      <c r="IR38" s="71">
        <v>38</v>
      </c>
      <c r="IS38" s="71">
        <v>12</v>
      </c>
      <c r="IT38" s="72">
        <v>271</v>
      </c>
      <c r="IU38" s="73">
        <v>361</v>
      </c>
      <c r="IV38" s="70">
        <v>37</v>
      </c>
      <c r="IW38" s="71">
        <v>64</v>
      </c>
      <c r="IX38" s="72">
        <v>101</v>
      </c>
      <c r="IY38" s="244"/>
      <c r="IZ38" s="71">
        <v>140</v>
      </c>
      <c r="JA38" s="71">
        <v>73</v>
      </c>
      <c r="JB38" s="71">
        <v>53</v>
      </c>
      <c r="JC38" s="71">
        <v>44</v>
      </c>
      <c r="JD38" s="71">
        <v>28</v>
      </c>
      <c r="JE38" s="72">
        <v>338</v>
      </c>
      <c r="JF38" s="73">
        <v>439</v>
      </c>
      <c r="JG38" s="70">
        <v>41</v>
      </c>
      <c r="JH38" s="71">
        <v>36</v>
      </c>
      <c r="JI38" s="72">
        <v>77</v>
      </c>
      <c r="JJ38" s="244"/>
      <c r="JK38" s="71">
        <v>103</v>
      </c>
      <c r="JL38" s="71">
        <v>101</v>
      </c>
      <c r="JM38" s="71">
        <v>79</v>
      </c>
      <c r="JN38" s="71">
        <v>83</v>
      </c>
      <c r="JO38" s="71">
        <v>42</v>
      </c>
      <c r="JP38" s="72">
        <v>408</v>
      </c>
      <c r="JQ38" s="73">
        <v>485</v>
      </c>
      <c r="JR38" s="70">
        <v>1</v>
      </c>
      <c r="JS38" s="71">
        <v>3</v>
      </c>
      <c r="JT38" s="72">
        <v>4</v>
      </c>
      <c r="JU38" s="244"/>
      <c r="JV38" s="71">
        <v>3</v>
      </c>
      <c r="JW38" s="71">
        <v>8</v>
      </c>
      <c r="JX38" s="71">
        <v>3</v>
      </c>
      <c r="JY38" s="71">
        <v>3</v>
      </c>
      <c r="JZ38" s="71">
        <v>2</v>
      </c>
      <c r="KA38" s="72">
        <v>19</v>
      </c>
      <c r="KB38" s="73">
        <v>23</v>
      </c>
      <c r="KC38" s="70">
        <v>175</v>
      </c>
      <c r="KD38" s="71">
        <v>201</v>
      </c>
      <c r="KE38" s="72">
        <v>376</v>
      </c>
      <c r="KF38" s="244"/>
      <c r="KG38" s="71">
        <v>474</v>
      </c>
      <c r="KH38" s="71">
        <v>314</v>
      </c>
      <c r="KI38" s="71">
        <v>211</v>
      </c>
      <c r="KJ38" s="71">
        <v>211</v>
      </c>
      <c r="KK38" s="71">
        <v>111</v>
      </c>
      <c r="KL38" s="72">
        <v>1321</v>
      </c>
      <c r="KM38" s="73">
        <v>1697</v>
      </c>
    </row>
    <row r="39" spans="2:299" ht="19.5" customHeight="1" x14ac:dyDescent="0.2">
      <c r="B39" s="126" t="s">
        <v>36</v>
      </c>
      <c r="C39" s="316">
        <v>64</v>
      </c>
      <c r="D39" s="82">
        <v>88</v>
      </c>
      <c r="E39" s="83">
        <v>152</v>
      </c>
      <c r="F39" s="241"/>
      <c r="G39" s="82">
        <v>145</v>
      </c>
      <c r="H39" s="82">
        <v>145</v>
      </c>
      <c r="I39" s="82">
        <v>104</v>
      </c>
      <c r="J39" s="82">
        <v>66</v>
      </c>
      <c r="K39" s="82">
        <v>43</v>
      </c>
      <c r="L39" s="84">
        <v>503</v>
      </c>
      <c r="M39" s="85">
        <v>655</v>
      </c>
      <c r="N39" s="70">
        <v>6</v>
      </c>
      <c r="O39" s="71">
        <v>6</v>
      </c>
      <c r="P39" s="72">
        <v>12</v>
      </c>
      <c r="Q39" s="244"/>
      <c r="R39" s="71">
        <v>7</v>
      </c>
      <c r="S39" s="71">
        <v>15</v>
      </c>
      <c r="T39" s="71">
        <v>7</v>
      </c>
      <c r="U39" s="71">
        <v>6</v>
      </c>
      <c r="V39" s="71">
        <v>3</v>
      </c>
      <c r="W39" s="72">
        <v>38</v>
      </c>
      <c r="X39" s="73">
        <v>50</v>
      </c>
      <c r="Y39" s="70">
        <v>8</v>
      </c>
      <c r="Z39" s="71">
        <v>15</v>
      </c>
      <c r="AA39" s="72">
        <v>23</v>
      </c>
      <c r="AB39" s="244"/>
      <c r="AC39" s="71">
        <v>19</v>
      </c>
      <c r="AD39" s="71">
        <v>20</v>
      </c>
      <c r="AE39" s="71">
        <v>14</v>
      </c>
      <c r="AF39" s="71">
        <v>14</v>
      </c>
      <c r="AG39" s="71">
        <v>10</v>
      </c>
      <c r="AH39" s="72">
        <v>77</v>
      </c>
      <c r="AI39" s="73">
        <v>100</v>
      </c>
      <c r="AJ39" s="70">
        <v>12</v>
      </c>
      <c r="AK39" s="71">
        <v>16</v>
      </c>
      <c r="AL39" s="72">
        <v>28</v>
      </c>
      <c r="AM39" s="244"/>
      <c r="AN39" s="71">
        <v>29</v>
      </c>
      <c r="AO39" s="71">
        <v>30</v>
      </c>
      <c r="AP39" s="71">
        <v>16</v>
      </c>
      <c r="AQ39" s="71">
        <v>12</v>
      </c>
      <c r="AR39" s="71">
        <v>6</v>
      </c>
      <c r="AS39" s="72">
        <v>93</v>
      </c>
      <c r="AT39" s="73">
        <v>121</v>
      </c>
      <c r="AU39" s="70">
        <v>19</v>
      </c>
      <c r="AV39" s="71">
        <v>28</v>
      </c>
      <c r="AW39" s="72">
        <v>47</v>
      </c>
      <c r="AX39" s="244"/>
      <c r="AY39" s="71">
        <v>39</v>
      </c>
      <c r="AZ39" s="71">
        <v>33</v>
      </c>
      <c r="BA39" s="71">
        <v>26</v>
      </c>
      <c r="BB39" s="71">
        <v>13</v>
      </c>
      <c r="BC39" s="71">
        <v>13</v>
      </c>
      <c r="BD39" s="72">
        <v>124</v>
      </c>
      <c r="BE39" s="73">
        <v>171</v>
      </c>
      <c r="BF39" s="70">
        <v>14</v>
      </c>
      <c r="BG39" s="71">
        <v>17</v>
      </c>
      <c r="BH39" s="72">
        <v>31</v>
      </c>
      <c r="BI39" s="244"/>
      <c r="BJ39" s="71">
        <v>32</v>
      </c>
      <c r="BK39" s="71">
        <v>26</v>
      </c>
      <c r="BL39" s="71">
        <v>26</v>
      </c>
      <c r="BM39" s="71">
        <v>14</v>
      </c>
      <c r="BN39" s="71">
        <v>5</v>
      </c>
      <c r="BO39" s="72">
        <v>103</v>
      </c>
      <c r="BP39" s="73">
        <v>134</v>
      </c>
      <c r="BQ39" s="70">
        <v>5</v>
      </c>
      <c r="BR39" s="71">
        <v>6</v>
      </c>
      <c r="BS39" s="72">
        <v>11</v>
      </c>
      <c r="BT39" s="244"/>
      <c r="BU39" s="71">
        <v>19</v>
      </c>
      <c r="BV39" s="71">
        <v>21</v>
      </c>
      <c r="BW39" s="71">
        <v>15</v>
      </c>
      <c r="BX39" s="71">
        <v>7</v>
      </c>
      <c r="BY39" s="71">
        <v>6</v>
      </c>
      <c r="BZ39" s="72">
        <v>68</v>
      </c>
      <c r="CA39" s="73">
        <v>79</v>
      </c>
      <c r="CB39" s="70">
        <v>2</v>
      </c>
      <c r="CC39" s="71">
        <v>4</v>
      </c>
      <c r="CD39" s="72">
        <v>6</v>
      </c>
      <c r="CE39" s="244"/>
      <c r="CF39" s="71">
        <v>5</v>
      </c>
      <c r="CG39" s="71">
        <v>5</v>
      </c>
      <c r="CH39" s="71">
        <v>7</v>
      </c>
      <c r="CI39" s="71">
        <v>6</v>
      </c>
      <c r="CJ39" s="71">
        <v>2</v>
      </c>
      <c r="CK39" s="72">
        <v>25</v>
      </c>
      <c r="CL39" s="73">
        <v>31</v>
      </c>
      <c r="CM39" s="70">
        <v>66</v>
      </c>
      <c r="CN39" s="71">
        <v>92</v>
      </c>
      <c r="CO39" s="72">
        <v>158</v>
      </c>
      <c r="CP39" s="244"/>
      <c r="CQ39" s="71">
        <v>150</v>
      </c>
      <c r="CR39" s="71">
        <v>150</v>
      </c>
      <c r="CS39" s="71">
        <v>111</v>
      </c>
      <c r="CT39" s="71">
        <v>72</v>
      </c>
      <c r="CU39" s="71">
        <v>45</v>
      </c>
      <c r="CV39" s="72">
        <v>528</v>
      </c>
      <c r="CW39" s="73">
        <v>686</v>
      </c>
      <c r="CX39" s="123">
        <v>103</v>
      </c>
      <c r="CY39" s="82">
        <v>162</v>
      </c>
      <c r="CZ39" s="83">
        <v>265</v>
      </c>
      <c r="DA39" s="241"/>
      <c r="DB39" s="82">
        <v>262</v>
      </c>
      <c r="DC39" s="82">
        <v>196</v>
      </c>
      <c r="DD39" s="82">
        <v>179</v>
      </c>
      <c r="DE39" s="82">
        <v>174</v>
      </c>
      <c r="DF39" s="82">
        <v>138</v>
      </c>
      <c r="DG39" s="84">
        <v>949</v>
      </c>
      <c r="DH39" s="85">
        <v>1214</v>
      </c>
      <c r="DI39" s="70">
        <v>2</v>
      </c>
      <c r="DJ39" s="71">
        <v>8</v>
      </c>
      <c r="DK39" s="72">
        <v>10</v>
      </c>
      <c r="DL39" s="244"/>
      <c r="DM39" s="71">
        <v>7</v>
      </c>
      <c r="DN39" s="71">
        <v>8</v>
      </c>
      <c r="DO39" s="71">
        <v>5</v>
      </c>
      <c r="DP39" s="71">
        <v>5</v>
      </c>
      <c r="DQ39" s="71">
        <v>5</v>
      </c>
      <c r="DR39" s="72">
        <v>30</v>
      </c>
      <c r="DS39" s="73">
        <v>40</v>
      </c>
      <c r="DT39" s="70">
        <v>9</v>
      </c>
      <c r="DU39" s="71">
        <v>23</v>
      </c>
      <c r="DV39" s="72">
        <v>32</v>
      </c>
      <c r="DW39" s="244"/>
      <c r="DX39" s="71">
        <v>24</v>
      </c>
      <c r="DY39" s="71">
        <v>15</v>
      </c>
      <c r="DZ39" s="71">
        <v>15</v>
      </c>
      <c r="EA39" s="71">
        <v>11</v>
      </c>
      <c r="EB39" s="71">
        <v>9</v>
      </c>
      <c r="EC39" s="72">
        <v>74</v>
      </c>
      <c r="ED39" s="73">
        <v>106</v>
      </c>
      <c r="EE39" s="70">
        <v>18</v>
      </c>
      <c r="EF39" s="71">
        <v>26</v>
      </c>
      <c r="EG39" s="72">
        <v>44</v>
      </c>
      <c r="EH39" s="244"/>
      <c r="EI39" s="71">
        <v>36</v>
      </c>
      <c r="EJ39" s="71">
        <v>20</v>
      </c>
      <c r="EK39" s="71">
        <v>15</v>
      </c>
      <c r="EL39" s="71">
        <v>17</v>
      </c>
      <c r="EM39" s="71">
        <v>22</v>
      </c>
      <c r="EN39" s="72">
        <v>110</v>
      </c>
      <c r="EO39" s="73">
        <v>154</v>
      </c>
      <c r="EP39" s="70">
        <v>37</v>
      </c>
      <c r="EQ39" s="71">
        <v>50</v>
      </c>
      <c r="ER39" s="72">
        <v>87</v>
      </c>
      <c r="ES39" s="244"/>
      <c r="ET39" s="71">
        <v>80</v>
      </c>
      <c r="EU39" s="71">
        <v>44</v>
      </c>
      <c r="EV39" s="71">
        <v>41</v>
      </c>
      <c r="EW39" s="71">
        <v>32</v>
      </c>
      <c r="EX39" s="71">
        <v>32</v>
      </c>
      <c r="EY39" s="72">
        <v>229</v>
      </c>
      <c r="EZ39" s="73">
        <v>316</v>
      </c>
      <c r="FA39" s="70">
        <v>24</v>
      </c>
      <c r="FB39" s="71">
        <v>32</v>
      </c>
      <c r="FC39" s="72">
        <v>56</v>
      </c>
      <c r="FD39" s="244"/>
      <c r="FE39" s="71">
        <v>70</v>
      </c>
      <c r="FF39" s="71">
        <v>54</v>
      </c>
      <c r="FG39" s="71">
        <v>44</v>
      </c>
      <c r="FH39" s="71">
        <v>41</v>
      </c>
      <c r="FI39" s="71">
        <v>28</v>
      </c>
      <c r="FJ39" s="72">
        <v>237</v>
      </c>
      <c r="FK39" s="73">
        <v>293</v>
      </c>
      <c r="FL39" s="70">
        <v>13</v>
      </c>
      <c r="FM39" s="71">
        <v>23</v>
      </c>
      <c r="FN39" s="72">
        <v>36</v>
      </c>
      <c r="FO39" s="244"/>
      <c r="FP39" s="71">
        <v>45</v>
      </c>
      <c r="FQ39" s="71">
        <v>55</v>
      </c>
      <c r="FR39" s="71">
        <v>59</v>
      </c>
      <c r="FS39" s="71">
        <v>68</v>
      </c>
      <c r="FT39" s="71">
        <v>42</v>
      </c>
      <c r="FU39" s="72">
        <v>269</v>
      </c>
      <c r="FV39" s="73">
        <v>305</v>
      </c>
      <c r="FW39" s="70">
        <v>1</v>
      </c>
      <c r="FX39" s="71">
        <v>2</v>
      </c>
      <c r="FY39" s="72">
        <v>3</v>
      </c>
      <c r="FZ39" s="244"/>
      <c r="GA39" s="71">
        <v>2</v>
      </c>
      <c r="GB39" s="71">
        <v>2</v>
      </c>
      <c r="GC39" s="71">
        <v>1</v>
      </c>
      <c r="GD39" s="71">
        <v>2</v>
      </c>
      <c r="GE39" s="71">
        <v>2</v>
      </c>
      <c r="GF39" s="72">
        <v>9</v>
      </c>
      <c r="GG39" s="73">
        <v>12</v>
      </c>
      <c r="GH39" s="70">
        <v>104</v>
      </c>
      <c r="GI39" s="71">
        <v>164</v>
      </c>
      <c r="GJ39" s="72">
        <v>268</v>
      </c>
      <c r="GK39" s="244"/>
      <c r="GL39" s="71">
        <v>264</v>
      </c>
      <c r="GM39" s="71">
        <v>198</v>
      </c>
      <c r="GN39" s="71">
        <v>180</v>
      </c>
      <c r="GO39" s="71">
        <v>176</v>
      </c>
      <c r="GP39" s="71">
        <v>140</v>
      </c>
      <c r="GQ39" s="72">
        <v>958</v>
      </c>
      <c r="GR39" s="73">
        <v>1226</v>
      </c>
      <c r="GS39" s="123">
        <v>167</v>
      </c>
      <c r="GT39" s="82">
        <v>250</v>
      </c>
      <c r="GU39" s="83">
        <v>417</v>
      </c>
      <c r="GV39" s="241"/>
      <c r="GW39" s="82">
        <v>407</v>
      </c>
      <c r="GX39" s="82">
        <v>341</v>
      </c>
      <c r="GY39" s="82">
        <v>283</v>
      </c>
      <c r="GZ39" s="82">
        <v>240</v>
      </c>
      <c r="HA39" s="82">
        <v>181</v>
      </c>
      <c r="HB39" s="84">
        <v>1452</v>
      </c>
      <c r="HC39" s="85">
        <v>1869</v>
      </c>
      <c r="HD39" s="70">
        <v>8</v>
      </c>
      <c r="HE39" s="71">
        <v>14</v>
      </c>
      <c r="HF39" s="72">
        <v>22</v>
      </c>
      <c r="HG39" s="244"/>
      <c r="HH39" s="71">
        <v>14</v>
      </c>
      <c r="HI39" s="71">
        <v>23</v>
      </c>
      <c r="HJ39" s="71">
        <v>12</v>
      </c>
      <c r="HK39" s="71">
        <v>11</v>
      </c>
      <c r="HL39" s="71">
        <v>8</v>
      </c>
      <c r="HM39" s="72">
        <v>68</v>
      </c>
      <c r="HN39" s="73">
        <v>90</v>
      </c>
      <c r="HO39" s="70">
        <v>17</v>
      </c>
      <c r="HP39" s="71">
        <v>38</v>
      </c>
      <c r="HQ39" s="72">
        <v>55</v>
      </c>
      <c r="HR39" s="244"/>
      <c r="HS39" s="71">
        <v>43</v>
      </c>
      <c r="HT39" s="71">
        <v>35</v>
      </c>
      <c r="HU39" s="71">
        <v>29</v>
      </c>
      <c r="HV39" s="71">
        <v>25</v>
      </c>
      <c r="HW39" s="71">
        <v>19</v>
      </c>
      <c r="HX39" s="72">
        <v>151</v>
      </c>
      <c r="HY39" s="73">
        <v>206</v>
      </c>
      <c r="HZ39" s="70">
        <v>30</v>
      </c>
      <c r="IA39" s="71">
        <v>42</v>
      </c>
      <c r="IB39" s="72">
        <v>72</v>
      </c>
      <c r="IC39" s="244"/>
      <c r="ID39" s="71">
        <v>65</v>
      </c>
      <c r="IE39" s="71">
        <v>50</v>
      </c>
      <c r="IF39" s="71">
        <v>31</v>
      </c>
      <c r="IG39" s="71">
        <v>29</v>
      </c>
      <c r="IH39" s="71">
        <v>28</v>
      </c>
      <c r="II39" s="72">
        <v>203</v>
      </c>
      <c r="IJ39" s="73">
        <v>275</v>
      </c>
      <c r="IK39" s="70">
        <v>56</v>
      </c>
      <c r="IL39" s="71">
        <v>78</v>
      </c>
      <c r="IM39" s="72">
        <v>134</v>
      </c>
      <c r="IN39" s="244"/>
      <c r="IO39" s="71">
        <v>119</v>
      </c>
      <c r="IP39" s="71">
        <v>77</v>
      </c>
      <c r="IQ39" s="71">
        <v>67</v>
      </c>
      <c r="IR39" s="71">
        <v>45</v>
      </c>
      <c r="IS39" s="71">
        <v>45</v>
      </c>
      <c r="IT39" s="72">
        <v>353</v>
      </c>
      <c r="IU39" s="73">
        <v>487</v>
      </c>
      <c r="IV39" s="70">
        <v>38</v>
      </c>
      <c r="IW39" s="71">
        <v>49</v>
      </c>
      <c r="IX39" s="72">
        <v>87</v>
      </c>
      <c r="IY39" s="244"/>
      <c r="IZ39" s="71">
        <v>102</v>
      </c>
      <c r="JA39" s="71">
        <v>80</v>
      </c>
      <c r="JB39" s="71">
        <v>70</v>
      </c>
      <c r="JC39" s="71">
        <v>55</v>
      </c>
      <c r="JD39" s="71">
        <v>33</v>
      </c>
      <c r="JE39" s="72">
        <v>340</v>
      </c>
      <c r="JF39" s="73">
        <v>427</v>
      </c>
      <c r="JG39" s="70">
        <v>18</v>
      </c>
      <c r="JH39" s="71">
        <v>29</v>
      </c>
      <c r="JI39" s="72">
        <v>47</v>
      </c>
      <c r="JJ39" s="244"/>
      <c r="JK39" s="71">
        <v>64</v>
      </c>
      <c r="JL39" s="71">
        <v>76</v>
      </c>
      <c r="JM39" s="71">
        <v>74</v>
      </c>
      <c r="JN39" s="71">
        <v>75</v>
      </c>
      <c r="JO39" s="71">
        <v>48</v>
      </c>
      <c r="JP39" s="72">
        <v>337</v>
      </c>
      <c r="JQ39" s="73">
        <v>384</v>
      </c>
      <c r="JR39" s="70">
        <v>3</v>
      </c>
      <c r="JS39" s="71">
        <v>6</v>
      </c>
      <c r="JT39" s="72">
        <v>9</v>
      </c>
      <c r="JU39" s="244"/>
      <c r="JV39" s="71">
        <v>7</v>
      </c>
      <c r="JW39" s="71">
        <v>7</v>
      </c>
      <c r="JX39" s="71">
        <v>8</v>
      </c>
      <c r="JY39" s="71">
        <v>8</v>
      </c>
      <c r="JZ39" s="71">
        <v>4</v>
      </c>
      <c r="KA39" s="72">
        <v>34</v>
      </c>
      <c r="KB39" s="73">
        <v>43</v>
      </c>
      <c r="KC39" s="70">
        <v>170</v>
      </c>
      <c r="KD39" s="71">
        <v>256</v>
      </c>
      <c r="KE39" s="72">
        <v>426</v>
      </c>
      <c r="KF39" s="244"/>
      <c r="KG39" s="71">
        <v>414</v>
      </c>
      <c r="KH39" s="71">
        <v>348</v>
      </c>
      <c r="KI39" s="71">
        <v>291</v>
      </c>
      <c r="KJ39" s="71">
        <v>248</v>
      </c>
      <c r="KK39" s="71">
        <v>185</v>
      </c>
      <c r="KL39" s="72">
        <v>1486</v>
      </c>
      <c r="KM39" s="73">
        <v>1912</v>
      </c>
    </row>
    <row r="40" spans="2:299" ht="19.5" customHeight="1" thickBot="1" x14ac:dyDescent="0.25">
      <c r="B40" s="127" t="s">
        <v>37</v>
      </c>
      <c r="C40" s="317">
        <v>3</v>
      </c>
      <c r="D40" s="87">
        <v>4</v>
      </c>
      <c r="E40" s="88">
        <v>7</v>
      </c>
      <c r="F40" s="242"/>
      <c r="G40" s="87">
        <v>12</v>
      </c>
      <c r="H40" s="87">
        <v>4</v>
      </c>
      <c r="I40" s="87">
        <v>12</v>
      </c>
      <c r="J40" s="87">
        <v>4</v>
      </c>
      <c r="K40" s="87">
        <v>6</v>
      </c>
      <c r="L40" s="89">
        <v>38</v>
      </c>
      <c r="M40" s="90">
        <v>45</v>
      </c>
      <c r="N40" s="74">
        <v>0</v>
      </c>
      <c r="O40" s="75">
        <v>1</v>
      </c>
      <c r="P40" s="76">
        <v>1</v>
      </c>
      <c r="Q40" s="245"/>
      <c r="R40" s="75">
        <v>2</v>
      </c>
      <c r="S40" s="75">
        <v>0</v>
      </c>
      <c r="T40" s="75">
        <v>1</v>
      </c>
      <c r="U40" s="75">
        <v>0</v>
      </c>
      <c r="V40" s="75">
        <v>1</v>
      </c>
      <c r="W40" s="76">
        <v>4</v>
      </c>
      <c r="X40" s="77">
        <v>5</v>
      </c>
      <c r="Y40" s="74">
        <v>1</v>
      </c>
      <c r="Z40" s="75">
        <v>1</v>
      </c>
      <c r="AA40" s="76">
        <v>2</v>
      </c>
      <c r="AB40" s="245"/>
      <c r="AC40" s="75">
        <v>0</v>
      </c>
      <c r="AD40" s="75">
        <v>0</v>
      </c>
      <c r="AE40" s="75">
        <v>3</v>
      </c>
      <c r="AF40" s="75">
        <v>0</v>
      </c>
      <c r="AG40" s="75">
        <v>0</v>
      </c>
      <c r="AH40" s="76">
        <v>3</v>
      </c>
      <c r="AI40" s="77">
        <v>5</v>
      </c>
      <c r="AJ40" s="74">
        <v>0</v>
      </c>
      <c r="AK40" s="75">
        <v>0</v>
      </c>
      <c r="AL40" s="76">
        <v>0</v>
      </c>
      <c r="AM40" s="245"/>
      <c r="AN40" s="75">
        <v>1</v>
      </c>
      <c r="AO40" s="75">
        <v>0</v>
      </c>
      <c r="AP40" s="75">
        <v>2</v>
      </c>
      <c r="AQ40" s="75">
        <v>1</v>
      </c>
      <c r="AR40" s="75">
        <v>1</v>
      </c>
      <c r="AS40" s="76">
        <v>5</v>
      </c>
      <c r="AT40" s="77">
        <v>5</v>
      </c>
      <c r="AU40" s="74">
        <v>2</v>
      </c>
      <c r="AV40" s="75">
        <v>1</v>
      </c>
      <c r="AW40" s="76">
        <v>3</v>
      </c>
      <c r="AX40" s="245"/>
      <c r="AY40" s="75">
        <v>4</v>
      </c>
      <c r="AZ40" s="75">
        <v>1</v>
      </c>
      <c r="BA40" s="75">
        <v>2</v>
      </c>
      <c r="BB40" s="75">
        <v>1</v>
      </c>
      <c r="BC40" s="75">
        <v>1</v>
      </c>
      <c r="BD40" s="76">
        <v>9</v>
      </c>
      <c r="BE40" s="77">
        <v>12</v>
      </c>
      <c r="BF40" s="74">
        <v>0</v>
      </c>
      <c r="BG40" s="75">
        <v>1</v>
      </c>
      <c r="BH40" s="76">
        <v>1</v>
      </c>
      <c r="BI40" s="245"/>
      <c r="BJ40" s="75">
        <v>1</v>
      </c>
      <c r="BK40" s="75">
        <v>2</v>
      </c>
      <c r="BL40" s="75">
        <v>3</v>
      </c>
      <c r="BM40" s="75">
        <v>1</v>
      </c>
      <c r="BN40" s="75">
        <v>2</v>
      </c>
      <c r="BO40" s="76">
        <v>9</v>
      </c>
      <c r="BP40" s="77">
        <v>10</v>
      </c>
      <c r="BQ40" s="74">
        <v>0</v>
      </c>
      <c r="BR40" s="75">
        <v>0</v>
      </c>
      <c r="BS40" s="76">
        <v>0</v>
      </c>
      <c r="BT40" s="245"/>
      <c r="BU40" s="75">
        <v>4</v>
      </c>
      <c r="BV40" s="75">
        <v>1</v>
      </c>
      <c r="BW40" s="75">
        <v>1</v>
      </c>
      <c r="BX40" s="75">
        <v>1</v>
      </c>
      <c r="BY40" s="75">
        <v>1</v>
      </c>
      <c r="BZ40" s="76">
        <v>8</v>
      </c>
      <c r="CA40" s="77">
        <v>8</v>
      </c>
      <c r="CB40" s="74">
        <v>0</v>
      </c>
      <c r="CC40" s="75">
        <v>0</v>
      </c>
      <c r="CD40" s="76">
        <v>0</v>
      </c>
      <c r="CE40" s="245"/>
      <c r="CF40" s="75">
        <v>1</v>
      </c>
      <c r="CG40" s="75">
        <v>0</v>
      </c>
      <c r="CH40" s="75">
        <v>0</v>
      </c>
      <c r="CI40" s="75">
        <v>1</v>
      </c>
      <c r="CJ40" s="75">
        <v>0</v>
      </c>
      <c r="CK40" s="76">
        <v>2</v>
      </c>
      <c r="CL40" s="77">
        <v>2</v>
      </c>
      <c r="CM40" s="74">
        <v>3</v>
      </c>
      <c r="CN40" s="75">
        <v>4</v>
      </c>
      <c r="CO40" s="76">
        <v>7</v>
      </c>
      <c r="CP40" s="245"/>
      <c r="CQ40" s="75">
        <v>13</v>
      </c>
      <c r="CR40" s="75">
        <v>4</v>
      </c>
      <c r="CS40" s="75">
        <v>12</v>
      </c>
      <c r="CT40" s="75">
        <v>5</v>
      </c>
      <c r="CU40" s="75">
        <v>6</v>
      </c>
      <c r="CV40" s="76">
        <v>40</v>
      </c>
      <c r="CW40" s="77">
        <v>47</v>
      </c>
      <c r="CX40" s="124">
        <v>13</v>
      </c>
      <c r="CY40" s="87">
        <v>5</v>
      </c>
      <c r="CZ40" s="88">
        <v>18</v>
      </c>
      <c r="DA40" s="242"/>
      <c r="DB40" s="87">
        <v>26</v>
      </c>
      <c r="DC40" s="87">
        <v>14</v>
      </c>
      <c r="DD40" s="87">
        <v>24</v>
      </c>
      <c r="DE40" s="87">
        <v>14</v>
      </c>
      <c r="DF40" s="87">
        <v>10</v>
      </c>
      <c r="DG40" s="89">
        <v>88</v>
      </c>
      <c r="DH40" s="90">
        <v>106</v>
      </c>
      <c r="DI40" s="74">
        <v>0</v>
      </c>
      <c r="DJ40" s="75">
        <v>0</v>
      </c>
      <c r="DK40" s="76">
        <v>0</v>
      </c>
      <c r="DL40" s="245"/>
      <c r="DM40" s="75">
        <v>0</v>
      </c>
      <c r="DN40" s="75">
        <v>0</v>
      </c>
      <c r="DO40" s="75">
        <v>1</v>
      </c>
      <c r="DP40" s="75">
        <v>0</v>
      </c>
      <c r="DQ40" s="75">
        <v>2</v>
      </c>
      <c r="DR40" s="76">
        <v>3</v>
      </c>
      <c r="DS40" s="77">
        <v>3</v>
      </c>
      <c r="DT40" s="74">
        <v>1</v>
      </c>
      <c r="DU40" s="75">
        <v>0</v>
      </c>
      <c r="DV40" s="76">
        <v>1</v>
      </c>
      <c r="DW40" s="245"/>
      <c r="DX40" s="75">
        <v>1</v>
      </c>
      <c r="DY40" s="75">
        <v>2</v>
      </c>
      <c r="DZ40" s="75">
        <v>0</v>
      </c>
      <c r="EA40" s="75">
        <v>1</v>
      </c>
      <c r="EB40" s="75">
        <v>0</v>
      </c>
      <c r="EC40" s="76">
        <v>4</v>
      </c>
      <c r="ED40" s="77">
        <v>5</v>
      </c>
      <c r="EE40" s="74">
        <v>1</v>
      </c>
      <c r="EF40" s="75">
        <v>0</v>
      </c>
      <c r="EG40" s="76">
        <v>1</v>
      </c>
      <c r="EH40" s="245"/>
      <c r="EI40" s="75">
        <v>3</v>
      </c>
      <c r="EJ40" s="75">
        <v>3</v>
      </c>
      <c r="EK40" s="75">
        <v>3</v>
      </c>
      <c r="EL40" s="75">
        <v>3</v>
      </c>
      <c r="EM40" s="75">
        <v>1</v>
      </c>
      <c r="EN40" s="76">
        <v>13</v>
      </c>
      <c r="EO40" s="77">
        <v>14</v>
      </c>
      <c r="EP40" s="74">
        <v>5</v>
      </c>
      <c r="EQ40" s="75">
        <v>1</v>
      </c>
      <c r="ER40" s="76">
        <v>6</v>
      </c>
      <c r="ES40" s="245"/>
      <c r="ET40" s="75">
        <v>6</v>
      </c>
      <c r="EU40" s="75">
        <v>4</v>
      </c>
      <c r="EV40" s="75">
        <v>5</v>
      </c>
      <c r="EW40" s="75">
        <v>0</v>
      </c>
      <c r="EX40" s="75">
        <v>2</v>
      </c>
      <c r="EY40" s="76">
        <v>17</v>
      </c>
      <c r="EZ40" s="77">
        <v>23</v>
      </c>
      <c r="FA40" s="74">
        <v>5</v>
      </c>
      <c r="FB40" s="75">
        <v>3</v>
      </c>
      <c r="FC40" s="76">
        <v>8</v>
      </c>
      <c r="FD40" s="245"/>
      <c r="FE40" s="75">
        <v>11</v>
      </c>
      <c r="FF40" s="75">
        <v>2</v>
      </c>
      <c r="FG40" s="75">
        <v>8</v>
      </c>
      <c r="FH40" s="75">
        <v>2</v>
      </c>
      <c r="FI40" s="75">
        <v>1</v>
      </c>
      <c r="FJ40" s="76">
        <v>24</v>
      </c>
      <c r="FK40" s="77">
        <v>32</v>
      </c>
      <c r="FL40" s="74">
        <v>1</v>
      </c>
      <c r="FM40" s="75">
        <v>1</v>
      </c>
      <c r="FN40" s="76">
        <v>2</v>
      </c>
      <c r="FO40" s="245"/>
      <c r="FP40" s="75">
        <v>5</v>
      </c>
      <c r="FQ40" s="75">
        <v>3</v>
      </c>
      <c r="FR40" s="75">
        <v>7</v>
      </c>
      <c r="FS40" s="75">
        <v>8</v>
      </c>
      <c r="FT40" s="75">
        <v>4</v>
      </c>
      <c r="FU40" s="76">
        <v>27</v>
      </c>
      <c r="FV40" s="77">
        <v>29</v>
      </c>
      <c r="FW40" s="74">
        <v>0</v>
      </c>
      <c r="FX40" s="75">
        <v>0</v>
      </c>
      <c r="FY40" s="76">
        <v>0</v>
      </c>
      <c r="FZ40" s="245"/>
      <c r="GA40" s="75">
        <v>0</v>
      </c>
      <c r="GB40" s="75">
        <v>1</v>
      </c>
      <c r="GC40" s="75">
        <v>2</v>
      </c>
      <c r="GD40" s="75">
        <v>0</v>
      </c>
      <c r="GE40" s="75">
        <v>0</v>
      </c>
      <c r="GF40" s="76">
        <v>3</v>
      </c>
      <c r="GG40" s="77">
        <v>3</v>
      </c>
      <c r="GH40" s="74">
        <v>13</v>
      </c>
      <c r="GI40" s="75">
        <v>5</v>
      </c>
      <c r="GJ40" s="76">
        <v>18</v>
      </c>
      <c r="GK40" s="245"/>
      <c r="GL40" s="75">
        <v>26</v>
      </c>
      <c r="GM40" s="75">
        <v>15</v>
      </c>
      <c r="GN40" s="75">
        <v>26</v>
      </c>
      <c r="GO40" s="75">
        <v>14</v>
      </c>
      <c r="GP40" s="75">
        <v>10</v>
      </c>
      <c r="GQ40" s="76">
        <v>91</v>
      </c>
      <c r="GR40" s="77">
        <v>109</v>
      </c>
      <c r="GS40" s="124">
        <v>16</v>
      </c>
      <c r="GT40" s="87">
        <v>9</v>
      </c>
      <c r="GU40" s="88">
        <v>25</v>
      </c>
      <c r="GV40" s="242"/>
      <c r="GW40" s="87">
        <v>38</v>
      </c>
      <c r="GX40" s="87">
        <v>18</v>
      </c>
      <c r="GY40" s="87">
        <v>36</v>
      </c>
      <c r="GZ40" s="87">
        <v>18</v>
      </c>
      <c r="HA40" s="87">
        <v>16</v>
      </c>
      <c r="HB40" s="89">
        <v>126</v>
      </c>
      <c r="HC40" s="90">
        <v>151</v>
      </c>
      <c r="HD40" s="74">
        <v>0</v>
      </c>
      <c r="HE40" s="75">
        <v>1</v>
      </c>
      <c r="HF40" s="76">
        <v>1</v>
      </c>
      <c r="HG40" s="245"/>
      <c r="HH40" s="75">
        <v>2</v>
      </c>
      <c r="HI40" s="75">
        <v>0</v>
      </c>
      <c r="HJ40" s="75">
        <v>2</v>
      </c>
      <c r="HK40" s="75">
        <v>0</v>
      </c>
      <c r="HL40" s="75">
        <v>3</v>
      </c>
      <c r="HM40" s="76">
        <v>7</v>
      </c>
      <c r="HN40" s="77">
        <v>8</v>
      </c>
      <c r="HO40" s="74">
        <v>2</v>
      </c>
      <c r="HP40" s="75">
        <v>1</v>
      </c>
      <c r="HQ40" s="76">
        <v>3</v>
      </c>
      <c r="HR40" s="245"/>
      <c r="HS40" s="75">
        <v>1</v>
      </c>
      <c r="HT40" s="75">
        <v>2</v>
      </c>
      <c r="HU40" s="75">
        <v>3</v>
      </c>
      <c r="HV40" s="75">
        <v>1</v>
      </c>
      <c r="HW40" s="75">
        <v>0</v>
      </c>
      <c r="HX40" s="76">
        <v>7</v>
      </c>
      <c r="HY40" s="77">
        <v>10</v>
      </c>
      <c r="HZ40" s="74">
        <v>1</v>
      </c>
      <c r="IA40" s="75">
        <v>0</v>
      </c>
      <c r="IB40" s="76">
        <v>1</v>
      </c>
      <c r="IC40" s="245"/>
      <c r="ID40" s="75">
        <v>4</v>
      </c>
      <c r="IE40" s="75">
        <v>3</v>
      </c>
      <c r="IF40" s="75">
        <v>5</v>
      </c>
      <c r="IG40" s="75">
        <v>4</v>
      </c>
      <c r="IH40" s="75">
        <v>2</v>
      </c>
      <c r="II40" s="76">
        <v>18</v>
      </c>
      <c r="IJ40" s="77">
        <v>19</v>
      </c>
      <c r="IK40" s="74">
        <v>7</v>
      </c>
      <c r="IL40" s="75">
        <v>2</v>
      </c>
      <c r="IM40" s="76">
        <v>9</v>
      </c>
      <c r="IN40" s="245"/>
      <c r="IO40" s="75">
        <v>10</v>
      </c>
      <c r="IP40" s="75">
        <v>5</v>
      </c>
      <c r="IQ40" s="75">
        <v>7</v>
      </c>
      <c r="IR40" s="75">
        <v>1</v>
      </c>
      <c r="IS40" s="75">
        <v>3</v>
      </c>
      <c r="IT40" s="76">
        <v>26</v>
      </c>
      <c r="IU40" s="77">
        <v>35</v>
      </c>
      <c r="IV40" s="74">
        <v>5</v>
      </c>
      <c r="IW40" s="75">
        <v>4</v>
      </c>
      <c r="IX40" s="76">
        <v>9</v>
      </c>
      <c r="IY40" s="245"/>
      <c r="IZ40" s="75">
        <v>12</v>
      </c>
      <c r="JA40" s="75">
        <v>4</v>
      </c>
      <c r="JB40" s="75">
        <v>11</v>
      </c>
      <c r="JC40" s="75">
        <v>3</v>
      </c>
      <c r="JD40" s="75">
        <v>3</v>
      </c>
      <c r="JE40" s="76">
        <v>33</v>
      </c>
      <c r="JF40" s="77">
        <v>42</v>
      </c>
      <c r="JG40" s="74">
        <v>1</v>
      </c>
      <c r="JH40" s="75">
        <v>1</v>
      </c>
      <c r="JI40" s="76">
        <v>2</v>
      </c>
      <c r="JJ40" s="245"/>
      <c r="JK40" s="75">
        <v>9</v>
      </c>
      <c r="JL40" s="75">
        <v>4</v>
      </c>
      <c r="JM40" s="75">
        <v>8</v>
      </c>
      <c r="JN40" s="75">
        <v>9</v>
      </c>
      <c r="JO40" s="75">
        <v>5</v>
      </c>
      <c r="JP40" s="76">
        <v>35</v>
      </c>
      <c r="JQ40" s="77">
        <v>37</v>
      </c>
      <c r="JR40" s="74">
        <v>0</v>
      </c>
      <c r="JS40" s="75">
        <v>0</v>
      </c>
      <c r="JT40" s="76">
        <v>0</v>
      </c>
      <c r="JU40" s="245"/>
      <c r="JV40" s="75">
        <v>1</v>
      </c>
      <c r="JW40" s="75">
        <v>1</v>
      </c>
      <c r="JX40" s="75">
        <v>2</v>
      </c>
      <c r="JY40" s="75">
        <v>1</v>
      </c>
      <c r="JZ40" s="75">
        <v>0</v>
      </c>
      <c r="KA40" s="76">
        <v>5</v>
      </c>
      <c r="KB40" s="77">
        <v>5</v>
      </c>
      <c r="KC40" s="74">
        <v>16</v>
      </c>
      <c r="KD40" s="75">
        <v>9</v>
      </c>
      <c r="KE40" s="76">
        <v>25</v>
      </c>
      <c r="KF40" s="245"/>
      <c r="KG40" s="75">
        <v>39</v>
      </c>
      <c r="KH40" s="75">
        <v>19</v>
      </c>
      <c r="KI40" s="75">
        <v>38</v>
      </c>
      <c r="KJ40" s="75">
        <v>19</v>
      </c>
      <c r="KK40" s="75">
        <v>16</v>
      </c>
      <c r="KL40" s="76">
        <v>131</v>
      </c>
      <c r="KM40" s="77">
        <v>156</v>
      </c>
    </row>
    <row r="41" spans="2:299" ht="32.25" customHeight="1" x14ac:dyDescent="0.2">
      <c r="C41" s="311" t="s">
        <v>126</v>
      </c>
    </row>
  </sheetData>
  <mergeCells count="36">
    <mergeCell ref="GS3:KM3"/>
    <mergeCell ref="GS4:JQ4"/>
    <mergeCell ref="JR4:KB5"/>
    <mergeCell ref="KC4:KM5"/>
    <mergeCell ref="GS5:HC5"/>
    <mergeCell ref="HD5:HN5"/>
    <mergeCell ref="HO5:HY5"/>
    <mergeCell ref="HZ5:IJ5"/>
    <mergeCell ref="IK5:IU5"/>
    <mergeCell ref="IV5:JF5"/>
    <mergeCell ref="JG5:JQ5"/>
    <mergeCell ref="B3:B5"/>
    <mergeCell ref="CX3:GR3"/>
    <mergeCell ref="CX4:FV4"/>
    <mergeCell ref="FW4:GG5"/>
    <mergeCell ref="GH4:GR5"/>
    <mergeCell ref="CX5:DH5"/>
    <mergeCell ref="DI5:DS5"/>
    <mergeCell ref="DT5:ED5"/>
    <mergeCell ref="EE5:EO5"/>
    <mergeCell ref="EP5:EZ5"/>
    <mergeCell ref="FA5:FK5"/>
    <mergeCell ref="FL5:FV5"/>
    <mergeCell ref="I1:J1"/>
    <mergeCell ref="CB4:CL5"/>
    <mergeCell ref="CM4:CW5"/>
    <mergeCell ref="C5:M5"/>
    <mergeCell ref="N5:X5"/>
    <mergeCell ref="Y5:AI5"/>
    <mergeCell ref="AJ5:AT5"/>
    <mergeCell ref="AU5:BE5"/>
    <mergeCell ref="BF5:BP5"/>
    <mergeCell ref="BQ5:CA5"/>
    <mergeCell ref="C3:CW3"/>
    <mergeCell ref="C4:CA4"/>
    <mergeCell ref="F1:G1"/>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E1" s="368">
        <f>第１表!F2</f>
        <v>4</v>
      </c>
      <c r="F1" s="251">
        <f>第１表!G2</f>
        <v>9</v>
      </c>
      <c r="G1" s="555">
        <f>IF(F1&lt;3,F1-2+12,F1-2)</f>
        <v>7</v>
      </c>
      <c r="H1" s="555"/>
    </row>
    <row r="2" spans="2:43" ht="24" customHeight="1" thickBot="1" x14ac:dyDescent="0.25">
      <c r="B2" s="20" t="s">
        <v>158</v>
      </c>
      <c r="F2" s="20" t="s">
        <v>140</v>
      </c>
    </row>
    <row r="3" spans="2:43" ht="24.75" customHeight="1" x14ac:dyDescent="0.2">
      <c r="B3" s="573"/>
      <c r="C3" s="576" t="s">
        <v>57</v>
      </c>
      <c r="D3" s="577"/>
      <c r="E3" s="577"/>
      <c r="F3" s="577"/>
      <c r="G3" s="577"/>
      <c r="H3" s="577"/>
      <c r="I3" s="577"/>
      <c r="J3" s="577"/>
      <c r="K3" s="577"/>
      <c r="L3" s="577"/>
      <c r="M3" s="576" t="s">
        <v>58</v>
      </c>
      <c r="N3" s="579"/>
      <c r="O3" s="579"/>
      <c r="P3" s="579"/>
      <c r="Q3" s="579"/>
      <c r="R3" s="579"/>
      <c r="S3" s="579"/>
      <c r="T3" s="579"/>
      <c r="U3" s="579"/>
      <c r="V3" s="579"/>
      <c r="W3" s="576" t="s">
        <v>59</v>
      </c>
      <c r="X3" s="577"/>
      <c r="Y3" s="577"/>
      <c r="Z3" s="577"/>
      <c r="AA3" s="577"/>
      <c r="AB3" s="577"/>
      <c r="AC3" s="577"/>
      <c r="AD3" s="577"/>
      <c r="AE3" s="577"/>
      <c r="AF3" s="577"/>
      <c r="AG3" s="605" t="s">
        <v>151</v>
      </c>
      <c r="AH3" s="577"/>
      <c r="AI3" s="577"/>
      <c r="AJ3" s="577"/>
      <c r="AK3" s="577"/>
      <c r="AL3" s="577"/>
      <c r="AM3" s="577"/>
      <c r="AN3" s="577"/>
      <c r="AO3" s="577"/>
      <c r="AP3" s="578"/>
    </row>
    <row r="4" spans="2:43" ht="24.75" customHeight="1" x14ac:dyDescent="0.2">
      <c r="B4" s="575"/>
      <c r="C4" s="581" t="s">
        <v>61</v>
      </c>
      <c r="D4" s="582"/>
      <c r="E4" s="583"/>
      <c r="F4" s="584" t="s">
        <v>62</v>
      </c>
      <c r="G4" s="585"/>
      <c r="H4" s="585"/>
      <c r="I4" s="585"/>
      <c r="J4" s="585"/>
      <c r="K4" s="586"/>
      <c r="L4" s="597" t="s">
        <v>52</v>
      </c>
      <c r="M4" s="581" t="s">
        <v>61</v>
      </c>
      <c r="N4" s="582"/>
      <c r="O4" s="583"/>
      <c r="P4" s="584" t="s">
        <v>62</v>
      </c>
      <c r="Q4" s="585"/>
      <c r="R4" s="585"/>
      <c r="S4" s="585"/>
      <c r="T4" s="585"/>
      <c r="U4" s="586"/>
      <c r="V4" s="587" t="s">
        <v>52</v>
      </c>
      <c r="W4" s="581" t="s">
        <v>61</v>
      </c>
      <c r="X4" s="582"/>
      <c r="Y4" s="583"/>
      <c r="Z4" s="584" t="s">
        <v>62</v>
      </c>
      <c r="AA4" s="585"/>
      <c r="AB4" s="585"/>
      <c r="AC4" s="585"/>
      <c r="AD4" s="585"/>
      <c r="AE4" s="586"/>
      <c r="AF4" s="597" t="s">
        <v>52</v>
      </c>
      <c r="AG4" s="581" t="s">
        <v>61</v>
      </c>
      <c r="AH4" s="582"/>
      <c r="AI4" s="583"/>
      <c r="AJ4" s="584" t="s">
        <v>62</v>
      </c>
      <c r="AK4" s="585"/>
      <c r="AL4" s="585"/>
      <c r="AM4" s="585"/>
      <c r="AN4" s="585"/>
      <c r="AO4" s="586"/>
      <c r="AP4" s="587" t="s">
        <v>52</v>
      </c>
    </row>
    <row r="5" spans="2:43" ht="24.75" customHeight="1" thickBot="1" x14ac:dyDescent="0.25">
      <c r="B5" s="363" t="s">
        <v>42</v>
      </c>
      <c r="C5" s="31" t="s">
        <v>43</v>
      </c>
      <c r="D5" s="32" t="s">
        <v>44</v>
      </c>
      <c r="E5" s="32" t="s">
        <v>45</v>
      </c>
      <c r="F5" s="33" t="s">
        <v>47</v>
      </c>
      <c r="G5" s="34" t="s">
        <v>48</v>
      </c>
      <c r="H5" s="34" t="s">
        <v>49</v>
      </c>
      <c r="I5" s="35" t="s">
        <v>50</v>
      </c>
      <c r="J5" s="32" t="s">
        <v>51</v>
      </c>
      <c r="K5" s="36" t="s">
        <v>95</v>
      </c>
      <c r="L5" s="596"/>
      <c r="M5" s="31" t="s">
        <v>43</v>
      </c>
      <c r="N5" s="32" t="s">
        <v>44</v>
      </c>
      <c r="O5" s="36" t="s">
        <v>45</v>
      </c>
      <c r="P5" s="15" t="s">
        <v>47</v>
      </c>
      <c r="Q5" s="34" t="s">
        <v>48</v>
      </c>
      <c r="R5" s="34" t="s">
        <v>49</v>
      </c>
      <c r="S5" s="35" t="s">
        <v>50</v>
      </c>
      <c r="T5" s="32" t="s">
        <v>51</v>
      </c>
      <c r="U5" s="36" t="s">
        <v>45</v>
      </c>
      <c r="V5" s="588"/>
      <c r="W5" s="31" t="s">
        <v>43</v>
      </c>
      <c r="X5" s="32" t="s">
        <v>44</v>
      </c>
      <c r="Y5" s="32" t="s">
        <v>45</v>
      </c>
      <c r="Z5" s="33" t="s">
        <v>47</v>
      </c>
      <c r="AA5" s="34" t="s">
        <v>48</v>
      </c>
      <c r="AB5" s="34" t="s">
        <v>49</v>
      </c>
      <c r="AC5" s="35" t="s">
        <v>50</v>
      </c>
      <c r="AD5" s="32" t="s">
        <v>51</v>
      </c>
      <c r="AE5" s="36" t="s">
        <v>45</v>
      </c>
      <c r="AF5" s="596"/>
      <c r="AG5" s="31" t="s">
        <v>43</v>
      </c>
      <c r="AH5" s="32" t="s">
        <v>44</v>
      </c>
      <c r="AI5" s="32" t="s">
        <v>45</v>
      </c>
      <c r="AJ5" s="33" t="s">
        <v>47</v>
      </c>
      <c r="AK5" s="34" t="s">
        <v>48</v>
      </c>
      <c r="AL5" s="34" t="s">
        <v>49</v>
      </c>
      <c r="AM5" s="35" t="s">
        <v>50</v>
      </c>
      <c r="AN5" s="32" t="s">
        <v>51</v>
      </c>
      <c r="AO5" s="36" t="s">
        <v>45</v>
      </c>
      <c r="AP5" s="588"/>
    </row>
    <row r="6" spans="2:43" ht="20.25" customHeight="1" x14ac:dyDescent="0.2">
      <c r="B6" s="362" t="s">
        <v>4</v>
      </c>
      <c r="C6" s="185">
        <v>0</v>
      </c>
      <c r="D6" s="186">
        <v>0</v>
      </c>
      <c r="E6" s="186">
        <v>0</v>
      </c>
      <c r="F6" s="187">
        <v>12</v>
      </c>
      <c r="G6" s="188">
        <v>56</v>
      </c>
      <c r="H6" s="188">
        <v>464</v>
      </c>
      <c r="I6" s="188">
        <v>660</v>
      </c>
      <c r="J6" s="186">
        <v>381</v>
      </c>
      <c r="K6" s="189">
        <v>1573</v>
      </c>
      <c r="L6" s="190">
        <v>1573</v>
      </c>
      <c r="M6" s="185">
        <v>0</v>
      </c>
      <c r="N6" s="186">
        <v>0</v>
      </c>
      <c r="O6" s="189">
        <v>0</v>
      </c>
      <c r="P6" s="192">
        <v>92</v>
      </c>
      <c r="Q6" s="188">
        <v>197</v>
      </c>
      <c r="R6" s="188">
        <v>273</v>
      </c>
      <c r="S6" s="188">
        <v>336</v>
      </c>
      <c r="T6" s="186">
        <v>168</v>
      </c>
      <c r="U6" s="189">
        <v>1066</v>
      </c>
      <c r="V6" s="193">
        <v>1066</v>
      </c>
      <c r="W6" s="192">
        <v>0</v>
      </c>
      <c r="X6" s="186">
        <v>0</v>
      </c>
      <c r="Y6" s="186">
        <v>0</v>
      </c>
      <c r="Z6" s="187">
        <v>0</v>
      </c>
      <c r="AA6" s="188">
        <v>0</v>
      </c>
      <c r="AB6" s="188">
        <v>1</v>
      </c>
      <c r="AC6" s="188">
        <v>14</v>
      </c>
      <c r="AD6" s="186">
        <v>14</v>
      </c>
      <c r="AE6" s="189">
        <v>29</v>
      </c>
      <c r="AF6" s="190">
        <v>29</v>
      </c>
      <c r="AG6" s="185">
        <v>0</v>
      </c>
      <c r="AH6" s="186">
        <v>0</v>
      </c>
      <c r="AI6" s="186">
        <v>0</v>
      </c>
      <c r="AJ6" s="187">
        <v>0</v>
      </c>
      <c r="AK6" s="188">
        <v>1</v>
      </c>
      <c r="AL6" s="188">
        <v>3</v>
      </c>
      <c r="AM6" s="188">
        <v>18</v>
      </c>
      <c r="AN6" s="186">
        <v>24</v>
      </c>
      <c r="AO6" s="189">
        <v>46</v>
      </c>
      <c r="AP6" s="191">
        <v>46</v>
      </c>
      <c r="AQ6" s="37"/>
    </row>
    <row r="7" spans="2:43" ht="20.25" customHeight="1" x14ac:dyDescent="0.2">
      <c r="B7" s="62" t="s">
        <v>5</v>
      </c>
      <c r="C7" s="194">
        <v>0</v>
      </c>
      <c r="D7" s="195">
        <v>0</v>
      </c>
      <c r="E7" s="195">
        <v>0</v>
      </c>
      <c r="F7" s="196">
        <v>5</v>
      </c>
      <c r="G7" s="197">
        <v>37</v>
      </c>
      <c r="H7" s="197">
        <v>244</v>
      </c>
      <c r="I7" s="197">
        <v>282</v>
      </c>
      <c r="J7" s="195">
        <v>173</v>
      </c>
      <c r="K7" s="198">
        <v>741</v>
      </c>
      <c r="L7" s="199">
        <v>741</v>
      </c>
      <c r="M7" s="194">
        <v>0</v>
      </c>
      <c r="N7" s="195">
        <v>0</v>
      </c>
      <c r="O7" s="198">
        <v>0</v>
      </c>
      <c r="P7" s="201">
        <v>37</v>
      </c>
      <c r="Q7" s="197">
        <v>105</v>
      </c>
      <c r="R7" s="197">
        <v>131</v>
      </c>
      <c r="S7" s="197">
        <v>174</v>
      </c>
      <c r="T7" s="195">
        <v>90</v>
      </c>
      <c r="U7" s="198">
        <v>537</v>
      </c>
      <c r="V7" s="202">
        <v>537</v>
      </c>
      <c r="W7" s="201">
        <v>0</v>
      </c>
      <c r="X7" s="195">
        <v>0</v>
      </c>
      <c r="Y7" s="195">
        <v>0</v>
      </c>
      <c r="Z7" s="196">
        <v>0</v>
      </c>
      <c r="AA7" s="197">
        <v>0</v>
      </c>
      <c r="AB7" s="197">
        <v>0</v>
      </c>
      <c r="AC7" s="197">
        <v>4</v>
      </c>
      <c r="AD7" s="195">
        <v>5</v>
      </c>
      <c r="AE7" s="198">
        <v>9</v>
      </c>
      <c r="AF7" s="199">
        <v>9</v>
      </c>
      <c r="AG7" s="194">
        <v>0</v>
      </c>
      <c r="AH7" s="195">
        <v>0</v>
      </c>
      <c r="AI7" s="195">
        <v>0</v>
      </c>
      <c r="AJ7" s="196">
        <v>0</v>
      </c>
      <c r="AK7" s="197">
        <v>0</v>
      </c>
      <c r="AL7" s="197">
        <v>1</v>
      </c>
      <c r="AM7" s="197">
        <v>6</v>
      </c>
      <c r="AN7" s="195">
        <v>7</v>
      </c>
      <c r="AO7" s="198">
        <v>14</v>
      </c>
      <c r="AP7" s="200">
        <v>14</v>
      </c>
      <c r="AQ7" s="37"/>
    </row>
    <row r="8" spans="2:43" ht="20.25" customHeight="1" x14ac:dyDescent="0.2">
      <c r="B8" s="62" t="s">
        <v>6</v>
      </c>
      <c r="C8" s="194">
        <v>0</v>
      </c>
      <c r="D8" s="195">
        <v>0</v>
      </c>
      <c r="E8" s="195">
        <v>0</v>
      </c>
      <c r="F8" s="196">
        <v>1</v>
      </c>
      <c r="G8" s="197">
        <v>5</v>
      </c>
      <c r="H8" s="197">
        <v>42</v>
      </c>
      <c r="I8" s="197">
        <v>56</v>
      </c>
      <c r="J8" s="195">
        <v>47</v>
      </c>
      <c r="K8" s="198">
        <v>151</v>
      </c>
      <c r="L8" s="199">
        <v>151</v>
      </c>
      <c r="M8" s="194">
        <v>0</v>
      </c>
      <c r="N8" s="195">
        <v>0</v>
      </c>
      <c r="O8" s="198">
        <v>0</v>
      </c>
      <c r="P8" s="201">
        <v>12</v>
      </c>
      <c r="Q8" s="197">
        <v>24</v>
      </c>
      <c r="R8" s="197">
        <v>27</v>
      </c>
      <c r="S8" s="197">
        <v>34</v>
      </c>
      <c r="T8" s="195">
        <v>19</v>
      </c>
      <c r="U8" s="198">
        <v>116</v>
      </c>
      <c r="V8" s="202">
        <v>116</v>
      </c>
      <c r="W8" s="201">
        <v>0</v>
      </c>
      <c r="X8" s="195">
        <v>0</v>
      </c>
      <c r="Y8" s="195">
        <v>0</v>
      </c>
      <c r="Z8" s="196">
        <v>0</v>
      </c>
      <c r="AA8" s="197">
        <v>0</v>
      </c>
      <c r="AB8" s="197">
        <v>1</v>
      </c>
      <c r="AC8" s="197">
        <v>7</v>
      </c>
      <c r="AD8" s="195">
        <v>7</v>
      </c>
      <c r="AE8" s="198">
        <v>15</v>
      </c>
      <c r="AF8" s="199">
        <v>15</v>
      </c>
      <c r="AG8" s="194">
        <v>0</v>
      </c>
      <c r="AH8" s="195">
        <v>0</v>
      </c>
      <c r="AI8" s="195">
        <v>0</v>
      </c>
      <c r="AJ8" s="196">
        <v>0</v>
      </c>
      <c r="AK8" s="197">
        <v>0</v>
      </c>
      <c r="AL8" s="197">
        <v>0</v>
      </c>
      <c r="AM8" s="197">
        <v>1</v>
      </c>
      <c r="AN8" s="195">
        <v>6</v>
      </c>
      <c r="AO8" s="198">
        <v>7</v>
      </c>
      <c r="AP8" s="200">
        <v>7</v>
      </c>
      <c r="AQ8" s="37"/>
    </row>
    <row r="9" spans="2:43" ht="20.25" customHeight="1" x14ac:dyDescent="0.2">
      <c r="B9" s="62" t="s">
        <v>14</v>
      </c>
      <c r="C9" s="194">
        <v>0</v>
      </c>
      <c r="D9" s="195">
        <v>0</v>
      </c>
      <c r="E9" s="195">
        <v>0</v>
      </c>
      <c r="F9" s="196">
        <v>1</v>
      </c>
      <c r="G9" s="197">
        <v>1</v>
      </c>
      <c r="H9" s="197">
        <v>32</v>
      </c>
      <c r="I9" s="197">
        <v>55</v>
      </c>
      <c r="J9" s="195">
        <v>28</v>
      </c>
      <c r="K9" s="198">
        <v>117</v>
      </c>
      <c r="L9" s="199">
        <v>117</v>
      </c>
      <c r="M9" s="194">
        <v>0</v>
      </c>
      <c r="N9" s="195">
        <v>0</v>
      </c>
      <c r="O9" s="198">
        <v>0</v>
      </c>
      <c r="P9" s="201">
        <v>2</v>
      </c>
      <c r="Q9" s="197">
        <v>8</v>
      </c>
      <c r="R9" s="197">
        <v>14</v>
      </c>
      <c r="S9" s="197">
        <v>19</v>
      </c>
      <c r="T9" s="195">
        <v>7</v>
      </c>
      <c r="U9" s="198">
        <v>50</v>
      </c>
      <c r="V9" s="202">
        <v>50</v>
      </c>
      <c r="W9" s="201">
        <v>0</v>
      </c>
      <c r="X9" s="195">
        <v>0</v>
      </c>
      <c r="Y9" s="195">
        <v>0</v>
      </c>
      <c r="Z9" s="196">
        <v>0</v>
      </c>
      <c r="AA9" s="197">
        <v>0</v>
      </c>
      <c r="AB9" s="197">
        <v>0</v>
      </c>
      <c r="AC9" s="197">
        <v>2</v>
      </c>
      <c r="AD9" s="195">
        <v>2</v>
      </c>
      <c r="AE9" s="198">
        <v>4</v>
      </c>
      <c r="AF9" s="199">
        <v>4</v>
      </c>
      <c r="AG9" s="194">
        <v>0</v>
      </c>
      <c r="AH9" s="195">
        <v>0</v>
      </c>
      <c r="AI9" s="195">
        <v>0</v>
      </c>
      <c r="AJ9" s="196">
        <v>0</v>
      </c>
      <c r="AK9" s="197">
        <v>0</v>
      </c>
      <c r="AL9" s="197">
        <v>0</v>
      </c>
      <c r="AM9" s="197">
        <v>3</v>
      </c>
      <c r="AN9" s="195">
        <v>3</v>
      </c>
      <c r="AO9" s="198">
        <v>6</v>
      </c>
      <c r="AP9" s="200">
        <v>6</v>
      </c>
      <c r="AQ9" s="37"/>
    </row>
    <row r="10" spans="2:43" ht="20.25" customHeight="1" x14ac:dyDescent="0.2">
      <c r="B10" s="62" t="s">
        <v>7</v>
      </c>
      <c r="C10" s="194">
        <v>0</v>
      </c>
      <c r="D10" s="195">
        <v>0</v>
      </c>
      <c r="E10" s="195">
        <v>0</v>
      </c>
      <c r="F10" s="196">
        <v>0</v>
      </c>
      <c r="G10" s="197">
        <v>4</v>
      </c>
      <c r="H10" s="197">
        <v>25</v>
      </c>
      <c r="I10" s="197">
        <v>59</v>
      </c>
      <c r="J10" s="195">
        <v>30</v>
      </c>
      <c r="K10" s="198">
        <v>118</v>
      </c>
      <c r="L10" s="199">
        <v>118</v>
      </c>
      <c r="M10" s="194">
        <v>0</v>
      </c>
      <c r="N10" s="195">
        <v>0</v>
      </c>
      <c r="O10" s="198">
        <v>0</v>
      </c>
      <c r="P10" s="201">
        <v>10</v>
      </c>
      <c r="Q10" s="197">
        <v>17</v>
      </c>
      <c r="R10" s="197">
        <v>13</v>
      </c>
      <c r="S10" s="197">
        <v>26</v>
      </c>
      <c r="T10" s="195">
        <v>9</v>
      </c>
      <c r="U10" s="198">
        <v>75</v>
      </c>
      <c r="V10" s="202">
        <v>75</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0.25" customHeight="1" x14ac:dyDescent="0.2">
      <c r="B11" s="62" t="s">
        <v>8</v>
      </c>
      <c r="C11" s="194">
        <v>0</v>
      </c>
      <c r="D11" s="195">
        <v>0</v>
      </c>
      <c r="E11" s="195">
        <v>0</v>
      </c>
      <c r="F11" s="196">
        <v>2</v>
      </c>
      <c r="G11" s="197">
        <v>3</v>
      </c>
      <c r="H11" s="197">
        <v>9</v>
      </c>
      <c r="I11" s="197">
        <v>8</v>
      </c>
      <c r="J11" s="195">
        <v>7</v>
      </c>
      <c r="K11" s="198">
        <v>29</v>
      </c>
      <c r="L11" s="199">
        <v>29</v>
      </c>
      <c r="M11" s="194">
        <v>0</v>
      </c>
      <c r="N11" s="195">
        <v>0</v>
      </c>
      <c r="O11" s="198">
        <v>0</v>
      </c>
      <c r="P11" s="201">
        <v>1</v>
      </c>
      <c r="Q11" s="197">
        <v>4</v>
      </c>
      <c r="R11" s="197">
        <v>9</v>
      </c>
      <c r="S11" s="197">
        <v>6</v>
      </c>
      <c r="T11" s="195">
        <v>2</v>
      </c>
      <c r="U11" s="198">
        <v>22</v>
      </c>
      <c r="V11" s="202">
        <v>22</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0</v>
      </c>
      <c r="AL11" s="197">
        <v>0</v>
      </c>
      <c r="AM11" s="197">
        <v>0</v>
      </c>
      <c r="AN11" s="195">
        <v>0</v>
      </c>
      <c r="AO11" s="198">
        <v>0</v>
      </c>
      <c r="AP11" s="200">
        <v>0</v>
      </c>
      <c r="AQ11" s="37"/>
    </row>
    <row r="12" spans="2:43" ht="20.25" customHeight="1" x14ac:dyDescent="0.2">
      <c r="B12" s="62" t="s">
        <v>9</v>
      </c>
      <c r="C12" s="194">
        <v>0</v>
      </c>
      <c r="D12" s="195">
        <v>0</v>
      </c>
      <c r="E12" s="195">
        <v>0</v>
      </c>
      <c r="F12" s="196">
        <v>0</v>
      </c>
      <c r="G12" s="197">
        <v>0</v>
      </c>
      <c r="H12" s="197">
        <v>15</v>
      </c>
      <c r="I12" s="197">
        <v>27</v>
      </c>
      <c r="J12" s="195">
        <v>9</v>
      </c>
      <c r="K12" s="198">
        <v>51</v>
      </c>
      <c r="L12" s="199">
        <v>51</v>
      </c>
      <c r="M12" s="194">
        <v>0</v>
      </c>
      <c r="N12" s="195">
        <v>0</v>
      </c>
      <c r="O12" s="198">
        <v>0</v>
      </c>
      <c r="P12" s="201">
        <v>2</v>
      </c>
      <c r="Q12" s="197">
        <v>6</v>
      </c>
      <c r="R12" s="197">
        <v>8</v>
      </c>
      <c r="S12" s="197">
        <v>5</v>
      </c>
      <c r="T12" s="195">
        <v>2</v>
      </c>
      <c r="U12" s="198">
        <v>23</v>
      </c>
      <c r="V12" s="202">
        <v>23</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1</v>
      </c>
      <c r="AM12" s="197">
        <v>0</v>
      </c>
      <c r="AN12" s="195">
        <v>0</v>
      </c>
      <c r="AO12" s="198">
        <v>1</v>
      </c>
      <c r="AP12" s="200">
        <v>1</v>
      </c>
      <c r="AQ12" s="37"/>
    </row>
    <row r="13" spans="2:43" ht="20.25" customHeight="1" x14ac:dyDescent="0.2">
      <c r="B13" s="62" t="s">
        <v>10</v>
      </c>
      <c r="C13" s="194">
        <v>0</v>
      </c>
      <c r="D13" s="195">
        <v>0</v>
      </c>
      <c r="E13" s="195">
        <v>0</v>
      </c>
      <c r="F13" s="196">
        <v>1</v>
      </c>
      <c r="G13" s="197">
        <v>0</v>
      </c>
      <c r="H13" s="197">
        <v>19</v>
      </c>
      <c r="I13" s="197">
        <v>38</v>
      </c>
      <c r="J13" s="195">
        <v>19</v>
      </c>
      <c r="K13" s="198">
        <v>77</v>
      </c>
      <c r="L13" s="199">
        <v>77</v>
      </c>
      <c r="M13" s="194">
        <v>0</v>
      </c>
      <c r="N13" s="195">
        <v>0</v>
      </c>
      <c r="O13" s="198">
        <v>0</v>
      </c>
      <c r="P13" s="201">
        <v>6</v>
      </c>
      <c r="Q13" s="197">
        <v>5</v>
      </c>
      <c r="R13" s="197">
        <v>10</v>
      </c>
      <c r="S13" s="197">
        <v>15</v>
      </c>
      <c r="T13" s="195">
        <v>7</v>
      </c>
      <c r="U13" s="198">
        <v>43</v>
      </c>
      <c r="V13" s="202">
        <v>43</v>
      </c>
      <c r="W13" s="201">
        <v>0</v>
      </c>
      <c r="X13" s="195">
        <v>0</v>
      </c>
      <c r="Y13" s="195">
        <v>0</v>
      </c>
      <c r="Z13" s="196">
        <v>0</v>
      </c>
      <c r="AA13" s="197">
        <v>0</v>
      </c>
      <c r="AB13" s="197">
        <v>0</v>
      </c>
      <c r="AC13" s="197">
        <v>0</v>
      </c>
      <c r="AD13" s="195">
        <v>0</v>
      </c>
      <c r="AE13" s="198">
        <v>0</v>
      </c>
      <c r="AF13" s="199">
        <v>0</v>
      </c>
      <c r="AG13" s="194">
        <v>0</v>
      </c>
      <c r="AH13" s="195">
        <v>0</v>
      </c>
      <c r="AI13" s="195">
        <v>0</v>
      </c>
      <c r="AJ13" s="196">
        <v>0</v>
      </c>
      <c r="AK13" s="197">
        <v>0</v>
      </c>
      <c r="AL13" s="197">
        <v>0</v>
      </c>
      <c r="AM13" s="197">
        <v>1</v>
      </c>
      <c r="AN13" s="195">
        <v>0</v>
      </c>
      <c r="AO13" s="198">
        <v>1</v>
      </c>
      <c r="AP13" s="200">
        <v>1</v>
      </c>
      <c r="AQ13" s="37"/>
    </row>
    <row r="14" spans="2:43" ht="20.25" customHeight="1" x14ac:dyDescent="0.2">
      <c r="B14" s="62" t="s">
        <v>11</v>
      </c>
      <c r="C14" s="194">
        <v>0</v>
      </c>
      <c r="D14" s="195">
        <v>0</v>
      </c>
      <c r="E14" s="195">
        <v>0</v>
      </c>
      <c r="F14" s="196">
        <v>0</v>
      </c>
      <c r="G14" s="197">
        <v>0</v>
      </c>
      <c r="H14" s="197">
        <v>7</v>
      </c>
      <c r="I14" s="197">
        <v>10</v>
      </c>
      <c r="J14" s="195">
        <v>7</v>
      </c>
      <c r="K14" s="198">
        <v>24</v>
      </c>
      <c r="L14" s="199">
        <v>24</v>
      </c>
      <c r="M14" s="194">
        <v>0</v>
      </c>
      <c r="N14" s="195">
        <v>0</v>
      </c>
      <c r="O14" s="198">
        <v>0</v>
      </c>
      <c r="P14" s="201">
        <v>1</v>
      </c>
      <c r="Q14" s="197">
        <v>4</v>
      </c>
      <c r="R14" s="197">
        <v>7</v>
      </c>
      <c r="S14" s="197">
        <v>4</v>
      </c>
      <c r="T14" s="195">
        <v>4</v>
      </c>
      <c r="U14" s="198">
        <v>20</v>
      </c>
      <c r="V14" s="202">
        <v>20</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1</v>
      </c>
      <c r="AL14" s="197">
        <v>0</v>
      </c>
      <c r="AM14" s="197">
        <v>1</v>
      </c>
      <c r="AN14" s="195">
        <v>0</v>
      </c>
      <c r="AO14" s="198">
        <v>2</v>
      </c>
      <c r="AP14" s="200">
        <v>2</v>
      </c>
      <c r="AQ14" s="37"/>
    </row>
    <row r="15" spans="2:43" ht="20.25" customHeight="1" x14ac:dyDescent="0.2">
      <c r="B15" s="62" t="s">
        <v>12</v>
      </c>
      <c r="C15" s="194">
        <v>0</v>
      </c>
      <c r="D15" s="195">
        <v>0</v>
      </c>
      <c r="E15" s="195">
        <v>0</v>
      </c>
      <c r="F15" s="196">
        <v>0</v>
      </c>
      <c r="G15" s="197">
        <v>0</v>
      </c>
      <c r="H15" s="197">
        <v>7</v>
      </c>
      <c r="I15" s="197">
        <v>14</v>
      </c>
      <c r="J15" s="195">
        <v>4</v>
      </c>
      <c r="K15" s="198">
        <v>25</v>
      </c>
      <c r="L15" s="199">
        <v>25</v>
      </c>
      <c r="M15" s="194">
        <v>0</v>
      </c>
      <c r="N15" s="195">
        <v>0</v>
      </c>
      <c r="O15" s="198">
        <v>0</v>
      </c>
      <c r="P15" s="201">
        <v>3</v>
      </c>
      <c r="Q15" s="197">
        <v>2</v>
      </c>
      <c r="R15" s="197">
        <v>7</v>
      </c>
      <c r="S15" s="197">
        <v>10</v>
      </c>
      <c r="T15" s="195">
        <v>2</v>
      </c>
      <c r="U15" s="198">
        <v>24</v>
      </c>
      <c r="V15" s="202">
        <v>24</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1</v>
      </c>
      <c r="AN15" s="195">
        <v>0</v>
      </c>
      <c r="AO15" s="198">
        <v>1</v>
      </c>
      <c r="AP15" s="200">
        <v>1</v>
      </c>
      <c r="AQ15" s="37"/>
    </row>
    <row r="16" spans="2:43" ht="20.25" customHeight="1" x14ac:dyDescent="0.2">
      <c r="B16" s="62" t="s">
        <v>13</v>
      </c>
      <c r="C16" s="194">
        <v>0</v>
      </c>
      <c r="D16" s="195">
        <v>0</v>
      </c>
      <c r="E16" s="195">
        <v>0</v>
      </c>
      <c r="F16" s="196">
        <v>1</v>
      </c>
      <c r="G16" s="197">
        <v>0</v>
      </c>
      <c r="H16" s="197">
        <v>4</v>
      </c>
      <c r="I16" s="197">
        <v>8</v>
      </c>
      <c r="J16" s="195">
        <v>7</v>
      </c>
      <c r="K16" s="198">
        <v>20</v>
      </c>
      <c r="L16" s="199">
        <v>20</v>
      </c>
      <c r="M16" s="194">
        <v>0</v>
      </c>
      <c r="N16" s="195">
        <v>0</v>
      </c>
      <c r="O16" s="198">
        <v>0</v>
      </c>
      <c r="P16" s="201">
        <v>1</v>
      </c>
      <c r="Q16" s="197">
        <v>3</v>
      </c>
      <c r="R16" s="197">
        <v>2</v>
      </c>
      <c r="S16" s="197">
        <v>2</v>
      </c>
      <c r="T16" s="195">
        <v>2</v>
      </c>
      <c r="U16" s="198">
        <v>10</v>
      </c>
      <c r="V16" s="202">
        <v>10</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0.25" customHeight="1" x14ac:dyDescent="0.2">
      <c r="B17" s="62" t="s">
        <v>15</v>
      </c>
      <c r="C17" s="194">
        <v>0</v>
      </c>
      <c r="D17" s="195">
        <v>0</v>
      </c>
      <c r="E17" s="195">
        <v>0</v>
      </c>
      <c r="F17" s="196">
        <v>0</v>
      </c>
      <c r="G17" s="197">
        <v>0</v>
      </c>
      <c r="H17" s="197">
        <v>3</v>
      </c>
      <c r="I17" s="197">
        <v>3</v>
      </c>
      <c r="J17" s="195">
        <v>0</v>
      </c>
      <c r="K17" s="198">
        <v>6</v>
      </c>
      <c r="L17" s="199">
        <v>6</v>
      </c>
      <c r="M17" s="194">
        <v>0</v>
      </c>
      <c r="N17" s="195">
        <v>0</v>
      </c>
      <c r="O17" s="198">
        <v>0</v>
      </c>
      <c r="P17" s="201">
        <v>1</v>
      </c>
      <c r="Q17" s="197">
        <v>2</v>
      </c>
      <c r="R17" s="197">
        <v>1</v>
      </c>
      <c r="S17" s="197">
        <v>3</v>
      </c>
      <c r="T17" s="195">
        <v>2</v>
      </c>
      <c r="U17" s="198">
        <v>9</v>
      </c>
      <c r="V17" s="202">
        <v>9</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0.25" customHeight="1" x14ac:dyDescent="0.2">
      <c r="B18" s="62" t="s">
        <v>16</v>
      </c>
      <c r="C18" s="194">
        <v>0</v>
      </c>
      <c r="D18" s="195">
        <v>0</v>
      </c>
      <c r="E18" s="195">
        <v>0</v>
      </c>
      <c r="F18" s="196">
        <v>0</v>
      </c>
      <c r="G18" s="197">
        <v>1</v>
      </c>
      <c r="H18" s="197">
        <v>4</v>
      </c>
      <c r="I18" s="197">
        <v>8</v>
      </c>
      <c r="J18" s="195">
        <v>9</v>
      </c>
      <c r="K18" s="198">
        <v>22</v>
      </c>
      <c r="L18" s="199">
        <v>22</v>
      </c>
      <c r="M18" s="194">
        <v>0</v>
      </c>
      <c r="N18" s="195">
        <v>0</v>
      </c>
      <c r="O18" s="198">
        <v>0</v>
      </c>
      <c r="P18" s="201">
        <v>1</v>
      </c>
      <c r="Q18" s="197">
        <v>3</v>
      </c>
      <c r="R18" s="197">
        <v>5</v>
      </c>
      <c r="S18" s="197">
        <v>3</v>
      </c>
      <c r="T18" s="195">
        <v>3</v>
      </c>
      <c r="U18" s="198">
        <v>15</v>
      </c>
      <c r="V18" s="202">
        <v>15</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0</v>
      </c>
      <c r="AM18" s="197">
        <v>0</v>
      </c>
      <c r="AN18" s="195">
        <v>1</v>
      </c>
      <c r="AO18" s="198">
        <v>1</v>
      </c>
      <c r="AP18" s="200">
        <v>1</v>
      </c>
      <c r="AQ18" s="37"/>
    </row>
    <row r="19" spans="2:43" ht="20.25" customHeight="1" x14ac:dyDescent="0.2">
      <c r="B19" s="62" t="s">
        <v>17</v>
      </c>
      <c r="C19" s="194">
        <v>0</v>
      </c>
      <c r="D19" s="195">
        <v>0</v>
      </c>
      <c r="E19" s="195">
        <v>0</v>
      </c>
      <c r="F19" s="196">
        <v>0</v>
      </c>
      <c r="G19" s="197">
        <v>2</v>
      </c>
      <c r="H19" s="197">
        <v>9</v>
      </c>
      <c r="I19" s="197">
        <v>16</v>
      </c>
      <c r="J19" s="195">
        <v>6</v>
      </c>
      <c r="K19" s="198">
        <v>33</v>
      </c>
      <c r="L19" s="199">
        <v>33</v>
      </c>
      <c r="M19" s="194">
        <v>0</v>
      </c>
      <c r="N19" s="195">
        <v>0</v>
      </c>
      <c r="O19" s="198">
        <v>0</v>
      </c>
      <c r="P19" s="201">
        <v>4</v>
      </c>
      <c r="Q19" s="197">
        <v>3</v>
      </c>
      <c r="R19" s="197">
        <v>7</v>
      </c>
      <c r="S19" s="197">
        <v>5</v>
      </c>
      <c r="T19" s="195">
        <v>6</v>
      </c>
      <c r="U19" s="198">
        <v>25</v>
      </c>
      <c r="V19" s="202">
        <v>25</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1</v>
      </c>
      <c r="AO19" s="198">
        <v>1</v>
      </c>
      <c r="AP19" s="200">
        <v>1</v>
      </c>
      <c r="AQ19" s="37"/>
    </row>
    <row r="20" spans="2:43" ht="20.25" customHeight="1" x14ac:dyDescent="0.2">
      <c r="B20" s="62" t="s">
        <v>18</v>
      </c>
      <c r="C20" s="194">
        <v>0</v>
      </c>
      <c r="D20" s="195">
        <v>0</v>
      </c>
      <c r="E20" s="195">
        <v>0</v>
      </c>
      <c r="F20" s="196">
        <v>0</v>
      </c>
      <c r="G20" s="197">
        <v>0</v>
      </c>
      <c r="H20" s="197">
        <v>9</v>
      </c>
      <c r="I20" s="197">
        <v>22</v>
      </c>
      <c r="J20" s="195">
        <v>7</v>
      </c>
      <c r="K20" s="198">
        <v>38</v>
      </c>
      <c r="L20" s="199">
        <v>38</v>
      </c>
      <c r="M20" s="194">
        <v>0</v>
      </c>
      <c r="N20" s="195">
        <v>0</v>
      </c>
      <c r="O20" s="198">
        <v>0</v>
      </c>
      <c r="P20" s="201">
        <v>2</v>
      </c>
      <c r="Q20" s="197">
        <v>2</v>
      </c>
      <c r="R20" s="197">
        <v>2</v>
      </c>
      <c r="S20" s="197">
        <v>6</v>
      </c>
      <c r="T20" s="195">
        <v>4</v>
      </c>
      <c r="U20" s="198">
        <v>16</v>
      </c>
      <c r="V20" s="202">
        <v>16</v>
      </c>
      <c r="W20" s="201">
        <v>0</v>
      </c>
      <c r="X20" s="195">
        <v>0</v>
      </c>
      <c r="Y20" s="195">
        <v>0</v>
      </c>
      <c r="Z20" s="196">
        <v>0</v>
      </c>
      <c r="AA20" s="197">
        <v>0</v>
      </c>
      <c r="AB20" s="197">
        <v>0</v>
      </c>
      <c r="AC20" s="197">
        <v>1</v>
      </c>
      <c r="AD20" s="195">
        <v>0</v>
      </c>
      <c r="AE20" s="198">
        <v>1</v>
      </c>
      <c r="AF20" s="199">
        <v>1</v>
      </c>
      <c r="AG20" s="194">
        <v>0</v>
      </c>
      <c r="AH20" s="195">
        <v>0</v>
      </c>
      <c r="AI20" s="195">
        <v>0</v>
      </c>
      <c r="AJ20" s="196">
        <v>0</v>
      </c>
      <c r="AK20" s="197">
        <v>0</v>
      </c>
      <c r="AL20" s="197">
        <v>0</v>
      </c>
      <c r="AM20" s="197">
        <v>1</v>
      </c>
      <c r="AN20" s="195">
        <v>1</v>
      </c>
      <c r="AO20" s="198">
        <v>2</v>
      </c>
      <c r="AP20" s="200">
        <v>2</v>
      </c>
      <c r="AQ20" s="37"/>
    </row>
    <row r="21" spans="2:43" ht="20.25" customHeight="1" x14ac:dyDescent="0.2">
      <c r="B21" s="62" t="s">
        <v>19</v>
      </c>
      <c r="C21" s="194">
        <v>0</v>
      </c>
      <c r="D21" s="195">
        <v>0</v>
      </c>
      <c r="E21" s="195">
        <v>0</v>
      </c>
      <c r="F21" s="196">
        <v>0</v>
      </c>
      <c r="G21" s="197">
        <v>0</v>
      </c>
      <c r="H21" s="197">
        <v>5</v>
      </c>
      <c r="I21" s="197">
        <v>4</v>
      </c>
      <c r="J21" s="195">
        <v>3</v>
      </c>
      <c r="K21" s="198">
        <v>12</v>
      </c>
      <c r="L21" s="199">
        <v>12</v>
      </c>
      <c r="M21" s="194">
        <v>0</v>
      </c>
      <c r="N21" s="195">
        <v>0</v>
      </c>
      <c r="O21" s="198">
        <v>0</v>
      </c>
      <c r="P21" s="201">
        <v>2</v>
      </c>
      <c r="Q21" s="197">
        <v>2</v>
      </c>
      <c r="R21" s="197">
        <v>4</v>
      </c>
      <c r="S21" s="197">
        <v>3</v>
      </c>
      <c r="T21" s="195">
        <v>1</v>
      </c>
      <c r="U21" s="198">
        <v>12</v>
      </c>
      <c r="V21" s="202">
        <v>12</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0.25" customHeight="1" x14ac:dyDescent="0.2">
      <c r="B22" s="62" t="s">
        <v>20</v>
      </c>
      <c r="C22" s="194">
        <v>0</v>
      </c>
      <c r="D22" s="195">
        <v>0</v>
      </c>
      <c r="E22" s="195">
        <v>0</v>
      </c>
      <c r="F22" s="196">
        <v>0</v>
      </c>
      <c r="G22" s="197">
        <v>1</v>
      </c>
      <c r="H22" s="197">
        <v>6</v>
      </c>
      <c r="I22" s="197">
        <v>4</v>
      </c>
      <c r="J22" s="195">
        <v>4</v>
      </c>
      <c r="K22" s="198">
        <v>15</v>
      </c>
      <c r="L22" s="199">
        <v>15</v>
      </c>
      <c r="M22" s="194">
        <v>0</v>
      </c>
      <c r="N22" s="195">
        <v>0</v>
      </c>
      <c r="O22" s="198">
        <v>0</v>
      </c>
      <c r="P22" s="201">
        <v>2</v>
      </c>
      <c r="Q22" s="197">
        <v>1</v>
      </c>
      <c r="R22" s="197">
        <v>5</v>
      </c>
      <c r="S22" s="197">
        <v>1</v>
      </c>
      <c r="T22" s="195">
        <v>0</v>
      </c>
      <c r="U22" s="198">
        <v>9</v>
      </c>
      <c r="V22" s="202">
        <v>9</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3</v>
      </c>
      <c r="AO22" s="198">
        <v>3</v>
      </c>
      <c r="AP22" s="200">
        <v>3</v>
      </c>
      <c r="AQ22" s="37"/>
    </row>
    <row r="23" spans="2:43" ht="20.25" customHeight="1" x14ac:dyDescent="0.2">
      <c r="B23" s="62" t="s">
        <v>21</v>
      </c>
      <c r="C23" s="194">
        <v>0</v>
      </c>
      <c r="D23" s="195">
        <v>0</v>
      </c>
      <c r="E23" s="195">
        <v>0</v>
      </c>
      <c r="F23" s="196">
        <v>0</v>
      </c>
      <c r="G23" s="197">
        <v>0</v>
      </c>
      <c r="H23" s="197">
        <v>9</v>
      </c>
      <c r="I23" s="197">
        <v>8</v>
      </c>
      <c r="J23" s="195">
        <v>6</v>
      </c>
      <c r="K23" s="198">
        <v>23</v>
      </c>
      <c r="L23" s="199">
        <v>23</v>
      </c>
      <c r="M23" s="194">
        <v>0</v>
      </c>
      <c r="N23" s="195">
        <v>0</v>
      </c>
      <c r="O23" s="198">
        <v>0</v>
      </c>
      <c r="P23" s="201">
        <v>0</v>
      </c>
      <c r="Q23" s="197">
        <v>1</v>
      </c>
      <c r="R23" s="197">
        <v>1</v>
      </c>
      <c r="S23" s="197">
        <v>2</v>
      </c>
      <c r="T23" s="195">
        <v>1</v>
      </c>
      <c r="U23" s="198">
        <v>5</v>
      </c>
      <c r="V23" s="202">
        <v>5</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2</v>
      </c>
      <c r="AN23" s="195">
        <v>0</v>
      </c>
      <c r="AO23" s="198">
        <v>2</v>
      </c>
      <c r="AP23" s="200">
        <v>2</v>
      </c>
      <c r="AQ23" s="37"/>
    </row>
    <row r="24" spans="2:43" ht="20.25" customHeight="1" x14ac:dyDescent="0.2">
      <c r="B24" s="62" t="s">
        <v>22</v>
      </c>
      <c r="C24" s="194">
        <v>0</v>
      </c>
      <c r="D24" s="195">
        <v>0</v>
      </c>
      <c r="E24" s="195">
        <v>0</v>
      </c>
      <c r="F24" s="196">
        <v>0</v>
      </c>
      <c r="G24" s="197">
        <v>0</v>
      </c>
      <c r="H24" s="197">
        <v>3</v>
      </c>
      <c r="I24" s="197">
        <v>2</v>
      </c>
      <c r="J24" s="195">
        <v>1</v>
      </c>
      <c r="K24" s="198">
        <v>6</v>
      </c>
      <c r="L24" s="199">
        <v>6</v>
      </c>
      <c r="M24" s="194">
        <v>0</v>
      </c>
      <c r="N24" s="195">
        <v>0</v>
      </c>
      <c r="O24" s="198">
        <v>0</v>
      </c>
      <c r="P24" s="201">
        <v>0</v>
      </c>
      <c r="Q24" s="197">
        <v>1</v>
      </c>
      <c r="R24" s="197">
        <v>1</v>
      </c>
      <c r="S24" s="197">
        <v>2</v>
      </c>
      <c r="T24" s="195">
        <v>0</v>
      </c>
      <c r="U24" s="198">
        <v>4</v>
      </c>
      <c r="V24" s="202">
        <v>4</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0.25" customHeight="1" x14ac:dyDescent="0.2">
      <c r="B25" s="62" t="s">
        <v>23</v>
      </c>
      <c r="C25" s="194">
        <v>0</v>
      </c>
      <c r="D25" s="195">
        <v>0</v>
      </c>
      <c r="E25" s="195">
        <v>0</v>
      </c>
      <c r="F25" s="196">
        <v>1</v>
      </c>
      <c r="G25" s="197">
        <v>0</v>
      </c>
      <c r="H25" s="197">
        <v>1</v>
      </c>
      <c r="I25" s="197">
        <v>4</v>
      </c>
      <c r="J25" s="195">
        <v>0</v>
      </c>
      <c r="K25" s="198">
        <v>6</v>
      </c>
      <c r="L25" s="199">
        <v>6</v>
      </c>
      <c r="M25" s="194">
        <v>0</v>
      </c>
      <c r="N25" s="195">
        <v>0</v>
      </c>
      <c r="O25" s="198">
        <v>0</v>
      </c>
      <c r="P25" s="201">
        <v>2</v>
      </c>
      <c r="Q25" s="197">
        <v>1</v>
      </c>
      <c r="R25" s="197">
        <v>2</v>
      </c>
      <c r="S25" s="197">
        <v>2</v>
      </c>
      <c r="T25" s="195">
        <v>1</v>
      </c>
      <c r="U25" s="198">
        <v>8</v>
      </c>
      <c r="V25" s="202">
        <v>8</v>
      </c>
      <c r="W25" s="201">
        <v>0</v>
      </c>
      <c r="X25" s="195">
        <v>0</v>
      </c>
      <c r="Y25" s="195">
        <v>0</v>
      </c>
      <c r="Z25" s="196">
        <v>0</v>
      </c>
      <c r="AA25" s="197">
        <v>0</v>
      </c>
      <c r="AB25" s="197">
        <v>0</v>
      </c>
      <c r="AC25" s="197">
        <v>0</v>
      </c>
      <c r="AD25" s="195">
        <v>0</v>
      </c>
      <c r="AE25" s="198">
        <v>0</v>
      </c>
      <c r="AF25" s="199">
        <v>0</v>
      </c>
      <c r="AG25" s="194">
        <v>0</v>
      </c>
      <c r="AH25" s="195">
        <v>0</v>
      </c>
      <c r="AI25" s="195">
        <v>0</v>
      </c>
      <c r="AJ25" s="196">
        <v>0</v>
      </c>
      <c r="AK25" s="197">
        <v>0</v>
      </c>
      <c r="AL25" s="197">
        <v>0</v>
      </c>
      <c r="AM25" s="197">
        <v>0</v>
      </c>
      <c r="AN25" s="195">
        <v>0</v>
      </c>
      <c r="AO25" s="198">
        <v>0</v>
      </c>
      <c r="AP25" s="200">
        <v>0</v>
      </c>
      <c r="AQ25" s="37"/>
    </row>
    <row r="26" spans="2:43" ht="20.25" customHeight="1" x14ac:dyDescent="0.2">
      <c r="B26" s="62" t="s">
        <v>24</v>
      </c>
      <c r="C26" s="194">
        <v>0</v>
      </c>
      <c r="D26" s="195">
        <v>0</v>
      </c>
      <c r="E26" s="195">
        <v>0</v>
      </c>
      <c r="F26" s="196">
        <v>0</v>
      </c>
      <c r="G26" s="197">
        <v>0</v>
      </c>
      <c r="H26" s="197">
        <v>0</v>
      </c>
      <c r="I26" s="197">
        <v>5</v>
      </c>
      <c r="J26" s="195">
        <v>3</v>
      </c>
      <c r="K26" s="198">
        <v>8</v>
      </c>
      <c r="L26" s="199">
        <v>8</v>
      </c>
      <c r="M26" s="194">
        <v>0</v>
      </c>
      <c r="N26" s="195">
        <v>0</v>
      </c>
      <c r="O26" s="198">
        <v>0</v>
      </c>
      <c r="P26" s="201">
        <v>0</v>
      </c>
      <c r="Q26" s="197">
        <v>0</v>
      </c>
      <c r="R26" s="197">
        <v>4</v>
      </c>
      <c r="S26" s="197">
        <v>5</v>
      </c>
      <c r="T26" s="195">
        <v>0</v>
      </c>
      <c r="U26" s="198">
        <v>9</v>
      </c>
      <c r="V26" s="202">
        <v>9</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0.25" customHeight="1" x14ac:dyDescent="0.2">
      <c r="B27" s="62" t="s">
        <v>25</v>
      </c>
      <c r="C27" s="194">
        <v>0</v>
      </c>
      <c r="D27" s="195">
        <v>0</v>
      </c>
      <c r="E27" s="195">
        <v>0</v>
      </c>
      <c r="F27" s="196">
        <v>0</v>
      </c>
      <c r="G27" s="197">
        <v>1</v>
      </c>
      <c r="H27" s="197">
        <v>6</v>
      </c>
      <c r="I27" s="197">
        <v>4</v>
      </c>
      <c r="J27" s="195">
        <v>1</v>
      </c>
      <c r="K27" s="198">
        <v>12</v>
      </c>
      <c r="L27" s="199">
        <v>12</v>
      </c>
      <c r="M27" s="194">
        <v>0</v>
      </c>
      <c r="N27" s="195">
        <v>0</v>
      </c>
      <c r="O27" s="198">
        <v>0</v>
      </c>
      <c r="P27" s="201">
        <v>0</v>
      </c>
      <c r="Q27" s="197">
        <v>0</v>
      </c>
      <c r="R27" s="197">
        <v>1</v>
      </c>
      <c r="S27" s="197">
        <v>1</v>
      </c>
      <c r="T27" s="195">
        <v>2</v>
      </c>
      <c r="U27" s="198">
        <v>4</v>
      </c>
      <c r="V27" s="202">
        <v>4</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0</v>
      </c>
      <c r="AN27" s="195">
        <v>0</v>
      </c>
      <c r="AO27" s="198">
        <v>0</v>
      </c>
      <c r="AP27" s="200">
        <v>0</v>
      </c>
      <c r="AQ27" s="37"/>
    </row>
    <row r="28" spans="2:43" ht="20.25" customHeight="1" x14ac:dyDescent="0.2">
      <c r="B28" s="62" t="s">
        <v>26</v>
      </c>
      <c r="C28" s="194">
        <v>0</v>
      </c>
      <c r="D28" s="195">
        <v>0</v>
      </c>
      <c r="E28" s="195">
        <v>0</v>
      </c>
      <c r="F28" s="196">
        <v>0</v>
      </c>
      <c r="G28" s="197">
        <v>0</v>
      </c>
      <c r="H28" s="197">
        <v>0</v>
      </c>
      <c r="I28" s="197">
        <v>4</v>
      </c>
      <c r="J28" s="195">
        <v>0</v>
      </c>
      <c r="K28" s="198">
        <v>4</v>
      </c>
      <c r="L28" s="199">
        <v>4</v>
      </c>
      <c r="M28" s="194">
        <v>0</v>
      </c>
      <c r="N28" s="195">
        <v>0</v>
      </c>
      <c r="O28" s="198">
        <v>0</v>
      </c>
      <c r="P28" s="201">
        <v>0</v>
      </c>
      <c r="Q28" s="197">
        <v>0</v>
      </c>
      <c r="R28" s="197">
        <v>1</v>
      </c>
      <c r="S28" s="197">
        <v>2</v>
      </c>
      <c r="T28" s="195">
        <v>1</v>
      </c>
      <c r="U28" s="198">
        <v>4</v>
      </c>
      <c r="V28" s="202">
        <v>4</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0.25" customHeight="1" x14ac:dyDescent="0.2">
      <c r="B29" s="62" t="s">
        <v>27</v>
      </c>
      <c r="C29" s="194">
        <v>0</v>
      </c>
      <c r="D29" s="195">
        <v>0</v>
      </c>
      <c r="E29" s="195">
        <v>0</v>
      </c>
      <c r="F29" s="196">
        <v>0</v>
      </c>
      <c r="G29" s="197">
        <v>1</v>
      </c>
      <c r="H29" s="197">
        <v>0</v>
      </c>
      <c r="I29" s="197">
        <v>2</v>
      </c>
      <c r="J29" s="195">
        <v>2</v>
      </c>
      <c r="K29" s="198">
        <v>5</v>
      </c>
      <c r="L29" s="199">
        <v>5</v>
      </c>
      <c r="M29" s="194">
        <v>0</v>
      </c>
      <c r="N29" s="195">
        <v>0</v>
      </c>
      <c r="O29" s="198">
        <v>0</v>
      </c>
      <c r="P29" s="201">
        <v>0</v>
      </c>
      <c r="Q29" s="197">
        <v>1</v>
      </c>
      <c r="R29" s="197">
        <v>5</v>
      </c>
      <c r="S29" s="197">
        <v>2</v>
      </c>
      <c r="T29" s="195">
        <v>0</v>
      </c>
      <c r="U29" s="198">
        <v>8</v>
      </c>
      <c r="V29" s="202">
        <v>8</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1</v>
      </c>
      <c r="AN29" s="195">
        <v>0</v>
      </c>
      <c r="AO29" s="198">
        <v>1</v>
      </c>
      <c r="AP29" s="200">
        <v>1</v>
      </c>
      <c r="AQ29" s="37"/>
    </row>
    <row r="30" spans="2:43" ht="20.25" customHeight="1" x14ac:dyDescent="0.2">
      <c r="B30" s="62" t="s">
        <v>28</v>
      </c>
      <c r="C30" s="194">
        <v>0</v>
      </c>
      <c r="D30" s="195">
        <v>0</v>
      </c>
      <c r="E30" s="195">
        <v>0</v>
      </c>
      <c r="F30" s="196">
        <v>0</v>
      </c>
      <c r="G30" s="197">
        <v>0</v>
      </c>
      <c r="H30" s="197">
        <v>0</v>
      </c>
      <c r="I30" s="197">
        <v>1</v>
      </c>
      <c r="J30" s="195">
        <v>0</v>
      </c>
      <c r="K30" s="198">
        <v>1</v>
      </c>
      <c r="L30" s="199">
        <v>1</v>
      </c>
      <c r="M30" s="194">
        <v>0</v>
      </c>
      <c r="N30" s="195">
        <v>0</v>
      </c>
      <c r="O30" s="198">
        <v>0</v>
      </c>
      <c r="P30" s="201">
        <v>0</v>
      </c>
      <c r="Q30" s="197">
        <v>1</v>
      </c>
      <c r="R30" s="197">
        <v>0</v>
      </c>
      <c r="S30" s="197">
        <v>1</v>
      </c>
      <c r="T30" s="195">
        <v>0</v>
      </c>
      <c r="U30" s="198">
        <v>2</v>
      </c>
      <c r="V30" s="202">
        <v>2</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0.25" customHeight="1" x14ac:dyDescent="0.2">
      <c r="B31" s="62" t="s">
        <v>29</v>
      </c>
      <c r="C31" s="194">
        <v>0</v>
      </c>
      <c r="D31" s="195">
        <v>0</v>
      </c>
      <c r="E31" s="195">
        <v>0</v>
      </c>
      <c r="F31" s="196">
        <v>0</v>
      </c>
      <c r="G31" s="197">
        <v>0</v>
      </c>
      <c r="H31" s="197">
        <v>1</v>
      </c>
      <c r="I31" s="197">
        <v>0</v>
      </c>
      <c r="J31" s="195">
        <v>2</v>
      </c>
      <c r="K31" s="198">
        <v>3</v>
      </c>
      <c r="L31" s="199">
        <v>3</v>
      </c>
      <c r="M31" s="194">
        <v>0</v>
      </c>
      <c r="N31" s="195">
        <v>0</v>
      </c>
      <c r="O31" s="198">
        <v>0</v>
      </c>
      <c r="P31" s="201">
        <v>0</v>
      </c>
      <c r="Q31" s="197">
        <v>0</v>
      </c>
      <c r="R31" s="197">
        <v>0</v>
      </c>
      <c r="S31" s="197">
        <v>0</v>
      </c>
      <c r="T31" s="195">
        <v>0</v>
      </c>
      <c r="U31" s="198">
        <v>0</v>
      </c>
      <c r="V31" s="202">
        <v>0</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0.25" customHeight="1" x14ac:dyDescent="0.2">
      <c r="B32" s="62" t="s">
        <v>30</v>
      </c>
      <c r="C32" s="194">
        <v>0</v>
      </c>
      <c r="D32" s="195">
        <v>0</v>
      </c>
      <c r="E32" s="195">
        <v>0</v>
      </c>
      <c r="F32" s="196">
        <v>0</v>
      </c>
      <c r="G32" s="197">
        <v>0</v>
      </c>
      <c r="H32" s="197">
        <v>0</v>
      </c>
      <c r="I32" s="197">
        <v>4</v>
      </c>
      <c r="J32" s="195">
        <v>0</v>
      </c>
      <c r="K32" s="198">
        <v>4</v>
      </c>
      <c r="L32" s="199">
        <v>4</v>
      </c>
      <c r="M32" s="194">
        <v>0</v>
      </c>
      <c r="N32" s="195">
        <v>0</v>
      </c>
      <c r="O32" s="198">
        <v>0</v>
      </c>
      <c r="P32" s="201">
        <v>1</v>
      </c>
      <c r="Q32" s="197">
        <v>0</v>
      </c>
      <c r="R32" s="197">
        <v>1</v>
      </c>
      <c r="S32" s="197">
        <v>2</v>
      </c>
      <c r="T32" s="195">
        <v>1</v>
      </c>
      <c r="U32" s="198">
        <v>5</v>
      </c>
      <c r="V32" s="202">
        <v>5</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0</v>
      </c>
      <c r="AN32" s="195">
        <v>1</v>
      </c>
      <c r="AO32" s="198">
        <v>1</v>
      </c>
      <c r="AP32" s="200">
        <v>1</v>
      </c>
      <c r="AQ32" s="37"/>
    </row>
    <row r="33" spans="2:43" ht="20.25" customHeight="1" x14ac:dyDescent="0.2">
      <c r="B33" s="62" t="s">
        <v>31</v>
      </c>
      <c r="C33" s="194">
        <v>0</v>
      </c>
      <c r="D33" s="195">
        <v>0</v>
      </c>
      <c r="E33" s="195">
        <v>0</v>
      </c>
      <c r="F33" s="196">
        <v>0</v>
      </c>
      <c r="G33" s="197">
        <v>0</v>
      </c>
      <c r="H33" s="197">
        <v>2</v>
      </c>
      <c r="I33" s="197">
        <v>1</v>
      </c>
      <c r="J33" s="195">
        <v>0</v>
      </c>
      <c r="K33" s="198">
        <v>3</v>
      </c>
      <c r="L33" s="199">
        <v>3</v>
      </c>
      <c r="M33" s="194">
        <v>0</v>
      </c>
      <c r="N33" s="195">
        <v>0</v>
      </c>
      <c r="O33" s="198">
        <v>0</v>
      </c>
      <c r="P33" s="201">
        <v>0</v>
      </c>
      <c r="Q33" s="197">
        <v>1</v>
      </c>
      <c r="R33" s="197">
        <v>0</v>
      </c>
      <c r="S33" s="197">
        <v>0</v>
      </c>
      <c r="T33" s="195">
        <v>1</v>
      </c>
      <c r="U33" s="198">
        <v>2</v>
      </c>
      <c r="V33" s="202">
        <v>2</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0.25" customHeight="1" x14ac:dyDescent="0.2">
      <c r="B34" s="62" t="s">
        <v>32</v>
      </c>
      <c r="C34" s="194">
        <v>0</v>
      </c>
      <c r="D34" s="195">
        <v>0</v>
      </c>
      <c r="E34" s="195">
        <v>0</v>
      </c>
      <c r="F34" s="196">
        <v>0</v>
      </c>
      <c r="G34" s="197">
        <v>0</v>
      </c>
      <c r="H34" s="197">
        <v>0</v>
      </c>
      <c r="I34" s="197">
        <v>2</v>
      </c>
      <c r="J34" s="195">
        <v>1</v>
      </c>
      <c r="K34" s="198">
        <v>3</v>
      </c>
      <c r="L34" s="199">
        <v>3</v>
      </c>
      <c r="M34" s="194">
        <v>0</v>
      </c>
      <c r="N34" s="195">
        <v>0</v>
      </c>
      <c r="O34" s="198">
        <v>0</v>
      </c>
      <c r="P34" s="201">
        <v>1</v>
      </c>
      <c r="Q34" s="197">
        <v>0</v>
      </c>
      <c r="R34" s="197">
        <v>2</v>
      </c>
      <c r="S34" s="197">
        <v>0</v>
      </c>
      <c r="T34" s="195">
        <v>1</v>
      </c>
      <c r="U34" s="198">
        <v>4</v>
      </c>
      <c r="V34" s="202">
        <v>4</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0.25" customHeight="1" x14ac:dyDescent="0.2">
      <c r="B35" s="62" t="s">
        <v>33</v>
      </c>
      <c r="C35" s="194">
        <v>0</v>
      </c>
      <c r="D35" s="195">
        <v>0</v>
      </c>
      <c r="E35" s="195">
        <v>0</v>
      </c>
      <c r="F35" s="196">
        <v>0</v>
      </c>
      <c r="G35" s="197">
        <v>0</v>
      </c>
      <c r="H35" s="197">
        <v>0</v>
      </c>
      <c r="I35" s="197">
        <v>0</v>
      </c>
      <c r="J35" s="195">
        <v>1</v>
      </c>
      <c r="K35" s="198">
        <v>1</v>
      </c>
      <c r="L35" s="199">
        <v>1</v>
      </c>
      <c r="M35" s="194">
        <v>0</v>
      </c>
      <c r="N35" s="195">
        <v>0</v>
      </c>
      <c r="O35" s="198">
        <v>0</v>
      </c>
      <c r="P35" s="201">
        <v>0</v>
      </c>
      <c r="Q35" s="197">
        <v>0</v>
      </c>
      <c r="R35" s="197">
        <v>0</v>
      </c>
      <c r="S35" s="197">
        <v>0</v>
      </c>
      <c r="T35" s="195">
        <v>0</v>
      </c>
      <c r="U35" s="198">
        <v>0</v>
      </c>
      <c r="V35" s="202">
        <v>0</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0</v>
      </c>
      <c r="AL35" s="197">
        <v>1</v>
      </c>
      <c r="AM35" s="197">
        <v>1</v>
      </c>
      <c r="AN35" s="195">
        <v>1</v>
      </c>
      <c r="AO35" s="198">
        <v>3</v>
      </c>
      <c r="AP35" s="200">
        <v>3</v>
      </c>
      <c r="AQ35" s="37"/>
    </row>
    <row r="36" spans="2:43" ht="20.25" customHeight="1" x14ac:dyDescent="0.2">
      <c r="B36" s="62" t="s">
        <v>34</v>
      </c>
      <c r="C36" s="194">
        <v>0</v>
      </c>
      <c r="D36" s="195">
        <v>0</v>
      </c>
      <c r="E36" s="195">
        <v>0</v>
      </c>
      <c r="F36" s="196">
        <v>0</v>
      </c>
      <c r="G36" s="197">
        <v>0</v>
      </c>
      <c r="H36" s="197">
        <v>1</v>
      </c>
      <c r="I36" s="197">
        <v>0</v>
      </c>
      <c r="J36" s="195">
        <v>0</v>
      </c>
      <c r="K36" s="198">
        <v>1</v>
      </c>
      <c r="L36" s="199">
        <v>1</v>
      </c>
      <c r="M36" s="194">
        <v>0</v>
      </c>
      <c r="N36" s="195">
        <v>0</v>
      </c>
      <c r="O36" s="198">
        <v>0</v>
      </c>
      <c r="P36" s="201">
        <v>0</v>
      </c>
      <c r="Q36" s="197">
        <v>0</v>
      </c>
      <c r="R36" s="197">
        <v>0</v>
      </c>
      <c r="S36" s="197">
        <v>0</v>
      </c>
      <c r="T36" s="195">
        <v>0</v>
      </c>
      <c r="U36" s="198">
        <v>0</v>
      </c>
      <c r="V36" s="202">
        <v>0</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0.25" customHeight="1" x14ac:dyDescent="0.2">
      <c r="B37" s="62" t="s">
        <v>35</v>
      </c>
      <c r="C37" s="194">
        <v>0</v>
      </c>
      <c r="D37" s="195">
        <v>0</v>
      </c>
      <c r="E37" s="195">
        <v>0</v>
      </c>
      <c r="F37" s="196">
        <v>0</v>
      </c>
      <c r="G37" s="197">
        <v>0</v>
      </c>
      <c r="H37" s="197">
        <v>0</v>
      </c>
      <c r="I37" s="197">
        <v>4</v>
      </c>
      <c r="J37" s="195">
        <v>0</v>
      </c>
      <c r="K37" s="198">
        <v>4</v>
      </c>
      <c r="L37" s="199">
        <v>4</v>
      </c>
      <c r="M37" s="194">
        <v>0</v>
      </c>
      <c r="N37" s="195">
        <v>0</v>
      </c>
      <c r="O37" s="198">
        <v>0</v>
      </c>
      <c r="P37" s="201">
        <v>1</v>
      </c>
      <c r="Q37" s="197">
        <v>0</v>
      </c>
      <c r="R37" s="197">
        <v>0</v>
      </c>
      <c r="S37" s="197">
        <v>0</v>
      </c>
      <c r="T37" s="195">
        <v>0</v>
      </c>
      <c r="U37" s="198">
        <v>1</v>
      </c>
      <c r="V37" s="202">
        <v>1</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0.25" customHeight="1" x14ac:dyDescent="0.2">
      <c r="B38" s="62" t="s">
        <v>36</v>
      </c>
      <c r="C38" s="194">
        <v>0</v>
      </c>
      <c r="D38" s="195">
        <v>0</v>
      </c>
      <c r="E38" s="195">
        <v>0</v>
      </c>
      <c r="F38" s="196">
        <v>0</v>
      </c>
      <c r="G38" s="197">
        <v>0</v>
      </c>
      <c r="H38" s="197">
        <v>0</v>
      </c>
      <c r="I38" s="197">
        <v>4</v>
      </c>
      <c r="J38" s="195">
        <v>4</v>
      </c>
      <c r="K38" s="198">
        <v>8</v>
      </c>
      <c r="L38" s="199">
        <v>8</v>
      </c>
      <c r="M38" s="194">
        <v>0</v>
      </c>
      <c r="N38" s="195">
        <v>0</v>
      </c>
      <c r="O38" s="198">
        <v>0</v>
      </c>
      <c r="P38" s="201">
        <v>0</v>
      </c>
      <c r="Q38" s="197">
        <v>0</v>
      </c>
      <c r="R38" s="197">
        <v>3</v>
      </c>
      <c r="S38" s="197">
        <v>1</v>
      </c>
      <c r="T38" s="195">
        <v>0</v>
      </c>
      <c r="U38" s="198">
        <v>4</v>
      </c>
      <c r="V38" s="202">
        <v>4</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0.25" customHeight="1" thickBot="1" x14ac:dyDescent="0.25">
      <c r="B39" s="63" t="s">
        <v>37</v>
      </c>
      <c r="C39" s="203">
        <v>0</v>
      </c>
      <c r="D39" s="204">
        <v>0</v>
      </c>
      <c r="E39" s="204">
        <v>0</v>
      </c>
      <c r="F39" s="205">
        <v>0</v>
      </c>
      <c r="G39" s="206">
        <v>0</v>
      </c>
      <c r="H39" s="206">
        <v>1</v>
      </c>
      <c r="I39" s="206">
        <v>1</v>
      </c>
      <c r="J39" s="204">
        <v>0</v>
      </c>
      <c r="K39" s="207">
        <v>2</v>
      </c>
      <c r="L39" s="208">
        <v>2</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0</v>
      </c>
      <c r="AO39" s="207">
        <v>0</v>
      </c>
      <c r="AP39" s="209">
        <v>0</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W3:AF3"/>
    <mergeCell ref="AG3:AP3"/>
    <mergeCell ref="M4:O4"/>
    <mergeCell ref="P4:U4"/>
    <mergeCell ref="V4:V5"/>
    <mergeCell ref="W4:Y4"/>
    <mergeCell ref="Z4:AE4"/>
    <mergeCell ref="AF4:AF5"/>
    <mergeCell ref="AG4:AI4"/>
    <mergeCell ref="AJ4:AO4"/>
    <mergeCell ref="AP4:AP5"/>
    <mergeCell ref="G1:H1"/>
    <mergeCell ref="B3:B4"/>
    <mergeCell ref="C3:L3"/>
    <mergeCell ref="M3:V3"/>
    <mergeCell ref="C4:E4"/>
    <mergeCell ref="F4:K4"/>
    <mergeCell ref="L4:L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E1" s="368">
        <f>第１表!F2</f>
        <v>4</v>
      </c>
      <c r="F1" s="251">
        <f>第１表!G2</f>
        <v>9</v>
      </c>
      <c r="G1" s="555">
        <f>IF(F1&lt;3,F1-2+12,F1-2)</f>
        <v>7</v>
      </c>
      <c r="H1" s="555"/>
    </row>
    <row r="2" spans="2:43" ht="24" customHeight="1" thickBot="1" x14ac:dyDescent="0.25">
      <c r="B2" s="20" t="s">
        <v>159</v>
      </c>
      <c r="F2" s="20" t="s">
        <v>140</v>
      </c>
    </row>
    <row r="3" spans="2:43" ht="24.75" customHeight="1" x14ac:dyDescent="0.2">
      <c r="B3" s="573"/>
      <c r="C3" s="576" t="s">
        <v>57</v>
      </c>
      <c r="D3" s="577"/>
      <c r="E3" s="577"/>
      <c r="F3" s="577"/>
      <c r="G3" s="577"/>
      <c r="H3" s="577"/>
      <c r="I3" s="577"/>
      <c r="J3" s="577"/>
      <c r="K3" s="577"/>
      <c r="L3" s="577"/>
      <c r="M3" s="576" t="s">
        <v>58</v>
      </c>
      <c r="N3" s="579"/>
      <c r="O3" s="579"/>
      <c r="P3" s="579"/>
      <c r="Q3" s="579"/>
      <c r="R3" s="579"/>
      <c r="S3" s="579"/>
      <c r="T3" s="579"/>
      <c r="U3" s="579"/>
      <c r="V3" s="579"/>
      <c r="W3" s="576" t="s">
        <v>59</v>
      </c>
      <c r="X3" s="577"/>
      <c r="Y3" s="577"/>
      <c r="Z3" s="577"/>
      <c r="AA3" s="577"/>
      <c r="AB3" s="577"/>
      <c r="AC3" s="577"/>
      <c r="AD3" s="577"/>
      <c r="AE3" s="577"/>
      <c r="AF3" s="577"/>
      <c r="AG3" s="605" t="s">
        <v>151</v>
      </c>
      <c r="AH3" s="577"/>
      <c r="AI3" s="577"/>
      <c r="AJ3" s="577"/>
      <c r="AK3" s="577"/>
      <c r="AL3" s="577"/>
      <c r="AM3" s="577"/>
      <c r="AN3" s="577"/>
      <c r="AO3" s="577"/>
      <c r="AP3" s="578"/>
    </row>
    <row r="4" spans="2:43" ht="24.75" customHeight="1" x14ac:dyDescent="0.2">
      <c r="B4" s="575"/>
      <c r="C4" s="581" t="s">
        <v>61</v>
      </c>
      <c r="D4" s="582"/>
      <c r="E4" s="583"/>
      <c r="F4" s="584" t="s">
        <v>62</v>
      </c>
      <c r="G4" s="585"/>
      <c r="H4" s="585"/>
      <c r="I4" s="585"/>
      <c r="J4" s="585"/>
      <c r="K4" s="586"/>
      <c r="L4" s="597" t="s">
        <v>52</v>
      </c>
      <c r="M4" s="581" t="s">
        <v>61</v>
      </c>
      <c r="N4" s="582"/>
      <c r="O4" s="583"/>
      <c r="P4" s="584" t="s">
        <v>62</v>
      </c>
      <c r="Q4" s="585"/>
      <c r="R4" s="585"/>
      <c r="S4" s="585"/>
      <c r="T4" s="585"/>
      <c r="U4" s="586"/>
      <c r="V4" s="587" t="s">
        <v>52</v>
      </c>
      <c r="W4" s="581" t="s">
        <v>61</v>
      </c>
      <c r="X4" s="582"/>
      <c r="Y4" s="583"/>
      <c r="Z4" s="584" t="s">
        <v>62</v>
      </c>
      <c r="AA4" s="585"/>
      <c r="AB4" s="585"/>
      <c r="AC4" s="585"/>
      <c r="AD4" s="585"/>
      <c r="AE4" s="586"/>
      <c r="AF4" s="597" t="s">
        <v>52</v>
      </c>
      <c r="AG4" s="581" t="s">
        <v>61</v>
      </c>
      <c r="AH4" s="582"/>
      <c r="AI4" s="583"/>
      <c r="AJ4" s="584" t="s">
        <v>62</v>
      </c>
      <c r="AK4" s="585"/>
      <c r="AL4" s="585"/>
      <c r="AM4" s="585"/>
      <c r="AN4" s="585"/>
      <c r="AO4" s="586"/>
      <c r="AP4" s="587" t="s">
        <v>52</v>
      </c>
    </row>
    <row r="5" spans="2:43" ht="24.75" customHeight="1" thickBot="1" x14ac:dyDescent="0.25">
      <c r="B5" s="365" t="s">
        <v>42</v>
      </c>
      <c r="C5" s="31" t="s">
        <v>43</v>
      </c>
      <c r="D5" s="32" t="s">
        <v>44</v>
      </c>
      <c r="E5" s="32" t="s">
        <v>45</v>
      </c>
      <c r="F5" s="33" t="s">
        <v>47</v>
      </c>
      <c r="G5" s="34" t="s">
        <v>48</v>
      </c>
      <c r="H5" s="34" t="s">
        <v>49</v>
      </c>
      <c r="I5" s="35" t="s">
        <v>50</v>
      </c>
      <c r="J5" s="32" t="s">
        <v>51</v>
      </c>
      <c r="K5" s="36" t="s">
        <v>95</v>
      </c>
      <c r="L5" s="596"/>
      <c r="M5" s="31" t="s">
        <v>43</v>
      </c>
      <c r="N5" s="32" t="s">
        <v>44</v>
      </c>
      <c r="O5" s="36" t="s">
        <v>45</v>
      </c>
      <c r="P5" s="15" t="s">
        <v>47</v>
      </c>
      <c r="Q5" s="34" t="s">
        <v>48</v>
      </c>
      <c r="R5" s="34" t="s">
        <v>49</v>
      </c>
      <c r="S5" s="35" t="s">
        <v>50</v>
      </c>
      <c r="T5" s="32" t="s">
        <v>51</v>
      </c>
      <c r="U5" s="36" t="s">
        <v>45</v>
      </c>
      <c r="V5" s="588"/>
      <c r="W5" s="31" t="s">
        <v>43</v>
      </c>
      <c r="X5" s="32" t="s">
        <v>44</v>
      </c>
      <c r="Y5" s="32" t="s">
        <v>45</v>
      </c>
      <c r="Z5" s="33" t="s">
        <v>47</v>
      </c>
      <c r="AA5" s="34" t="s">
        <v>48</v>
      </c>
      <c r="AB5" s="34" t="s">
        <v>49</v>
      </c>
      <c r="AC5" s="35" t="s">
        <v>50</v>
      </c>
      <c r="AD5" s="32" t="s">
        <v>51</v>
      </c>
      <c r="AE5" s="36" t="s">
        <v>45</v>
      </c>
      <c r="AF5" s="596"/>
      <c r="AG5" s="31" t="s">
        <v>43</v>
      </c>
      <c r="AH5" s="32" t="s">
        <v>44</v>
      </c>
      <c r="AI5" s="32" t="s">
        <v>45</v>
      </c>
      <c r="AJ5" s="33" t="s">
        <v>47</v>
      </c>
      <c r="AK5" s="34" t="s">
        <v>48</v>
      </c>
      <c r="AL5" s="34" t="s">
        <v>49</v>
      </c>
      <c r="AM5" s="35" t="s">
        <v>50</v>
      </c>
      <c r="AN5" s="32" t="s">
        <v>51</v>
      </c>
      <c r="AO5" s="36" t="s">
        <v>45</v>
      </c>
      <c r="AP5" s="588"/>
    </row>
    <row r="6" spans="2:43" ht="20.25" customHeight="1" x14ac:dyDescent="0.2">
      <c r="B6" s="364" t="s">
        <v>4</v>
      </c>
      <c r="C6" s="185">
        <v>0</v>
      </c>
      <c r="D6" s="186">
        <v>0</v>
      </c>
      <c r="E6" s="186">
        <v>0</v>
      </c>
      <c r="F6" s="187">
        <v>5</v>
      </c>
      <c r="G6" s="188">
        <v>33</v>
      </c>
      <c r="H6" s="188">
        <v>229</v>
      </c>
      <c r="I6" s="188">
        <v>426</v>
      </c>
      <c r="J6" s="186">
        <v>287</v>
      </c>
      <c r="K6" s="189">
        <v>980</v>
      </c>
      <c r="L6" s="190">
        <v>980</v>
      </c>
      <c r="M6" s="185">
        <v>0</v>
      </c>
      <c r="N6" s="186">
        <v>0</v>
      </c>
      <c r="O6" s="189">
        <v>0</v>
      </c>
      <c r="P6" s="192">
        <v>54</v>
      </c>
      <c r="Q6" s="188">
        <v>124</v>
      </c>
      <c r="R6" s="188">
        <v>207</v>
      </c>
      <c r="S6" s="188">
        <v>256</v>
      </c>
      <c r="T6" s="186">
        <v>128</v>
      </c>
      <c r="U6" s="189">
        <v>769</v>
      </c>
      <c r="V6" s="193">
        <v>769</v>
      </c>
      <c r="W6" s="192">
        <v>0</v>
      </c>
      <c r="X6" s="186">
        <v>0</v>
      </c>
      <c r="Y6" s="186">
        <v>0</v>
      </c>
      <c r="Z6" s="187">
        <v>0</v>
      </c>
      <c r="AA6" s="188">
        <v>1</v>
      </c>
      <c r="AB6" s="188">
        <v>0</v>
      </c>
      <c r="AC6" s="188">
        <v>12</v>
      </c>
      <c r="AD6" s="186">
        <v>17</v>
      </c>
      <c r="AE6" s="189">
        <v>30</v>
      </c>
      <c r="AF6" s="190">
        <v>30</v>
      </c>
      <c r="AG6" s="185">
        <v>0</v>
      </c>
      <c r="AH6" s="186">
        <v>0</v>
      </c>
      <c r="AI6" s="186">
        <v>0</v>
      </c>
      <c r="AJ6" s="187">
        <v>0</v>
      </c>
      <c r="AK6" s="188">
        <v>2</v>
      </c>
      <c r="AL6" s="188">
        <v>0</v>
      </c>
      <c r="AM6" s="188">
        <v>9</v>
      </c>
      <c r="AN6" s="186">
        <v>19</v>
      </c>
      <c r="AO6" s="189">
        <v>30</v>
      </c>
      <c r="AP6" s="191">
        <v>30</v>
      </c>
      <c r="AQ6" s="37"/>
    </row>
    <row r="7" spans="2:43" ht="20.25" customHeight="1" x14ac:dyDescent="0.2">
      <c r="B7" s="62" t="s">
        <v>5</v>
      </c>
      <c r="C7" s="194">
        <v>0</v>
      </c>
      <c r="D7" s="195">
        <v>0</v>
      </c>
      <c r="E7" s="195">
        <v>0</v>
      </c>
      <c r="F7" s="196">
        <v>3</v>
      </c>
      <c r="G7" s="197">
        <v>22</v>
      </c>
      <c r="H7" s="197">
        <v>116</v>
      </c>
      <c r="I7" s="197">
        <v>178</v>
      </c>
      <c r="J7" s="195">
        <v>141</v>
      </c>
      <c r="K7" s="198">
        <v>460</v>
      </c>
      <c r="L7" s="199">
        <v>460</v>
      </c>
      <c r="M7" s="194">
        <v>0</v>
      </c>
      <c r="N7" s="195">
        <v>0</v>
      </c>
      <c r="O7" s="198">
        <v>0</v>
      </c>
      <c r="P7" s="201">
        <v>23</v>
      </c>
      <c r="Q7" s="197">
        <v>65</v>
      </c>
      <c r="R7" s="197">
        <v>94</v>
      </c>
      <c r="S7" s="197">
        <v>131</v>
      </c>
      <c r="T7" s="195">
        <v>69</v>
      </c>
      <c r="U7" s="198">
        <v>382</v>
      </c>
      <c r="V7" s="202">
        <v>382</v>
      </c>
      <c r="W7" s="201">
        <v>0</v>
      </c>
      <c r="X7" s="195">
        <v>0</v>
      </c>
      <c r="Y7" s="195">
        <v>0</v>
      </c>
      <c r="Z7" s="196">
        <v>0</v>
      </c>
      <c r="AA7" s="197">
        <v>0</v>
      </c>
      <c r="AB7" s="197">
        <v>0</v>
      </c>
      <c r="AC7" s="197">
        <v>4</v>
      </c>
      <c r="AD7" s="195">
        <v>7</v>
      </c>
      <c r="AE7" s="198">
        <v>11</v>
      </c>
      <c r="AF7" s="199">
        <v>11</v>
      </c>
      <c r="AG7" s="194">
        <v>0</v>
      </c>
      <c r="AH7" s="195">
        <v>0</v>
      </c>
      <c r="AI7" s="195">
        <v>0</v>
      </c>
      <c r="AJ7" s="196">
        <v>0</v>
      </c>
      <c r="AK7" s="197">
        <v>1</v>
      </c>
      <c r="AL7" s="197">
        <v>0</v>
      </c>
      <c r="AM7" s="197">
        <v>3</v>
      </c>
      <c r="AN7" s="195">
        <v>10</v>
      </c>
      <c r="AO7" s="198">
        <v>14</v>
      </c>
      <c r="AP7" s="200">
        <v>14</v>
      </c>
      <c r="AQ7" s="37"/>
    </row>
    <row r="8" spans="2:43" ht="20.25" customHeight="1" x14ac:dyDescent="0.2">
      <c r="B8" s="62" t="s">
        <v>6</v>
      </c>
      <c r="C8" s="194">
        <v>0</v>
      </c>
      <c r="D8" s="195">
        <v>0</v>
      </c>
      <c r="E8" s="195">
        <v>0</v>
      </c>
      <c r="F8" s="196">
        <v>0</v>
      </c>
      <c r="G8" s="197">
        <v>3</v>
      </c>
      <c r="H8" s="197">
        <v>32</v>
      </c>
      <c r="I8" s="197">
        <v>59</v>
      </c>
      <c r="J8" s="195">
        <v>38</v>
      </c>
      <c r="K8" s="198">
        <v>132</v>
      </c>
      <c r="L8" s="199">
        <v>132</v>
      </c>
      <c r="M8" s="194">
        <v>0</v>
      </c>
      <c r="N8" s="195">
        <v>0</v>
      </c>
      <c r="O8" s="198">
        <v>0</v>
      </c>
      <c r="P8" s="201">
        <v>7</v>
      </c>
      <c r="Q8" s="197">
        <v>14</v>
      </c>
      <c r="R8" s="197">
        <v>27</v>
      </c>
      <c r="S8" s="197">
        <v>39</v>
      </c>
      <c r="T8" s="195">
        <v>17</v>
      </c>
      <c r="U8" s="198">
        <v>104</v>
      </c>
      <c r="V8" s="202">
        <v>104</v>
      </c>
      <c r="W8" s="201">
        <v>0</v>
      </c>
      <c r="X8" s="195">
        <v>0</v>
      </c>
      <c r="Y8" s="195">
        <v>0</v>
      </c>
      <c r="Z8" s="196">
        <v>0</v>
      </c>
      <c r="AA8" s="197">
        <v>0</v>
      </c>
      <c r="AB8" s="197">
        <v>0</v>
      </c>
      <c r="AC8" s="197">
        <v>8</v>
      </c>
      <c r="AD8" s="195">
        <v>8</v>
      </c>
      <c r="AE8" s="198">
        <v>16</v>
      </c>
      <c r="AF8" s="199">
        <v>16</v>
      </c>
      <c r="AG8" s="194">
        <v>0</v>
      </c>
      <c r="AH8" s="195">
        <v>0</v>
      </c>
      <c r="AI8" s="195">
        <v>0</v>
      </c>
      <c r="AJ8" s="196">
        <v>0</v>
      </c>
      <c r="AK8" s="197">
        <v>0</v>
      </c>
      <c r="AL8" s="197">
        <v>0</v>
      </c>
      <c r="AM8" s="197">
        <v>1</v>
      </c>
      <c r="AN8" s="195">
        <v>1</v>
      </c>
      <c r="AO8" s="198">
        <v>2</v>
      </c>
      <c r="AP8" s="200">
        <v>2</v>
      </c>
      <c r="AQ8" s="37"/>
    </row>
    <row r="9" spans="2:43" ht="20.25" customHeight="1" x14ac:dyDescent="0.2">
      <c r="B9" s="62" t="s">
        <v>14</v>
      </c>
      <c r="C9" s="194">
        <v>0</v>
      </c>
      <c r="D9" s="195">
        <v>0</v>
      </c>
      <c r="E9" s="195">
        <v>0</v>
      </c>
      <c r="F9" s="196">
        <v>0</v>
      </c>
      <c r="G9" s="197">
        <v>0</v>
      </c>
      <c r="H9" s="197">
        <v>15</v>
      </c>
      <c r="I9" s="197">
        <v>36</v>
      </c>
      <c r="J9" s="195">
        <v>22</v>
      </c>
      <c r="K9" s="198">
        <v>73</v>
      </c>
      <c r="L9" s="199">
        <v>73</v>
      </c>
      <c r="M9" s="194">
        <v>0</v>
      </c>
      <c r="N9" s="195">
        <v>0</v>
      </c>
      <c r="O9" s="198">
        <v>0</v>
      </c>
      <c r="P9" s="201">
        <v>1</v>
      </c>
      <c r="Q9" s="197">
        <v>11</v>
      </c>
      <c r="R9" s="197">
        <v>10</v>
      </c>
      <c r="S9" s="197">
        <v>15</v>
      </c>
      <c r="T9" s="195">
        <v>3</v>
      </c>
      <c r="U9" s="198">
        <v>40</v>
      </c>
      <c r="V9" s="202">
        <v>40</v>
      </c>
      <c r="W9" s="201">
        <v>0</v>
      </c>
      <c r="X9" s="195">
        <v>0</v>
      </c>
      <c r="Y9" s="195">
        <v>0</v>
      </c>
      <c r="Z9" s="196">
        <v>0</v>
      </c>
      <c r="AA9" s="197">
        <v>0</v>
      </c>
      <c r="AB9" s="197">
        <v>0</v>
      </c>
      <c r="AC9" s="197">
        <v>0</v>
      </c>
      <c r="AD9" s="195">
        <v>1</v>
      </c>
      <c r="AE9" s="198">
        <v>1</v>
      </c>
      <c r="AF9" s="199">
        <v>1</v>
      </c>
      <c r="AG9" s="194">
        <v>0</v>
      </c>
      <c r="AH9" s="195">
        <v>0</v>
      </c>
      <c r="AI9" s="195">
        <v>0</v>
      </c>
      <c r="AJ9" s="196">
        <v>0</v>
      </c>
      <c r="AK9" s="197">
        <v>0</v>
      </c>
      <c r="AL9" s="197">
        <v>0</v>
      </c>
      <c r="AM9" s="197">
        <v>1</v>
      </c>
      <c r="AN9" s="195">
        <v>1</v>
      </c>
      <c r="AO9" s="198">
        <v>2</v>
      </c>
      <c r="AP9" s="200">
        <v>2</v>
      </c>
      <c r="AQ9" s="37"/>
    </row>
    <row r="10" spans="2:43" ht="20.25" customHeight="1" x14ac:dyDescent="0.2">
      <c r="B10" s="62" t="s">
        <v>7</v>
      </c>
      <c r="C10" s="194">
        <v>0</v>
      </c>
      <c r="D10" s="195">
        <v>0</v>
      </c>
      <c r="E10" s="195">
        <v>0</v>
      </c>
      <c r="F10" s="196">
        <v>0</v>
      </c>
      <c r="G10" s="197">
        <v>1</v>
      </c>
      <c r="H10" s="197">
        <v>2</v>
      </c>
      <c r="I10" s="197">
        <v>19</v>
      </c>
      <c r="J10" s="195">
        <v>9</v>
      </c>
      <c r="K10" s="198">
        <v>31</v>
      </c>
      <c r="L10" s="199">
        <v>31</v>
      </c>
      <c r="M10" s="194">
        <v>0</v>
      </c>
      <c r="N10" s="195">
        <v>0</v>
      </c>
      <c r="O10" s="198">
        <v>0</v>
      </c>
      <c r="P10" s="201">
        <v>0</v>
      </c>
      <c r="Q10" s="197">
        <v>6</v>
      </c>
      <c r="R10" s="197">
        <v>6</v>
      </c>
      <c r="S10" s="197">
        <v>4</v>
      </c>
      <c r="T10" s="195">
        <v>2</v>
      </c>
      <c r="U10" s="198">
        <v>18</v>
      </c>
      <c r="V10" s="202">
        <v>18</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0.25" customHeight="1" x14ac:dyDescent="0.2">
      <c r="B11" s="62" t="s">
        <v>8</v>
      </c>
      <c r="C11" s="194">
        <v>0</v>
      </c>
      <c r="D11" s="195">
        <v>0</v>
      </c>
      <c r="E11" s="195">
        <v>0</v>
      </c>
      <c r="F11" s="196">
        <v>1</v>
      </c>
      <c r="G11" s="197">
        <v>2</v>
      </c>
      <c r="H11" s="197">
        <v>1</v>
      </c>
      <c r="I11" s="197">
        <v>9</v>
      </c>
      <c r="J11" s="195">
        <v>6</v>
      </c>
      <c r="K11" s="198">
        <v>19</v>
      </c>
      <c r="L11" s="199">
        <v>19</v>
      </c>
      <c r="M11" s="194">
        <v>0</v>
      </c>
      <c r="N11" s="195">
        <v>0</v>
      </c>
      <c r="O11" s="198">
        <v>0</v>
      </c>
      <c r="P11" s="201">
        <v>0</v>
      </c>
      <c r="Q11" s="197">
        <v>3</v>
      </c>
      <c r="R11" s="197">
        <v>3</v>
      </c>
      <c r="S11" s="197">
        <v>7</v>
      </c>
      <c r="T11" s="195">
        <v>1</v>
      </c>
      <c r="U11" s="198">
        <v>14</v>
      </c>
      <c r="V11" s="202">
        <v>14</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0</v>
      </c>
      <c r="AL11" s="197">
        <v>0</v>
      </c>
      <c r="AM11" s="197">
        <v>1</v>
      </c>
      <c r="AN11" s="195">
        <v>0</v>
      </c>
      <c r="AO11" s="198">
        <v>1</v>
      </c>
      <c r="AP11" s="200">
        <v>1</v>
      </c>
      <c r="AQ11" s="37"/>
    </row>
    <row r="12" spans="2:43" ht="20.25" customHeight="1" x14ac:dyDescent="0.2">
      <c r="B12" s="62" t="s">
        <v>9</v>
      </c>
      <c r="C12" s="194">
        <v>0</v>
      </c>
      <c r="D12" s="195">
        <v>0</v>
      </c>
      <c r="E12" s="195">
        <v>0</v>
      </c>
      <c r="F12" s="196">
        <v>0</v>
      </c>
      <c r="G12" s="197">
        <v>0</v>
      </c>
      <c r="H12" s="197">
        <v>5</v>
      </c>
      <c r="I12" s="197">
        <v>20</v>
      </c>
      <c r="J12" s="195">
        <v>13</v>
      </c>
      <c r="K12" s="198">
        <v>38</v>
      </c>
      <c r="L12" s="199">
        <v>38</v>
      </c>
      <c r="M12" s="194">
        <v>0</v>
      </c>
      <c r="N12" s="195">
        <v>0</v>
      </c>
      <c r="O12" s="198">
        <v>0</v>
      </c>
      <c r="P12" s="201">
        <v>3</v>
      </c>
      <c r="Q12" s="197">
        <v>1</v>
      </c>
      <c r="R12" s="197">
        <v>8</v>
      </c>
      <c r="S12" s="197">
        <v>7</v>
      </c>
      <c r="T12" s="195">
        <v>6</v>
      </c>
      <c r="U12" s="198">
        <v>25</v>
      </c>
      <c r="V12" s="202">
        <v>25</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0</v>
      </c>
      <c r="AM12" s="197">
        <v>0</v>
      </c>
      <c r="AN12" s="195">
        <v>0</v>
      </c>
      <c r="AO12" s="198">
        <v>0</v>
      </c>
      <c r="AP12" s="200">
        <v>0</v>
      </c>
      <c r="AQ12" s="37"/>
    </row>
    <row r="13" spans="2:43" ht="20.25" customHeight="1" x14ac:dyDescent="0.2">
      <c r="B13" s="62" t="s">
        <v>10</v>
      </c>
      <c r="C13" s="194">
        <v>0</v>
      </c>
      <c r="D13" s="195">
        <v>0</v>
      </c>
      <c r="E13" s="195">
        <v>0</v>
      </c>
      <c r="F13" s="196">
        <v>0</v>
      </c>
      <c r="G13" s="197">
        <v>2</v>
      </c>
      <c r="H13" s="197">
        <v>13</v>
      </c>
      <c r="I13" s="197">
        <v>15</v>
      </c>
      <c r="J13" s="195">
        <v>16</v>
      </c>
      <c r="K13" s="198">
        <v>46</v>
      </c>
      <c r="L13" s="199">
        <v>46</v>
      </c>
      <c r="M13" s="194">
        <v>0</v>
      </c>
      <c r="N13" s="195">
        <v>0</v>
      </c>
      <c r="O13" s="198">
        <v>0</v>
      </c>
      <c r="P13" s="201">
        <v>1</v>
      </c>
      <c r="Q13" s="197">
        <v>4</v>
      </c>
      <c r="R13" s="197">
        <v>11</v>
      </c>
      <c r="S13" s="197">
        <v>4</v>
      </c>
      <c r="T13" s="195">
        <v>3</v>
      </c>
      <c r="U13" s="198">
        <v>23</v>
      </c>
      <c r="V13" s="202">
        <v>23</v>
      </c>
      <c r="W13" s="201">
        <v>0</v>
      </c>
      <c r="X13" s="195">
        <v>0</v>
      </c>
      <c r="Y13" s="195">
        <v>0</v>
      </c>
      <c r="Z13" s="196">
        <v>0</v>
      </c>
      <c r="AA13" s="197">
        <v>0</v>
      </c>
      <c r="AB13" s="197">
        <v>0</v>
      </c>
      <c r="AC13" s="197">
        <v>0</v>
      </c>
      <c r="AD13" s="195">
        <v>0</v>
      </c>
      <c r="AE13" s="198">
        <v>0</v>
      </c>
      <c r="AF13" s="199">
        <v>0</v>
      </c>
      <c r="AG13" s="194">
        <v>0</v>
      </c>
      <c r="AH13" s="195">
        <v>0</v>
      </c>
      <c r="AI13" s="195">
        <v>0</v>
      </c>
      <c r="AJ13" s="196">
        <v>0</v>
      </c>
      <c r="AK13" s="197">
        <v>0</v>
      </c>
      <c r="AL13" s="197">
        <v>0</v>
      </c>
      <c r="AM13" s="197">
        <v>0</v>
      </c>
      <c r="AN13" s="195">
        <v>2</v>
      </c>
      <c r="AO13" s="198">
        <v>2</v>
      </c>
      <c r="AP13" s="200">
        <v>2</v>
      </c>
      <c r="AQ13" s="37"/>
    </row>
    <row r="14" spans="2:43" ht="20.25" customHeight="1" x14ac:dyDescent="0.2">
      <c r="B14" s="62" t="s">
        <v>11</v>
      </c>
      <c r="C14" s="194">
        <v>0</v>
      </c>
      <c r="D14" s="195">
        <v>0</v>
      </c>
      <c r="E14" s="195">
        <v>0</v>
      </c>
      <c r="F14" s="196">
        <v>0</v>
      </c>
      <c r="G14" s="197">
        <v>0</v>
      </c>
      <c r="H14" s="197">
        <v>0</v>
      </c>
      <c r="I14" s="197">
        <v>10</v>
      </c>
      <c r="J14" s="195">
        <v>6</v>
      </c>
      <c r="K14" s="198">
        <v>16</v>
      </c>
      <c r="L14" s="199">
        <v>16</v>
      </c>
      <c r="M14" s="194">
        <v>0</v>
      </c>
      <c r="N14" s="195">
        <v>0</v>
      </c>
      <c r="O14" s="198">
        <v>0</v>
      </c>
      <c r="P14" s="201">
        <v>4</v>
      </c>
      <c r="Q14" s="197">
        <v>0</v>
      </c>
      <c r="R14" s="197">
        <v>3</v>
      </c>
      <c r="S14" s="197">
        <v>5</v>
      </c>
      <c r="T14" s="195">
        <v>1</v>
      </c>
      <c r="U14" s="198">
        <v>13</v>
      </c>
      <c r="V14" s="202">
        <v>13</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0</v>
      </c>
      <c r="AL14" s="197">
        <v>0</v>
      </c>
      <c r="AM14" s="197">
        <v>0</v>
      </c>
      <c r="AN14" s="195">
        <v>0</v>
      </c>
      <c r="AO14" s="198">
        <v>0</v>
      </c>
      <c r="AP14" s="200">
        <v>0</v>
      </c>
      <c r="AQ14" s="37"/>
    </row>
    <row r="15" spans="2:43" ht="20.25" customHeight="1" x14ac:dyDescent="0.2">
      <c r="B15" s="62" t="s">
        <v>12</v>
      </c>
      <c r="C15" s="194">
        <v>0</v>
      </c>
      <c r="D15" s="195">
        <v>0</v>
      </c>
      <c r="E15" s="195">
        <v>0</v>
      </c>
      <c r="F15" s="196">
        <v>0</v>
      </c>
      <c r="G15" s="197">
        <v>0</v>
      </c>
      <c r="H15" s="197">
        <v>5</v>
      </c>
      <c r="I15" s="197">
        <v>13</v>
      </c>
      <c r="J15" s="195">
        <v>5</v>
      </c>
      <c r="K15" s="198">
        <v>23</v>
      </c>
      <c r="L15" s="199">
        <v>23</v>
      </c>
      <c r="M15" s="194">
        <v>0</v>
      </c>
      <c r="N15" s="195">
        <v>0</v>
      </c>
      <c r="O15" s="198">
        <v>0</v>
      </c>
      <c r="P15" s="201">
        <v>0</v>
      </c>
      <c r="Q15" s="197">
        <v>3</v>
      </c>
      <c r="R15" s="197">
        <v>5</v>
      </c>
      <c r="S15" s="197">
        <v>13</v>
      </c>
      <c r="T15" s="195">
        <v>2</v>
      </c>
      <c r="U15" s="198">
        <v>23</v>
      </c>
      <c r="V15" s="202">
        <v>23</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1</v>
      </c>
      <c r="AN15" s="195">
        <v>0</v>
      </c>
      <c r="AO15" s="198">
        <v>1</v>
      </c>
      <c r="AP15" s="200">
        <v>1</v>
      </c>
      <c r="AQ15" s="37"/>
    </row>
    <row r="16" spans="2:43" ht="20.25" customHeight="1" x14ac:dyDescent="0.2">
      <c r="B16" s="62" t="s">
        <v>13</v>
      </c>
      <c r="C16" s="194">
        <v>0</v>
      </c>
      <c r="D16" s="195">
        <v>0</v>
      </c>
      <c r="E16" s="195">
        <v>0</v>
      </c>
      <c r="F16" s="196">
        <v>0</v>
      </c>
      <c r="G16" s="197">
        <v>0</v>
      </c>
      <c r="H16" s="197">
        <v>4</v>
      </c>
      <c r="I16" s="197">
        <v>4</v>
      </c>
      <c r="J16" s="195">
        <v>3</v>
      </c>
      <c r="K16" s="198">
        <v>11</v>
      </c>
      <c r="L16" s="199">
        <v>11</v>
      </c>
      <c r="M16" s="194">
        <v>0</v>
      </c>
      <c r="N16" s="195">
        <v>0</v>
      </c>
      <c r="O16" s="198">
        <v>0</v>
      </c>
      <c r="P16" s="201">
        <v>0</v>
      </c>
      <c r="Q16" s="197">
        <v>0</v>
      </c>
      <c r="R16" s="197">
        <v>1</v>
      </c>
      <c r="S16" s="197">
        <v>4</v>
      </c>
      <c r="T16" s="195">
        <v>2</v>
      </c>
      <c r="U16" s="198">
        <v>7</v>
      </c>
      <c r="V16" s="202">
        <v>7</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0.25" customHeight="1" x14ac:dyDescent="0.2">
      <c r="B17" s="62" t="s">
        <v>15</v>
      </c>
      <c r="C17" s="194">
        <v>0</v>
      </c>
      <c r="D17" s="195">
        <v>0</v>
      </c>
      <c r="E17" s="195">
        <v>0</v>
      </c>
      <c r="F17" s="196">
        <v>0</v>
      </c>
      <c r="G17" s="197">
        <v>0</v>
      </c>
      <c r="H17" s="197">
        <v>0</v>
      </c>
      <c r="I17" s="197">
        <v>1</v>
      </c>
      <c r="J17" s="195">
        <v>1</v>
      </c>
      <c r="K17" s="198">
        <v>2</v>
      </c>
      <c r="L17" s="199">
        <v>2</v>
      </c>
      <c r="M17" s="194">
        <v>0</v>
      </c>
      <c r="N17" s="195">
        <v>0</v>
      </c>
      <c r="O17" s="198">
        <v>0</v>
      </c>
      <c r="P17" s="201">
        <v>0</v>
      </c>
      <c r="Q17" s="197">
        <v>0</v>
      </c>
      <c r="R17" s="197">
        <v>1</v>
      </c>
      <c r="S17" s="197">
        <v>2</v>
      </c>
      <c r="T17" s="195">
        <v>0</v>
      </c>
      <c r="U17" s="198">
        <v>3</v>
      </c>
      <c r="V17" s="202">
        <v>3</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0.25" customHeight="1" x14ac:dyDescent="0.2">
      <c r="B18" s="62" t="s">
        <v>16</v>
      </c>
      <c r="C18" s="194">
        <v>0</v>
      </c>
      <c r="D18" s="195">
        <v>0</v>
      </c>
      <c r="E18" s="195">
        <v>0</v>
      </c>
      <c r="F18" s="196">
        <v>0</v>
      </c>
      <c r="G18" s="197">
        <v>0</v>
      </c>
      <c r="H18" s="197">
        <v>6</v>
      </c>
      <c r="I18" s="197">
        <v>8</v>
      </c>
      <c r="J18" s="195">
        <v>1</v>
      </c>
      <c r="K18" s="198">
        <v>15</v>
      </c>
      <c r="L18" s="199">
        <v>15</v>
      </c>
      <c r="M18" s="194">
        <v>0</v>
      </c>
      <c r="N18" s="195">
        <v>0</v>
      </c>
      <c r="O18" s="198">
        <v>0</v>
      </c>
      <c r="P18" s="201">
        <v>3</v>
      </c>
      <c r="Q18" s="197">
        <v>3</v>
      </c>
      <c r="R18" s="197">
        <v>3</v>
      </c>
      <c r="S18" s="197">
        <v>6</v>
      </c>
      <c r="T18" s="195">
        <v>3</v>
      </c>
      <c r="U18" s="198">
        <v>18</v>
      </c>
      <c r="V18" s="202">
        <v>18</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0</v>
      </c>
      <c r="AM18" s="197">
        <v>2</v>
      </c>
      <c r="AN18" s="195">
        <v>0</v>
      </c>
      <c r="AO18" s="198">
        <v>2</v>
      </c>
      <c r="AP18" s="200">
        <v>2</v>
      </c>
      <c r="AQ18" s="37"/>
    </row>
    <row r="19" spans="2:43" ht="20.25" customHeight="1" x14ac:dyDescent="0.2">
      <c r="B19" s="62" t="s">
        <v>17</v>
      </c>
      <c r="C19" s="194">
        <v>0</v>
      </c>
      <c r="D19" s="195">
        <v>0</v>
      </c>
      <c r="E19" s="195">
        <v>0</v>
      </c>
      <c r="F19" s="196">
        <v>1</v>
      </c>
      <c r="G19" s="197">
        <v>1</v>
      </c>
      <c r="H19" s="197">
        <v>8</v>
      </c>
      <c r="I19" s="197">
        <v>4</v>
      </c>
      <c r="J19" s="195">
        <v>5</v>
      </c>
      <c r="K19" s="198">
        <v>19</v>
      </c>
      <c r="L19" s="199">
        <v>19</v>
      </c>
      <c r="M19" s="194">
        <v>0</v>
      </c>
      <c r="N19" s="195">
        <v>0</v>
      </c>
      <c r="O19" s="198">
        <v>0</v>
      </c>
      <c r="P19" s="201">
        <v>2</v>
      </c>
      <c r="Q19" s="197">
        <v>6</v>
      </c>
      <c r="R19" s="197">
        <v>10</v>
      </c>
      <c r="S19" s="197">
        <v>5</v>
      </c>
      <c r="T19" s="195">
        <v>5</v>
      </c>
      <c r="U19" s="198">
        <v>28</v>
      </c>
      <c r="V19" s="202">
        <v>28</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0</v>
      </c>
      <c r="AO19" s="198">
        <v>0</v>
      </c>
      <c r="AP19" s="200">
        <v>0</v>
      </c>
      <c r="AQ19" s="37"/>
    </row>
    <row r="20" spans="2:43" ht="20.25" customHeight="1" x14ac:dyDescent="0.2">
      <c r="B20" s="62" t="s">
        <v>18</v>
      </c>
      <c r="C20" s="194">
        <v>0</v>
      </c>
      <c r="D20" s="195">
        <v>0</v>
      </c>
      <c r="E20" s="195">
        <v>0</v>
      </c>
      <c r="F20" s="196">
        <v>0</v>
      </c>
      <c r="G20" s="197">
        <v>1</v>
      </c>
      <c r="H20" s="197">
        <v>7</v>
      </c>
      <c r="I20" s="197">
        <v>16</v>
      </c>
      <c r="J20" s="195">
        <v>4</v>
      </c>
      <c r="K20" s="198">
        <v>28</v>
      </c>
      <c r="L20" s="199">
        <v>28</v>
      </c>
      <c r="M20" s="194">
        <v>0</v>
      </c>
      <c r="N20" s="195">
        <v>0</v>
      </c>
      <c r="O20" s="198">
        <v>0</v>
      </c>
      <c r="P20" s="201">
        <v>5</v>
      </c>
      <c r="Q20" s="197">
        <v>2</v>
      </c>
      <c r="R20" s="197">
        <v>5</v>
      </c>
      <c r="S20" s="197">
        <v>3</v>
      </c>
      <c r="T20" s="195">
        <v>3</v>
      </c>
      <c r="U20" s="198">
        <v>18</v>
      </c>
      <c r="V20" s="202">
        <v>18</v>
      </c>
      <c r="W20" s="201">
        <v>0</v>
      </c>
      <c r="X20" s="195">
        <v>0</v>
      </c>
      <c r="Y20" s="195">
        <v>0</v>
      </c>
      <c r="Z20" s="196">
        <v>0</v>
      </c>
      <c r="AA20" s="197">
        <v>0</v>
      </c>
      <c r="AB20" s="197">
        <v>0</v>
      </c>
      <c r="AC20" s="197">
        <v>0</v>
      </c>
      <c r="AD20" s="195">
        <v>1</v>
      </c>
      <c r="AE20" s="198">
        <v>1</v>
      </c>
      <c r="AF20" s="199">
        <v>1</v>
      </c>
      <c r="AG20" s="194">
        <v>0</v>
      </c>
      <c r="AH20" s="195">
        <v>0</v>
      </c>
      <c r="AI20" s="195">
        <v>0</v>
      </c>
      <c r="AJ20" s="196">
        <v>0</v>
      </c>
      <c r="AK20" s="197">
        <v>0</v>
      </c>
      <c r="AL20" s="197">
        <v>0</v>
      </c>
      <c r="AM20" s="197">
        <v>0</v>
      </c>
      <c r="AN20" s="195">
        <v>0</v>
      </c>
      <c r="AO20" s="198">
        <v>0</v>
      </c>
      <c r="AP20" s="200">
        <v>0</v>
      </c>
      <c r="AQ20" s="37"/>
    </row>
    <row r="21" spans="2:43" ht="20.25" customHeight="1" x14ac:dyDescent="0.2">
      <c r="B21" s="62" t="s">
        <v>19</v>
      </c>
      <c r="C21" s="194">
        <v>0</v>
      </c>
      <c r="D21" s="195">
        <v>0</v>
      </c>
      <c r="E21" s="195">
        <v>0</v>
      </c>
      <c r="F21" s="196">
        <v>0</v>
      </c>
      <c r="G21" s="197">
        <v>0</v>
      </c>
      <c r="H21" s="197">
        <v>2</v>
      </c>
      <c r="I21" s="197">
        <v>6</v>
      </c>
      <c r="J21" s="195">
        <v>3</v>
      </c>
      <c r="K21" s="198">
        <v>11</v>
      </c>
      <c r="L21" s="199">
        <v>11</v>
      </c>
      <c r="M21" s="194">
        <v>0</v>
      </c>
      <c r="N21" s="195">
        <v>0</v>
      </c>
      <c r="O21" s="198">
        <v>0</v>
      </c>
      <c r="P21" s="201">
        <v>0</v>
      </c>
      <c r="Q21" s="197">
        <v>1</v>
      </c>
      <c r="R21" s="197">
        <v>3</v>
      </c>
      <c r="S21" s="197">
        <v>0</v>
      </c>
      <c r="T21" s="195">
        <v>3</v>
      </c>
      <c r="U21" s="198">
        <v>7</v>
      </c>
      <c r="V21" s="202">
        <v>7</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0.25" customHeight="1" x14ac:dyDescent="0.2">
      <c r="B22" s="62" t="s">
        <v>20</v>
      </c>
      <c r="C22" s="194">
        <v>0</v>
      </c>
      <c r="D22" s="195">
        <v>0</v>
      </c>
      <c r="E22" s="195">
        <v>0</v>
      </c>
      <c r="F22" s="196">
        <v>0</v>
      </c>
      <c r="G22" s="197">
        <v>1</v>
      </c>
      <c r="H22" s="197">
        <v>4</v>
      </c>
      <c r="I22" s="197">
        <v>8</v>
      </c>
      <c r="J22" s="195">
        <v>3</v>
      </c>
      <c r="K22" s="198">
        <v>16</v>
      </c>
      <c r="L22" s="199">
        <v>16</v>
      </c>
      <c r="M22" s="194">
        <v>0</v>
      </c>
      <c r="N22" s="195">
        <v>0</v>
      </c>
      <c r="O22" s="198">
        <v>0</v>
      </c>
      <c r="P22" s="201">
        <v>1</v>
      </c>
      <c r="Q22" s="197">
        <v>1</v>
      </c>
      <c r="R22" s="197">
        <v>4</v>
      </c>
      <c r="S22" s="197">
        <v>2</v>
      </c>
      <c r="T22" s="195">
        <v>0</v>
      </c>
      <c r="U22" s="198">
        <v>8</v>
      </c>
      <c r="V22" s="202">
        <v>8</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0</v>
      </c>
      <c r="AO22" s="198">
        <v>0</v>
      </c>
      <c r="AP22" s="200">
        <v>0</v>
      </c>
      <c r="AQ22" s="37"/>
    </row>
    <row r="23" spans="2:43" ht="20.25" customHeight="1" x14ac:dyDescent="0.2">
      <c r="B23" s="62" t="s">
        <v>21</v>
      </c>
      <c r="C23" s="194">
        <v>0</v>
      </c>
      <c r="D23" s="195">
        <v>0</v>
      </c>
      <c r="E23" s="195">
        <v>0</v>
      </c>
      <c r="F23" s="196">
        <v>0</v>
      </c>
      <c r="G23" s="197">
        <v>0</v>
      </c>
      <c r="H23" s="197">
        <v>2</v>
      </c>
      <c r="I23" s="197">
        <v>3</v>
      </c>
      <c r="J23" s="195">
        <v>4</v>
      </c>
      <c r="K23" s="198">
        <v>9</v>
      </c>
      <c r="L23" s="199">
        <v>9</v>
      </c>
      <c r="M23" s="194">
        <v>0</v>
      </c>
      <c r="N23" s="195">
        <v>0</v>
      </c>
      <c r="O23" s="198">
        <v>0</v>
      </c>
      <c r="P23" s="201">
        <v>0</v>
      </c>
      <c r="Q23" s="197">
        <v>3</v>
      </c>
      <c r="R23" s="197">
        <v>2</v>
      </c>
      <c r="S23" s="197">
        <v>1</v>
      </c>
      <c r="T23" s="195">
        <v>2</v>
      </c>
      <c r="U23" s="198">
        <v>8</v>
      </c>
      <c r="V23" s="202">
        <v>8</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0</v>
      </c>
      <c r="AN23" s="195">
        <v>1</v>
      </c>
      <c r="AO23" s="198">
        <v>1</v>
      </c>
      <c r="AP23" s="200">
        <v>1</v>
      </c>
      <c r="AQ23" s="37"/>
    </row>
    <row r="24" spans="2:43" ht="20.25" customHeight="1" x14ac:dyDescent="0.2">
      <c r="B24" s="62" t="s">
        <v>22</v>
      </c>
      <c r="C24" s="194">
        <v>0</v>
      </c>
      <c r="D24" s="195">
        <v>0</v>
      </c>
      <c r="E24" s="195">
        <v>0</v>
      </c>
      <c r="F24" s="196">
        <v>0</v>
      </c>
      <c r="G24" s="197">
        <v>0</v>
      </c>
      <c r="H24" s="197">
        <v>0</v>
      </c>
      <c r="I24" s="197">
        <v>0</v>
      </c>
      <c r="J24" s="195">
        <v>0</v>
      </c>
      <c r="K24" s="198">
        <v>0</v>
      </c>
      <c r="L24" s="199">
        <v>0</v>
      </c>
      <c r="M24" s="194">
        <v>0</v>
      </c>
      <c r="N24" s="195">
        <v>0</v>
      </c>
      <c r="O24" s="198">
        <v>0</v>
      </c>
      <c r="P24" s="201">
        <v>0</v>
      </c>
      <c r="Q24" s="197">
        <v>0</v>
      </c>
      <c r="R24" s="197">
        <v>3</v>
      </c>
      <c r="S24" s="197">
        <v>0</v>
      </c>
      <c r="T24" s="195">
        <v>0</v>
      </c>
      <c r="U24" s="198">
        <v>3</v>
      </c>
      <c r="V24" s="202">
        <v>3</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0.25" customHeight="1" x14ac:dyDescent="0.2">
      <c r="B25" s="62" t="s">
        <v>23</v>
      </c>
      <c r="C25" s="194">
        <v>0</v>
      </c>
      <c r="D25" s="195">
        <v>0</v>
      </c>
      <c r="E25" s="195">
        <v>0</v>
      </c>
      <c r="F25" s="196">
        <v>0</v>
      </c>
      <c r="G25" s="197">
        <v>0</v>
      </c>
      <c r="H25" s="197">
        <v>1</v>
      </c>
      <c r="I25" s="197">
        <v>5</v>
      </c>
      <c r="J25" s="195">
        <v>1</v>
      </c>
      <c r="K25" s="198">
        <v>7</v>
      </c>
      <c r="L25" s="199">
        <v>7</v>
      </c>
      <c r="M25" s="194">
        <v>0</v>
      </c>
      <c r="N25" s="195">
        <v>0</v>
      </c>
      <c r="O25" s="198">
        <v>0</v>
      </c>
      <c r="P25" s="201">
        <v>0</v>
      </c>
      <c r="Q25" s="197">
        <v>0</v>
      </c>
      <c r="R25" s="197">
        <v>2</v>
      </c>
      <c r="S25" s="197">
        <v>1</v>
      </c>
      <c r="T25" s="195">
        <v>3</v>
      </c>
      <c r="U25" s="198">
        <v>6</v>
      </c>
      <c r="V25" s="202">
        <v>6</v>
      </c>
      <c r="W25" s="201">
        <v>0</v>
      </c>
      <c r="X25" s="195">
        <v>0</v>
      </c>
      <c r="Y25" s="195">
        <v>0</v>
      </c>
      <c r="Z25" s="196">
        <v>0</v>
      </c>
      <c r="AA25" s="197">
        <v>0</v>
      </c>
      <c r="AB25" s="197">
        <v>0</v>
      </c>
      <c r="AC25" s="197">
        <v>0</v>
      </c>
      <c r="AD25" s="195">
        <v>0</v>
      </c>
      <c r="AE25" s="198">
        <v>0</v>
      </c>
      <c r="AF25" s="199">
        <v>0</v>
      </c>
      <c r="AG25" s="194">
        <v>0</v>
      </c>
      <c r="AH25" s="195">
        <v>0</v>
      </c>
      <c r="AI25" s="195">
        <v>0</v>
      </c>
      <c r="AJ25" s="196">
        <v>0</v>
      </c>
      <c r="AK25" s="197">
        <v>0</v>
      </c>
      <c r="AL25" s="197">
        <v>0</v>
      </c>
      <c r="AM25" s="197">
        <v>0</v>
      </c>
      <c r="AN25" s="195">
        <v>1</v>
      </c>
      <c r="AO25" s="198">
        <v>1</v>
      </c>
      <c r="AP25" s="200">
        <v>1</v>
      </c>
      <c r="AQ25" s="37"/>
    </row>
    <row r="26" spans="2:43" ht="20.25" customHeight="1" x14ac:dyDescent="0.2">
      <c r="B26" s="62" t="s">
        <v>24</v>
      </c>
      <c r="C26" s="194">
        <v>0</v>
      </c>
      <c r="D26" s="195">
        <v>0</v>
      </c>
      <c r="E26" s="195">
        <v>0</v>
      </c>
      <c r="F26" s="196">
        <v>0</v>
      </c>
      <c r="G26" s="197">
        <v>0</v>
      </c>
      <c r="H26" s="197">
        <v>1</v>
      </c>
      <c r="I26" s="197">
        <v>2</v>
      </c>
      <c r="J26" s="195">
        <v>0</v>
      </c>
      <c r="K26" s="198">
        <v>3</v>
      </c>
      <c r="L26" s="199">
        <v>3</v>
      </c>
      <c r="M26" s="194">
        <v>0</v>
      </c>
      <c r="N26" s="195">
        <v>0</v>
      </c>
      <c r="O26" s="198">
        <v>0</v>
      </c>
      <c r="P26" s="201">
        <v>1</v>
      </c>
      <c r="Q26" s="197">
        <v>0</v>
      </c>
      <c r="R26" s="197">
        <v>0</v>
      </c>
      <c r="S26" s="197">
        <v>1</v>
      </c>
      <c r="T26" s="195">
        <v>0</v>
      </c>
      <c r="U26" s="198">
        <v>2</v>
      </c>
      <c r="V26" s="202">
        <v>2</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0.25" customHeight="1" x14ac:dyDescent="0.2">
      <c r="B27" s="62" t="s">
        <v>25</v>
      </c>
      <c r="C27" s="194">
        <v>0</v>
      </c>
      <c r="D27" s="195">
        <v>0</v>
      </c>
      <c r="E27" s="195">
        <v>0</v>
      </c>
      <c r="F27" s="196">
        <v>0</v>
      </c>
      <c r="G27" s="197">
        <v>0</v>
      </c>
      <c r="H27" s="197">
        <v>0</v>
      </c>
      <c r="I27" s="197">
        <v>1</v>
      </c>
      <c r="J27" s="195">
        <v>2</v>
      </c>
      <c r="K27" s="198">
        <v>3</v>
      </c>
      <c r="L27" s="199">
        <v>3</v>
      </c>
      <c r="M27" s="194">
        <v>0</v>
      </c>
      <c r="N27" s="195">
        <v>0</v>
      </c>
      <c r="O27" s="198">
        <v>0</v>
      </c>
      <c r="P27" s="201">
        <v>0</v>
      </c>
      <c r="Q27" s="197">
        <v>0</v>
      </c>
      <c r="R27" s="197">
        <v>0</v>
      </c>
      <c r="S27" s="197">
        <v>1</v>
      </c>
      <c r="T27" s="195">
        <v>0</v>
      </c>
      <c r="U27" s="198">
        <v>1</v>
      </c>
      <c r="V27" s="202">
        <v>1</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0</v>
      </c>
      <c r="AN27" s="195">
        <v>0</v>
      </c>
      <c r="AO27" s="198">
        <v>0</v>
      </c>
      <c r="AP27" s="200">
        <v>0</v>
      </c>
      <c r="AQ27" s="37"/>
    </row>
    <row r="28" spans="2:43" ht="20.25" customHeight="1" x14ac:dyDescent="0.2">
      <c r="B28" s="62" t="s">
        <v>26</v>
      </c>
      <c r="C28" s="194">
        <v>0</v>
      </c>
      <c r="D28" s="195">
        <v>0</v>
      </c>
      <c r="E28" s="195">
        <v>0</v>
      </c>
      <c r="F28" s="196">
        <v>0</v>
      </c>
      <c r="G28" s="197">
        <v>0</v>
      </c>
      <c r="H28" s="197">
        <v>0</v>
      </c>
      <c r="I28" s="197">
        <v>1</v>
      </c>
      <c r="J28" s="195">
        <v>1</v>
      </c>
      <c r="K28" s="198">
        <v>2</v>
      </c>
      <c r="L28" s="199">
        <v>2</v>
      </c>
      <c r="M28" s="194">
        <v>0</v>
      </c>
      <c r="N28" s="195">
        <v>0</v>
      </c>
      <c r="O28" s="198">
        <v>0</v>
      </c>
      <c r="P28" s="201">
        <v>1</v>
      </c>
      <c r="Q28" s="197">
        <v>0</v>
      </c>
      <c r="R28" s="197">
        <v>1</v>
      </c>
      <c r="S28" s="197">
        <v>0</v>
      </c>
      <c r="T28" s="195">
        <v>0</v>
      </c>
      <c r="U28" s="198">
        <v>2</v>
      </c>
      <c r="V28" s="202">
        <v>2</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0.25" customHeight="1" x14ac:dyDescent="0.2">
      <c r="B29" s="62" t="s">
        <v>27</v>
      </c>
      <c r="C29" s="194">
        <v>0</v>
      </c>
      <c r="D29" s="195">
        <v>0</v>
      </c>
      <c r="E29" s="195">
        <v>0</v>
      </c>
      <c r="F29" s="196">
        <v>0</v>
      </c>
      <c r="G29" s="197">
        <v>0</v>
      </c>
      <c r="H29" s="197">
        <v>1</v>
      </c>
      <c r="I29" s="197">
        <v>2</v>
      </c>
      <c r="J29" s="195">
        <v>1</v>
      </c>
      <c r="K29" s="198">
        <v>4</v>
      </c>
      <c r="L29" s="199">
        <v>4</v>
      </c>
      <c r="M29" s="194">
        <v>0</v>
      </c>
      <c r="N29" s="195">
        <v>0</v>
      </c>
      <c r="O29" s="198">
        <v>0</v>
      </c>
      <c r="P29" s="201">
        <v>0</v>
      </c>
      <c r="Q29" s="197">
        <v>0</v>
      </c>
      <c r="R29" s="197">
        <v>1</v>
      </c>
      <c r="S29" s="197">
        <v>1</v>
      </c>
      <c r="T29" s="195">
        <v>0</v>
      </c>
      <c r="U29" s="198">
        <v>2</v>
      </c>
      <c r="V29" s="202">
        <v>2</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0</v>
      </c>
      <c r="AN29" s="195">
        <v>0</v>
      </c>
      <c r="AO29" s="198">
        <v>0</v>
      </c>
      <c r="AP29" s="200">
        <v>0</v>
      </c>
      <c r="AQ29" s="37"/>
    </row>
    <row r="30" spans="2:43" ht="20.25" customHeight="1" x14ac:dyDescent="0.2">
      <c r="B30" s="62" t="s">
        <v>28</v>
      </c>
      <c r="C30" s="194">
        <v>0</v>
      </c>
      <c r="D30" s="195">
        <v>0</v>
      </c>
      <c r="E30" s="195">
        <v>0</v>
      </c>
      <c r="F30" s="196">
        <v>0</v>
      </c>
      <c r="G30" s="197">
        <v>0</v>
      </c>
      <c r="H30" s="197">
        <v>0</v>
      </c>
      <c r="I30" s="197">
        <v>1</v>
      </c>
      <c r="J30" s="195">
        <v>0</v>
      </c>
      <c r="K30" s="198">
        <v>1</v>
      </c>
      <c r="L30" s="199">
        <v>1</v>
      </c>
      <c r="M30" s="194">
        <v>0</v>
      </c>
      <c r="N30" s="195">
        <v>0</v>
      </c>
      <c r="O30" s="198">
        <v>0</v>
      </c>
      <c r="P30" s="201">
        <v>0</v>
      </c>
      <c r="Q30" s="197">
        <v>0</v>
      </c>
      <c r="R30" s="197">
        <v>0</v>
      </c>
      <c r="S30" s="197">
        <v>1</v>
      </c>
      <c r="T30" s="195">
        <v>1</v>
      </c>
      <c r="U30" s="198">
        <v>2</v>
      </c>
      <c r="V30" s="202">
        <v>2</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0.25" customHeight="1" x14ac:dyDescent="0.2">
      <c r="B31" s="62" t="s">
        <v>29</v>
      </c>
      <c r="C31" s="194">
        <v>0</v>
      </c>
      <c r="D31" s="195">
        <v>0</v>
      </c>
      <c r="E31" s="195">
        <v>0</v>
      </c>
      <c r="F31" s="196">
        <v>0</v>
      </c>
      <c r="G31" s="197">
        <v>0</v>
      </c>
      <c r="H31" s="197">
        <v>1</v>
      </c>
      <c r="I31" s="197">
        <v>0</v>
      </c>
      <c r="J31" s="195">
        <v>0</v>
      </c>
      <c r="K31" s="198">
        <v>1</v>
      </c>
      <c r="L31" s="199">
        <v>1</v>
      </c>
      <c r="M31" s="194">
        <v>0</v>
      </c>
      <c r="N31" s="195">
        <v>0</v>
      </c>
      <c r="O31" s="198">
        <v>0</v>
      </c>
      <c r="P31" s="201">
        <v>0</v>
      </c>
      <c r="Q31" s="197">
        <v>0</v>
      </c>
      <c r="R31" s="197">
        <v>2</v>
      </c>
      <c r="S31" s="197">
        <v>1</v>
      </c>
      <c r="T31" s="195">
        <v>0</v>
      </c>
      <c r="U31" s="198">
        <v>3</v>
      </c>
      <c r="V31" s="202">
        <v>3</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0.25" customHeight="1" x14ac:dyDescent="0.2">
      <c r="B32" s="62" t="s">
        <v>30</v>
      </c>
      <c r="C32" s="194">
        <v>0</v>
      </c>
      <c r="D32" s="195">
        <v>0</v>
      </c>
      <c r="E32" s="195">
        <v>0</v>
      </c>
      <c r="F32" s="196">
        <v>0</v>
      </c>
      <c r="G32" s="197">
        <v>0</v>
      </c>
      <c r="H32" s="197">
        <v>1</v>
      </c>
      <c r="I32" s="197">
        <v>0</v>
      </c>
      <c r="J32" s="195">
        <v>0</v>
      </c>
      <c r="K32" s="198">
        <v>1</v>
      </c>
      <c r="L32" s="199">
        <v>1</v>
      </c>
      <c r="M32" s="194">
        <v>0</v>
      </c>
      <c r="N32" s="195">
        <v>0</v>
      </c>
      <c r="O32" s="198">
        <v>0</v>
      </c>
      <c r="P32" s="201">
        <v>0</v>
      </c>
      <c r="Q32" s="197">
        <v>0</v>
      </c>
      <c r="R32" s="197">
        <v>1</v>
      </c>
      <c r="S32" s="197">
        <v>1</v>
      </c>
      <c r="T32" s="195">
        <v>1</v>
      </c>
      <c r="U32" s="198">
        <v>3</v>
      </c>
      <c r="V32" s="202">
        <v>3</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0</v>
      </c>
      <c r="AN32" s="195">
        <v>0</v>
      </c>
      <c r="AO32" s="198">
        <v>0</v>
      </c>
      <c r="AP32" s="200">
        <v>0</v>
      </c>
      <c r="AQ32" s="37"/>
    </row>
    <row r="33" spans="2:43" ht="20.25" customHeight="1" x14ac:dyDescent="0.2">
      <c r="B33" s="62" t="s">
        <v>31</v>
      </c>
      <c r="C33" s="194">
        <v>0</v>
      </c>
      <c r="D33" s="195">
        <v>0</v>
      </c>
      <c r="E33" s="195">
        <v>0</v>
      </c>
      <c r="F33" s="196">
        <v>0</v>
      </c>
      <c r="G33" s="197">
        <v>0</v>
      </c>
      <c r="H33" s="197">
        <v>2</v>
      </c>
      <c r="I33" s="197">
        <v>1</v>
      </c>
      <c r="J33" s="195">
        <v>0</v>
      </c>
      <c r="K33" s="198">
        <v>3</v>
      </c>
      <c r="L33" s="199">
        <v>3</v>
      </c>
      <c r="M33" s="194">
        <v>0</v>
      </c>
      <c r="N33" s="195">
        <v>0</v>
      </c>
      <c r="O33" s="198">
        <v>0</v>
      </c>
      <c r="P33" s="201">
        <v>0</v>
      </c>
      <c r="Q33" s="197">
        <v>1</v>
      </c>
      <c r="R33" s="197">
        <v>0</v>
      </c>
      <c r="S33" s="197">
        <v>0</v>
      </c>
      <c r="T33" s="195">
        <v>1</v>
      </c>
      <c r="U33" s="198">
        <v>2</v>
      </c>
      <c r="V33" s="202">
        <v>2</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0.25" customHeight="1" x14ac:dyDescent="0.2">
      <c r="B34" s="62" t="s">
        <v>32</v>
      </c>
      <c r="C34" s="194">
        <v>0</v>
      </c>
      <c r="D34" s="195">
        <v>0</v>
      </c>
      <c r="E34" s="195">
        <v>0</v>
      </c>
      <c r="F34" s="196">
        <v>0</v>
      </c>
      <c r="G34" s="197">
        <v>0</v>
      </c>
      <c r="H34" s="197">
        <v>0</v>
      </c>
      <c r="I34" s="197">
        <v>0</v>
      </c>
      <c r="J34" s="195">
        <v>1</v>
      </c>
      <c r="K34" s="198">
        <v>1</v>
      </c>
      <c r="L34" s="199">
        <v>1</v>
      </c>
      <c r="M34" s="194">
        <v>0</v>
      </c>
      <c r="N34" s="195">
        <v>0</v>
      </c>
      <c r="O34" s="198">
        <v>0</v>
      </c>
      <c r="P34" s="201">
        <v>0</v>
      </c>
      <c r="Q34" s="197">
        <v>0</v>
      </c>
      <c r="R34" s="197">
        <v>0</v>
      </c>
      <c r="S34" s="197">
        <v>0</v>
      </c>
      <c r="T34" s="195">
        <v>0</v>
      </c>
      <c r="U34" s="198">
        <v>0</v>
      </c>
      <c r="V34" s="202">
        <v>0</v>
      </c>
      <c r="W34" s="201">
        <v>0</v>
      </c>
      <c r="X34" s="195">
        <v>0</v>
      </c>
      <c r="Y34" s="195">
        <v>0</v>
      </c>
      <c r="Z34" s="196">
        <v>0</v>
      </c>
      <c r="AA34" s="197">
        <v>1</v>
      </c>
      <c r="AB34" s="197">
        <v>0</v>
      </c>
      <c r="AC34" s="197">
        <v>0</v>
      </c>
      <c r="AD34" s="195">
        <v>0</v>
      </c>
      <c r="AE34" s="198">
        <v>1</v>
      </c>
      <c r="AF34" s="199">
        <v>1</v>
      </c>
      <c r="AG34" s="194">
        <v>0</v>
      </c>
      <c r="AH34" s="195">
        <v>0</v>
      </c>
      <c r="AI34" s="195">
        <v>0</v>
      </c>
      <c r="AJ34" s="196">
        <v>0</v>
      </c>
      <c r="AK34" s="197">
        <v>0</v>
      </c>
      <c r="AL34" s="197">
        <v>0</v>
      </c>
      <c r="AM34" s="197">
        <v>0</v>
      </c>
      <c r="AN34" s="195">
        <v>0</v>
      </c>
      <c r="AO34" s="198">
        <v>0</v>
      </c>
      <c r="AP34" s="200">
        <v>0</v>
      </c>
      <c r="AQ34" s="37"/>
    </row>
    <row r="35" spans="2:43" ht="20.25" customHeight="1" x14ac:dyDescent="0.2">
      <c r="B35" s="62" t="s">
        <v>33</v>
      </c>
      <c r="C35" s="194">
        <v>0</v>
      </c>
      <c r="D35" s="195">
        <v>0</v>
      </c>
      <c r="E35" s="195">
        <v>0</v>
      </c>
      <c r="F35" s="196">
        <v>0</v>
      </c>
      <c r="G35" s="197">
        <v>0</v>
      </c>
      <c r="H35" s="197">
        <v>0</v>
      </c>
      <c r="I35" s="197">
        <v>1</v>
      </c>
      <c r="J35" s="195">
        <v>0</v>
      </c>
      <c r="K35" s="198">
        <v>1</v>
      </c>
      <c r="L35" s="199">
        <v>1</v>
      </c>
      <c r="M35" s="194">
        <v>0</v>
      </c>
      <c r="N35" s="195">
        <v>0</v>
      </c>
      <c r="O35" s="198">
        <v>0</v>
      </c>
      <c r="P35" s="201">
        <v>0</v>
      </c>
      <c r="Q35" s="197">
        <v>0</v>
      </c>
      <c r="R35" s="197">
        <v>0</v>
      </c>
      <c r="S35" s="197">
        <v>0</v>
      </c>
      <c r="T35" s="195">
        <v>0</v>
      </c>
      <c r="U35" s="198">
        <v>0</v>
      </c>
      <c r="V35" s="202">
        <v>0</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1</v>
      </c>
      <c r="AL35" s="197">
        <v>0</v>
      </c>
      <c r="AM35" s="197">
        <v>0</v>
      </c>
      <c r="AN35" s="195">
        <v>2</v>
      </c>
      <c r="AO35" s="198">
        <v>3</v>
      </c>
      <c r="AP35" s="200">
        <v>3</v>
      </c>
      <c r="AQ35" s="37"/>
    </row>
    <row r="36" spans="2:43" ht="20.25" customHeight="1" x14ac:dyDescent="0.2">
      <c r="B36" s="62" t="s">
        <v>34</v>
      </c>
      <c r="C36" s="194">
        <v>0</v>
      </c>
      <c r="D36" s="195">
        <v>0</v>
      </c>
      <c r="E36" s="195">
        <v>0</v>
      </c>
      <c r="F36" s="196">
        <v>0</v>
      </c>
      <c r="G36" s="197">
        <v>0</v>
      </c>
      <c r="H36" s="197">
        <v>0</v>
      </c>
      <c r="I36" s="197">
        <v>0</v>
      </c>
      <c r="J36" s="195">
        <v>0</v>
      </c>
      <c r="K36" s="198">
        <v>0</v>
      </c>
      <c r="L36" s="199">
        <v>0</v>
      </c>
      <c r="M36" s="194">
        <v>0</v>
      </c>
      <c r="N36" s="195">
        <v>0</v>
      </c>
      <c r="O36" s="198">
        <v>0</v>
      </c>
      <c r="P36" s="201">
        <v>0</v>
      </c>
      <c r="Q36" s="197">
        <v>0</v>
      </c>
      <c r="R36" s="197">
        <v>0</v>
      </c>
      <c r="S36" s="197">
        <v>0</v>
      </c>
      <c r="T36" s="195">
        <v>0</v>
      </c>
      <c r="U36" s="198">
        <v>0</v>
      </c>
      <c r="V36" s="202">
        <v>0</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0.25" customHeight="1" x14ac:dyDescent="0.2">
      <c r="B37" s="62" t="s">
        <v>35</v>
      </c>
      <c r="C37" s="194">
        <v>0</v>
      </c>
      <c r="D37" s="195">
        <v>0</v>
      </c>
      <c r="E37" s="195">
        <v>0</v>
      </c>
      <c r="F37" s="196">
        <v>0</v>
      </c>
      <c r="G37" s="197">
        <v>0</v>
      </c>
      <c r="H37" s="197">
        <v>0</v>
      </c>
      <c r="I37" s="197">
        <v>2</v>
      </c>
      <c r="J37" s="195">
        <v>0</v>
      </c>
      <c r="K37" s="198">
        <v>2</v>
      </c>
      <c r="L37" s="199">
        <v>2</v>
      </c>
      <c r="M37" s="194">
        <v>0</v>
      </c>
      <c r="N37" s="195">
        <v>0</v>
      </c>
      <c r="O37" s="198">
        <v>0</v>
      </c>
      <c r="P37" s="201">
        <v>0</v>
      </c>
      <c r="Q37" s="197">
        <v>0</v>
      </c>
      <c r="R37" s="197">
        <v>1</v>
      </c>
      <c r="S37" s="197">
        <v>0</v>
      </c>
      <c r="T37" s="195">
        <v>0</v>
      </c>
      <c r="U37" s="198">
        <v>1</v>
      </c>
      <c r="V37" s="202">
        <v>1</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0.25" customHeight="1" x14ac:dyDescent="0.2">
      <c r="B38" s="62" t="s">
        <v>36</v>
      </c>
      <c r="C38" s="194">
        <v>0</v>
      </c>
      <c r="D38" s="195">
        <v>0</v>
      </c>
      <c r="E38" s="195">
        <v>0</v>
      </c>
      <c r="F38" s="196">
        <v>0</v>
      </c>
      <c r="G38" s="197">
        <v>0</v>
      </c>
      <c r="H38" s="197">
        <v>0</v>
      </c>
      <c r="I38" s="197">
        <v>1</v>
      </c>
      <c r="J38" s="195">
        <v>1</v>
      </c>
      <c r="K38" s="198">
        <v>2</v>
      </c>
      <c r="L38" s="199">
        <v>2</v>
      </c>
      <c r="M38" s="194">
        <v>0</v>
      </c>
      <c r="N38" s="195">
        <v>0</v>
      </c>
      <c r="O38" s="198">
        <v>0</v>
      </c>
      <c r="P38" s="201">
        <v>2</v>
      </c>
      <c r="Q38" s="197">
        <v>0</v>
      </c>
      <c r="R38" s="197">
        <v>0</v>
      </c>
      <c r="S38" s="197">
        <v>1</v>
      </c>
      <c r="T38" s="195">
        <v>0</v>
      </c>
      <c r="U38" s="198">
        <v>3</v>
      </c>
      <c r="V38" s="202">
        <v>3</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0.25" customHeight="1" thickBot="1" x14ac:dyDescent="0.25">
      <c r="B39" s="63" t="s">
        <v>37</v>
      </c>
      <c r="C39" s="203">
        <v>0</v>
      </c>
      <c r="D39" s="204">
        <v>0</v>
      </c>
      <c r="E39" s="204">
        <v>0</v>
      </c>
      <c r="F39" s="205">
        <v>0</v>
      </c>
      <c r="G39" s="206">
        <v>0</v>
      </c>
      <c r="H39" s="206">
        <v>0</v>
      </c>
      <c r="I39" s="206">
        <v>0</v>
      </c>
      <c r="J39" s="204">
        <v>0</v>
      </c>
      <c r="K39" s="207">
        <v>0</v>
      </c>
      <c r="L39" s="208">
        <v>0</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1</v>
      </c>
      <c r="AO39" s="207">
        <v>1</v>
      </c>
      <c r="AP39" s="209">
        <v>1</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Z4:AE4"/>
    <mergeCell ref="AF4:AF5"/>
    <mergeCell ref="G1:H1"/>
    <mergeCell ref="AG4:AI4"/>
    <mergeCell ref="AJ4:AO4"/>
    <mergeCell ref="AP4:AP5"/>
    <mergeCell ref="B3:B4"/>
    <mergeCell ref="C3:L3"/>
    <mergeCell ref="M3:V3"/>
    <mergeCell ref="W3:AF3"/>
    <mergeCell ref="AG3:AP3"/>
    <mergeCell ref="C4:E4"/>
    <mergeCell ref="F4:K4"/>
    <mergeCell ref="L4:L5"/>
    <mergeCell ref="M4:O4"/>
    <mergeCell ref="P4:U4"/>
    <mergeCell ref="V4:V5"/>
    <mergeCell ref="W4:Y4"/>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2" manualBreakCount="2">
    <brk id="12" max="1048575" man="1"/>
    <brk id="22" max="1048575" man="1"/>
  </col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1" customWidth="1"/>
    <col min="3" max="3" width="8.21875" style="1" customWidth="1"/>
    <col min="4" max="5" width="10" style="1" customWidth="1"/>
    <col min="6" max="6" width="7" style="1" customWidth="1"/>
    <col min="7" max="13" width="10.33203125" style="1" customWidth="1"/>
    <col min="14" max="16" width="8.88671875" style="1" customWidth="1"/>
    <col min="17" max="17" width="7.6640625" style="1" customWidth="1"/>
    <col min="18" max="24" width="10.6640625" style="1" customWidth="1"/>
    <col min="25" max="27" width="8.88671875" style="1" customWidth="1"/>
    <col min="28" max="28" width="7.6640625" style="1" customWidth="1"/>
    <col min="29" max="29" width="8.88671875" style="1" customWidth="1"/>
    <col min="30" max="30" width="10.44140625" style="1" customWidth="1"/>
    <col min="31" max="33" width="8.88671875" style="1" customWidth="1"/>
    <col min="34" max="35" width="10" style="1" customWidth="1"/>
    <col min="36" max="38" width="8.88671875" style="1" customWidth="1"/>
    <col min="39" max="39" width="7.77734375" style="1" customWidth="1"/>
    <col min="40" max="49" width="8.88671875" style="1" customWidth="1"/>
    <col min="50" max="50" width="7.77734375" style="1" customWidth="1"/>
    <col min="51" max="55" width="8.88671875" style="1" customWidth="1"/>
    <col min="56" max="57" width="10.33203125" style="1" customWidth="1"/>
    <col min="58" max="60" width="8.88671875" style="1" customWidth="1"/>
    <col min="61" max="61" width="8" style="1" customWidth="1"/>
    <col min="62" max="71" width="8.88671875" style="1" customWidth="1"/>
    <col min="72" max="72" width="7.44140625" style="1" customWidth="1"/>
    <col min="73" max="77" width="8.88671875" style="1" customWidth="1"/>
    <col min="78" max="78" width="11.77734375" style="1" customWidth="1"/>
    <col min="79" max="79" width="12" style="1" customWidth="1"/>
    <col min="80" max="82" width="8.88671875" style="39" customWidth="1"/>
    <col min="83" max="83" width="7.77734375" style="39" customWidth="1"/>
    <col min="84" max="90" width="9" style="39" customWidth="1"/>
    <col min="91" max="93" width="8.88671875" style="1" customWidth="1"/>
    <col min="94" max="94" width="7.44140625" style="1" customWidth="1"/>
    <col min="95" max="97" width="10.109375" style="1" customWidth="1"/>
    <col min="98" max="99" width="8.88671875" style="1" customWidth="1"/>
    <col min="100" max="101" width="10.21875" style="1" customWidth="1"/>
    <col min="102" max="104" width="8.88671875" style="1" customWidth="1"/>
    <col min="105" max="105" width="7.33203125" style="1" customWidth="1"/>
    <col min="106" max="110" width="8.88671875" style="1" customWidth="1"/>
    <col min="111" max="112" width="9.21875" style="1" customWidth="1"/>
    <col min="113" max="115" width="8.88671875" style="39" customWidth="1"/>
    <col min="116" max="116" width="7.33203125" style="39" customWidth="1"/>
    <col min="117" max="121" width="8.88671875" style="39" customWidth="1"/>
    <col min="122" max="123" width="9.6640625" style="39" customWidth="1"/>
    <col min="124" max="126" width="8.88671875" style="1" customWidth="1"/>
    <col min="127" max="127" width="7.77734375" style="1" customWidth="1"/>
    <col min="128" max="132" width="8.88671875" style="1" customWidth="1"/>
    <col min="133" max="134" width="9.33203125" style="1" customWidth="1"/>
    <col min="135" max="137" width="8.88671875" style="1" customWidth="1"/>
    <col min="138" max="138" width="7.44140625" style="1" customWidth="1"/>
    <col min="139" max="148" width="8.88671875" style="1" customWidth="1"/>
    <col min="149" max="149" width="7.21875" style="1" customWidth="1"/>
    <col min="150" max="159" width="8.88671875" style="1" customWidth="1"/>
    <col min="160" max="160" width="7.21875" style="1" customWidth="1"/>
    <col min="161" max="167" width="8.88671875" style="1" customWidth="1"/>
    <col min="168" max="170" width="8.88671875" style="39" customWidth="1"/>
    <col min="171" max="171" width="7.33203125" style="39" customWidth="1"/>
    <col min="172" max="176" width="8.88671875" style="39" customWidth="1"/>
    <col min="177" max="178" width="9.6640625" style="39" customWidth="1"/>
    <col min="179" max="181" width="8.88671875" style="1" customWidth="1"/>
    <col min="182" max="182" width="7.21875" style="1" customWidth="1"/>
    <col min="183" max="187" width="8.88671875" style="1" customWidth="1"/>
    <col min="188" max="189" width="9.44140625" style="1" customWidth="1"/>
    <col min="190" max="192" width="8.88671875" style="1" customWidth="1"/>
    <col min="193" max="193" width="7.77734375" style="1" customWidth="1"/>
    <col min="194" max="203" width="8.88671875" style="1" customWidth="1"/>
    <col min="204" max="204" width="7.44140625" style="1" customWidth="1"/>
    <col min="205" max="214" width="8.88671875" style="1" customWidth="1"/>
    <col min="215" max="215" width="7.33203125" style="1" customWidth="1"/>
    <col min="216" max="218" width="8.88671875" style="1" customWidth="1"/>
    <col min="219" max="219" width="10.44140625" style="1" customWidth="1"/>
    <col min="220" max="220" width="8.88671875" style="1" customWidth="1"/>
    <col min="221" max="222" width="9.6640625" style="1" customWidth="1"/>
    <col min="223" max="225" width="8.88671875" style="1" customWidth="1"/>
    <col min="226" max="226" width="7.6640625" style="1" customWidth="1"/>
    <col min="227" max="231" width="8.88671875" style="1" customWidth="1"/>
    <col min="232" max="233" width="10" style="1"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1"/>
  </cols>
  <sheetData>
    <row r="1" spans="1:409" ht="24" customHeight="1" x14ac:dyDescent="0.2">
      <c r="B1" s="20" t="s">
        <v>146</v>
      </c>
      <c r="G1" s="368">
        <f>第１表!F2</f>
        <v>4</v>
      </c>
      <c r="H1" s="251">
        <f>第１表!G2</f>
        <v>9</v>
      </c>
      <c r="I1" s="611">
        <f>IF(H1&lt;3,H1-2+12,H1-2)</f>
        <v>7</v>
      </c>
      <c r="J1" s="611"/>
      <c r="IB1" s="368"/>
      <c r="IC1" s="253"/>
      <c r="ID1" s="611"/>
      <c r="IE1" s="611"/>
    </row>
    <row r="2" spans="1:409" s="44" customFormat="1" ht="24" customHeight="1" x14ac:dyDescent="0.2">
      <c r="B2" s="20" t="s">
        <v>147</v>
      </c>
      <c r="E2" s="250"/>
      <c r="F2" s="251"/>
      <c r="G2" s="646"/>
      <c r="H2" s="646"/>
      <c r="CB2" s="325"/>
      <c r="CC2" s="325"/>
      <c r="CD2" s="325"/>
      <c r="CE2" s="325"/>
      <c r="CF2" s="325"/>
      <c r="CG2" s="325"/>
      <c r="CH2" s="325"/>
      <c r="CI2" s="325"/>
      <c r="CJ2" s="325"/>
      <c r="CK2" s="325"/>
      <c r="CL2" s="325"/>
      <c r="DI2" s="325"/>
      <c r="DJ2" s="325"/>
      <c r="DK2" s="325"/>
      <c r="DL2" s="325"/>
      <c r="DM2" s="325"/>
      <c r="DN2" s="325"/>
      <c r="DO2" s="325"/>
      <c r="DP2" s="325"/>
      <c r="DQ2" s="325"/>
      <c r="DR2" s="325"/>
      <c r="DS2" s="325"/>
      <c r="FL2" s="325"/>
      <c r="FM2" s="325"/>
      <c r="FN2" s="325"/>
      <c r="FO2" s="325"/>
      <c r="FP2" s="325"/>
      <c r="FQ2" s="325"/>
      <c r="FR2" s="325"/>
      <c r="FS2" s="325"/>
      <c r="FT2" s="325"/>
      <c r="FU2" s="325"/>
      <c r="FV2" s="325"/>
      <c r="HZ2" s="39"/>
      <c r="IA2" s="39"/>
      <c r="IB2" s="252"/>
      <c r="IC2" s="253"/>
      <c r="ID2" s="371"/>
      <c r="IE2" s="371"/>
      <c r="IF2" s="39"/>
      <c r="IG2" s="39"/>
      <c r="IH2" s="39"/>
      <c r="II2" s="39"/>
      <c r="IJ2" s="39"/>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1"/>
      <c r="KY2" s="39"/>
      <c r="KZ2" s="39"/>
      <c r="LA2" s="39"/>
      <c r="LB2" s="39"/>
      <c r="LC2" s="39"/>
      <c r="LD2" s="39"/>
      <c r="LE2" s="39"/>
      <c r="LF2" s="39"/>
      <c r="LG2" s="39"/>
      <c r="LH2" s="39"/>
      <c r="LI2" s="39"/>
      <c r="LJ2" s="39"/>
      <c r="LK2" s="39"/>
      <c r="LL2" s="39"/>
      <c r="LM2" s="39"/>
      <c r="LN2" s="39"/>
      <c r="LO2" s="39"/>
      <c r="LP2" s="39"/>
      <c r="LQ2" s="39"/>
      <c r="LR2" s="39"/>
      <c r="LS2" s="39"/>
      <c r="LT2" s="39"/>
      <c r="LU2" s="39"/>
      <c r="LV2" s="39"/>
      <c r="LW2" s="39"/>
      <c r="LX2" s="39"/>
      <c r="LY2" s="39"/>
      <c r="LZ2" s="39"/>
      <c r="MA2" s="39"/>
      <c r="MB2" s="39"/>
      <c r="MC2" s="39"/>
      <c r="MD2" s="39"/>
      <c r="ME2" s="39"/>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c r="OS2" s="1"/>
    </row>
    <row r="3" spans="1:409" s="44" customFormat="1" ht="24" customHeight="1" thickBot="1" x14ac:dyDescent="0.25">
      <c r="B3" s="20" t="s">
        <v>148</v>
      </c>
      <c r="CB3" s="325"/>
      <c r="CC3" s="325"/>
      <c r="CD3" s="325"/>
      <c r="CE3" s="325"/>
      <c r="CF3" s="325"/>
      <c r="CG3" s="325"/>
      <c r="CH3" s="325"/>
      <c r="CI3" s="325"/>
      <c r="CJ3" s="325"/>
      <c r="CK3" s="325"/>
      <c r="CL3" s="325"/>
      <c r="DI3" s="325"/>
      <c r="DJ3" s="325"/>
      <c r="DK3" s="325"/>
      <c r="DL3" s="325"/>
      <c r="DM3" s="325"/>
      <c r="DN3" s="325"/>
      <c r="DO3" s="325"/>
      <c r="DP3" s="325"/>
      <c r="DQ3" s="325"/>
      <c r="DR3" s="325"/>
      <c r="DS3" s="325"/>
      <c r="FL3" s="325"/>
      <c r="FM3" s="325"/>
      <c r="FN3" s="325"/>
      <c r="FO3" s="325"/>
      <c r="FP3" s="325"/>
      <c r="FQ3" s="325"/>
      <c r="FR3" s="325"/>
      <c r="FS3" s="325"/>
      <c r="FT3" s="325"/>
      <c r="FU3" s="325"/>
      <c r="FV3" s="325"/>
      <c r="HZ3" s="39"/>
      <c r="IA3" s="39"/>
      <c r="IB3" s="39"/>
      <c r="IC3" s="39"/>
      <c r="ID3" s="39"/>
      <c r="IE3" s="39"/>
      <c r="IF3" s="39"/>
      <c r="IG3" s="39"/>
      <c r="IH3" s="39"/>
      <c r="II3" s="39"/>
      <c r="IJ3" s="39"/>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1"/>
      <c r="KY3" s="39"/>
      <c r="KZ3" s="39"/>
      <c r="LA3" s="39"/>
      <c r="LB3" s="39"/>
      <c r="LC3" s="39"/>
      <c r="LD3" s="39"/>
      <c r="LE3" s="39"/>
      <c r="LF3" s="39"/>
      <c r="LG3" s="39"/>
      <c r="LH3" s="39"/>
      <c r="LI3" s="39"/>
      <c r="LJ3" s="39"/>
      <c r="LK3" s="39"/>
      <c r="LL3" s="39"/>
      <c r="LM3" s="39"/>
      <c r="LN3" s="39"/>
      <c r="LO3" s="39"/>
      <c r="LP3" s="39"/>
      <c r="LQ3" s="39"/>
      <c r="LR3" s="39"/>
      <c r="LS3" s="39"/>
      <c r="LT3" s="39"/>
      <c r="LU3" s="39"/>
      <c r="LV3" s="39"/>
      <c r="LW3" s="39"/>
      <c r="LX3" s="39"/>
      <c r="LY3" s="39"/>
      <c r="LZ3" s="39"/>
      <c r="MA3" s="39"/>
      <c r="MB3" s="39"/>
      <c r="MC3" s="39"/>
      <c r="MD3" s="39"/>
      <c r="ME3" s="39"/>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c r="OS3" s="1"/>
    </row>
    <row r="4" spans="1:409" ht="18" customHeight="1" thickBot="1" x14ac:dyDescent="0.25">
      <c r="B4" s="622" t="s">
        <v>42</v>
      </c>
      <c r="C4" s="625" t="s">
        <v>63</v>
      </c>
      <c r="D4" s="625"/>
      <c r="E4" s="625"/>
      <c r="F4" s="625"/>
      <c r="G4" s="625"/>
      <c r="H4" s="625"/>
      <c r="I4" s="625"/>
      <c r="J4" s="625"/>
      <c r="K4" s="625"/>
      <c r="L4" s="625"/>
      <c r="M4" s="625"/>
      <c r="N4" s="577"/>
      <c r="O4" s="577"/>
      <c r="P4" s="577"/>
      <c r="Q4" s="577"/>
      <c r="R4" s="577"/>
      <c r="S4" s="577"/>
      <c r="T4" s="577"/>
      <c r="U4" s="577"/>
      <c r="V4" s="577"/>
      <c r="W4" s="577"/>
      <c r="X4" s="577"/>
      <c r="Y4" s="577"/>
      <c r="Z4" s="577"/>
      <c r="AA4" s="577"/>
      <c r="AB4" s="577"/>
      <c r="AC4" s="577"/>
      <c r="AD4" s="577"/>
      <c r="AE4" s="577"/>
      <c r="AF4" s="577"/>
      <c r="AG4" s="577"/>
      <c r="AH4" s="577"/>
      <c r="AI4" s="577"/>
      <c r="AJ4" s="577"/>
      <c r="AK4" s="577"/>
      <c r="AL4" s="577"/>
      <c r="AM4" s="577"/>
      <c r="AN4" s="577"/>
      <c r="AO4" s="577"/>
      <c r="AP4" s="577"/>
      <c r="AQ4" s="577"/>
      <c r="AR4" s="577"/>
      <c r="AS4" s="577"/>
      <c r="AT4" s="577"/>
      <c r="AU4" s="577"/>
      <c r="AV4" s="577"/>
      <c r="AW4" s="577"/>
      <c r="AX4" s="577"/>
      <c r="AY4" s="577"/>
      <c r="AZ4" s="577"/>
      <c r="BA4" s="577"/>
      <c r="BB4" s="577"/>
      <c r="BC4" s="577"/>
      <c r="BD4" s="577"/>
      <c r="BE4" s="577"/>
      <c r="BF4" s="577"/>
      <c r="BG4" s="577"/>
      <c r="BH4" s="577"/>
      <c r="BI4" s="577"/>
      <c r="BJ4" s="577"/>
      <c r="BK4" s="577"/>
      <c r="BL4" s="577"/>
      <c r="BM4" s="577"/>
      <c r="BN4" s="577"/>
      <c r="BO4" s="577"/>
      <c r="BP4" s="577"/>
      <c r="BQ4" s="577"/>
      <c r="BR4" s="577"/>
      <c r="BS4" s="577"/>
      <c r="BT4" s="577"/>
      <c r="BU4" s="577"/>
      <c r="BV4" s="577"/>
      <c r="BW4" s="577"/>
      <c r="BX4" s="577"/>
      <c r="BY4" s="577"/>
      <c r="BZ4" s="577"/>
      <c r="CA4" s="577"/>
      <c r="CB4" s="577"/>
      <c r="CC4" s="577"/>
      <c r="CD4" s="577"/>
      <c r="CE4" s="577"/>
      <c r="CF4" s="577"/>
      <c r="CG4" s="577"/>
      <c r="CH4" s="577"/>
      <c r="CI4" s="577"/>
      <c r="CJ4" s="577"/>
      <c r="CK4" s="577"/>
      <c r="CL4" s="577"/>
      <c r="CM4" s="577"/>
      <c r="CN4" s="577"/>
      <c r="CO4" s="577"/>
      <c r="CP4" s="577"/>
      <c r="CQ4" s="577"/>
      <c r="CR4" s="577"/>
      <c r="CS4" s="577"/>
      <c r="CT4" s="577"/>
      <c r="CU4" s="577"/>
      <c r="CV4" s="577"/>
      <c r="CW4" s="577"/>
      <c r="CX4" s="577"/>
      <c r="CY4" s="577"/>
      <c r="CZ4" s="577"/>
      <c r="DA4" s="577"/>
      <c r="DB4" s="577"/>
      <c r="DC4" s="577"/>
      <c r="DD4" s="577"/>
      <c r="DE4" s="577"/>
      <c r="DF4" s="577"/>
      <c r="DG4" s="577"/>
      <c r="DH4" s="577"/>
      <c r="DI4" s="577"/>
      <c r="DJ4" s="577"/>
      <c r="DK4" s="577"/>
      <c r="DL4" s="577"/>
      <c r="DM4" s="577"/>
      <c r="DN4" s="577"/>
      <c r="DO4" s="577"/>
      <c r="DP4" s="577"/>
      <c r="DQ4" s="577"/>
      <c r="DR4" s="577"/>
      <c r="DS4" s="577"/>
      <c r="DT4" s="577"/>
      <c r="DU4" s="577"/>
      <c r="DV4" s="577"/>
      <c r="DW4" s="577"/>
      <c r="DX4" s="577"/>
      <c r="DY4" s="577"/>
      <c r="DZ4" s="577"/>
      <c r="EA4" s="577"/>
      <c r="EB4" s="577"/>
      <c r="EC4" s="577"/>
      <c r="ED4" s="577"/>
      <c r="EE4" s="577"/>
      <c r="EF4" s="577"/>
      <c r="EG4" s="577"/>
      <c r="EH4" s="577"/>
      <c r="EI4" s="577"/>
      <c r="EJ4" s="577"/>
      <c r="EK4" s="577"/>
      <c r="EL4" s="577"/>
      <c r="EM4" s="577"/>
      <c r="EN4" s="577"/>
      <c r="EO4" s="577"/>
      <c r="EP4" s="577"/>
      <c r="EQ4" s="577"/>
      <c r="ER4" s="577"/>
      <c r="ES4" s="577"/>
      <c r="ET4" s="577"/>
      <c r="EU4" s="577"/>
      <c r="EV4" s="577"/>
      <c r="EW4" s="577"/>
      <c r="EX4" s="577"/>
      <c r="EY4" s="577"/>
      <c r="EZ4" s="577"/>
      <c r="FA4" s="577"/>
      <c r="FB4" s="577"/>
      <c r="FC4" s="577"/>
      <c r="FD4" s="577"/>
      <c r="FE4" s="577"/>
      <c r="FF4" s="577"/>
      <c r="FG4" s="577"/>
      <c r="FH4" s="577"/>
      <c r="FI4" s="577"/>
      <c r="FJ4" s="577"/>
      <c r="FK4" s="577"/>
      <c r="FL4" s="577"/>
      <c r="FM4" s="577"/>
      <c r="FN4" s="577"/>
      <c r="FO4" s="577"/>
      <c r="FP4" s="577"/>
      <c r="FQ4" s="577"/>
      <c r="FR4" s="577"/>
      <c r="FS4" s="577"/>
      <c r="FT4" s="577"/>
      <c r="FU4" s="577"/>
      <c r="FV4" s="577"/>
      <c r="FW4" s="577"/>
      <c r="FX4" s="577"/>
      <c r="FY4" s="577"/>
      <c r="FZ4" s="577"/>
      <c r="GA4" s="577"/>
      <c r="GB4" s="577"/>
      <c r="GC4" s="577"/>
      <c r="GD4" s="577"/>
      <c r="GE4" s="577"/>
      <c r="GF4" s="577"/>
      <c r="GG4" s="577"/>
      <c r="GH4" s="577"/>
      <c r="GI4" s="577"/>
      <c r="GJ4" s="577"/>
      <c r="GK4" s="577"/>
      <c r="GL4" s="577"/>
      <c r="GM4" s="577"/>
      <c r="GN4" s="577"/>
      <c r="GO4" s="577"/>
      <c r="GP4" s="577"/>
      <c r="GQ4" s="577"/>
      <c r="GR4" s="577"/>
      <c r="GS4" s="577"/>
      <c r="GT4" s="577"/>
      <c r="GU4" s="577"/>
      <c r="GV4" s="577"/>
      <c r="GW4" s="577"/>
      <c r="GX4" s="577"/>
      <c r="GY4" s="577"/>
      <c r="GZ4" s="577"/>
      <c r="HA4" s="577"/>
      <c r="HB4" s="577"/>
      <c r="HC4" s="577"/>
      <c r="HD4" s="577"/>
      <c r="HE4" s="577"/>
      <c r="HF4" s="577"/>
      <c r="HG4" s="577"/>
      <c r="HH4" s="577"/>
      <c r="HI4" s="577"/>
      <c r="HJ4" s="577"/>
      <c r="HK4" s="577"/>
      <c r="HL4" s="577"/>
      <c r="HM4" s="577"/>
      <c r="HN4" s="577"/>
      <c r="HO4" s="577"/>
      <c r="HP4" s="577"/>
      <c r="HQ4" s="577"/>
      <c r="HR4" s="577"/>
      <c r="HS4" s="577"/>
      <c r="HT4" s="577"/>
      <c r="HU4" s="577"/>
      <c r="HV4" s="577"/>
      <c r="HW4" s="577"/>
      <c r="HX4" s="577"/>
      <c r="HY4" s="578"/>
      <c r="HZ4" s="608" t="s">
        <v>85</v>
      </c>
      <c r="IA4" s="609"/>
      <c r="IB4" s="609"/>
      <c r="IC4" s="609"/>
      <c r="ID4" s="609"/>
      <c r="IE4" s="609"/>
      <c r="IF4" s="609"/>
      <c r="IG4" s="609"/>
      <c r="IH4" s="609"/>
      <c r="II4" s="609"/>
      <c r="IJ4" s="609"/>
      <c r="IK4" s="609"/>
      <c r="IL4" s="609"/>
      <c r="IM4" s="609"/>
      <c r="IN4" s="609"/>
      <c r="IO4" s="609"/>
      <c r="IP4" s="609"/>
      <c r="IQ4" s="609"/>
      <c r="IR4" s="609"/>
      <c r="IS4" s="609"/>
      <c r="IT4" s="609"/>
      <c r="IU4" s="609"/>
      <c r="IV4" s="609"/>
      <c r="IW4" s="609"/>
      <c r="IX4" s="609"/>
      <c r="IY4" s="609"/>
      <c r="IZ4" s="609"/>
      <c r="JA4" s="609"/>
      <c r="JB4" s="609"/>
      <c r="JC4" s="609"/>
      <c r="JD4" s="609"/>
      <c r="JE4" s="609"/>
      <c r="JF4" s="609"/>
      <c r="JG4" s="609"/>
      <c r="JH4" s="609"/>
      <c r="JI4" s="609"/>
      <c r="JJ4" s="609"/>
      <c r="JK4" s="609"/>
      <c r="JL4" s="609"/>
      <c r="JM4" s="609"/>
      <c r="JN4" s="609"/>
      <c r="JO4" s="609"/>
      <c r="JP4" s="609"/>
      <c r="JQ4" s="609"/>
      <c r="JR4" s="609"/>
      <c r="JS4" s="609"/>
      <c r="JT4" s="609"/>
      <c r="JU4" s="609"/>
      <c r="JV4" s="609"/>
      <c r="JW4" s="609"/>
      <c r="JX4" s="609"/>
      <c r="JY4" s="609"/>
      <c r="JZ4" s="609"/>
      <c r="KA4" s="609"/>
      <c r="KB4" s="609"/>
      <c r="KC4" s="609"/>
      <c r="KD4" s="609"/>
      <c r="KE4" s="609"/>
      <c r="KF4" s="609"/>
      <c r="KG4" s="609"/>
      <c r="KH4" s="609"/>
      <c r="KI4" s="609"/>
      <c r="KJ4" s="609"/>
      <c r="KK4" s="609"/>
      <c r="KL4" s="609"/>
      <c r="KM4" s="609"/>
      <c r="KN4" s="609"/>
      <c r="KO4" s="609"/>
      <c r="KP4" s="609"/>
      <c r="KQ4" s="609"/>
      <c r="KR4" s="609"/>
      <c r="KS4" s="609"/>
      <c r="KT4" s="609"/>
      <c r="KU4" s="609"/>
      <c r="KV4" s="609"/>
      <c r="KW4" s="609"/>
      <c r="KX4" s="609"/>
      <c r="KY4" s="609"/>
      <c r="KZ4" s="609"/>
      <c r="LA4" s="609"/>
      <c r="LB4" s="609"/>
      <c r="LC4" s="609"/>
      <c r="LD4" s="609"/>
      <c r="LE4" s="609"/>
      <c r="LF4" s="609"/>
      <c r="LG4" s="609"/>
      <c r="LH4" s="609"/>
      <c r="LI4" s="609"/>
      <c r="LJ4" s="609"/>
      <c r="LK4" s="609"/>
      <c r="LL4" s="609"/>
      <c r="LM4" s="609"/>
      <c r="LN4" s="609"/>
      <c r="LO4" s="609"/>
      <c r="LP4" s="609"/>
      <c r="LQ4" s="609"/>
      <c r="LR4" s="609"/>
      <c r="LS4" s="609"/>
      <c r="LT4" s="609"/>
      <c r="LU4" s="609"/>
      <c r="LV4" s="609"/>
      <c r="LW4" s="609"/>
      <c r="LX4" s="609"/>
      <c r="LY4" s="609"/>
      <c r="LZ4" s="609"/>
      <c r="MA4" s="609"/>
      <c r="MB4" s="609"/>
      <c r="MC4" s="609"/>
      <c r="MD4" s="609"/>
      <c r="ME4" s="610"/>
      <c r="MF4" s="608" t="s">
        <v>86</v>
      </c>
      <c r="MG4" s="609"/>
      <c r="MH4" s="609"/>
      <c r="MI4" s="609"/>
      <c r="MJ4" s="609"/>
      <c r="MK4" s="609"/>
      <c r="ML4" s="609"/>
      <c r="MM4" s="609"/>
      <c r="MN4" s="609"/>
      <c r="MO4" s="609"/>
      <c r="MP4" s="609"/>
      <c r="MQ4" s="609"/>
      <c r="MR4" s="609"/>
      <c r="MS4" s="609"/>
      <c r="MT4" s="609"/>
      <c r="MU4" s="609"/>
      <c r="MV4" s="609"/>
      <c r="MW4" s="609"/>
      <c r="MX4" s="609"/>
      <c r="MY4" s="609"/>
      <c r="MZ4" s="609"/>
      <c r="NA4" s="609"/>
      <c r="NB4" s="609"/>
      <c r="NC4" s="609"/>
      <c r="ND4" s="609"/>
      <c r="NE4" s="609"/>
      <c r="NF4" s="609"/>
      <c r="NG4" s="609"/>
      <c r="NH4" s="609"/>
      <c r="NI4" s="609"/>
      <c r="NJ4" s="609"/>
      <c r="NK4" s="609"/>
      <c r="NL4" s="609"/>
      <c r="NM4" s="609"/>
      <c r="NN4" s="609"/>
      <c r="NO4" s="609"/>
      <c r="NP4" s="609"/>
      <c r="NQ4" s="609"/>
      <c r="NR4" s="609"/>
      <c r="NS4" s="609"/>
      <c r="NT4" s="609"/>
      <c r="NU4" s="609"/>
      <c r="NV4" s="609"/>
      <c r="NW4" s="609"/>
      <c r="NX4" s="609"/>
      <c r="NY4" s="609"/>
      <c r="NZ4" s="609"/>
      <c r="OA4" s="609"/>
      <c r="OB4" s="609"/>
      <c r="OC4" s="609"/>
      <c r="OD4" s="609"/>
      <c r="OE4" s="609"/>
      <c r="OF4" s="609"/>
      <c r="OG4" s="609"/>
      <c r="OH4" s="610"/>
      <c r="OI4" s="599" t="s">
        <v>60</v>
      </c>
      <c r="OJ4" s="503"/>
      <c r="OK4" s="503"/>
      <c r="OL4" s="503"/>
      <c r="OM4" s="503"/>
      <c r="ON4" s="503"/>
      <c r="OO4" s="503"/>
      <c r="OP4" s="503"/>
      <c r="OQ4" s="503"/>
      <c r="OR4" s="503"/>
      <c r="OS4" s="504"/>
    </row>
    <row r="5" spans="1:409" ht="18" customHeight="1" thickBot="1" x14ac:dyDescent="0.25">
      <c r="B5" s="623"/>
      <c r="C5" s="626"/>
      <c r="D5" s="626"/>
      <c r="E5" s="626"/>
      <c r="F5" s="626"/>
      <c r="G5" s="626"/>
      <c r="H5" s="626"/>
      <c r="I5" s="626"/>
      <c r="J5" s="626"/>
      <c r="K5" s="626"/>
      <c r="L5" s="626"/>
      <c r="M5" s="626"/>
      <c r="N5" s="628" t="s">
        <v>64</v>
      </c>
      <c r="O5" s="629"/>
      <c r="P5" s="629"/>
      <c r="Q5" s="629"/>
      <c r="R5" s="629"/>
      <c r="S5" s="629"/>
      <c r="T5" s="629"/>
      <c r="U5" s="629"/>
      <c r="V5" s="629"/>
      <c r="W5" s="629"/>
      <c r="X5" s="629"/>
      <c r="Y5" s="629"/>
      <c r="Z5" s="629"/>
      <c r="AA5" s="629"/>
      <c r="AB5" s="629"/>
      <c r="AC5" s="629"/>
      <c r="AD5" s="629"/>
      <c r="AE5" s="629"/>
      <c r="AF5" s="629"/>
      <c r="AG5" s="629"/>
      <c r="AH5" s="629"/>
      <c r="AI5" s="629"/>
      <c r="AJ5" s="629"/>
      <c r="AK5" s="629"/>
      <c r="AL5" s="629"/>
      <c r="AM5" s="629"/>
      <c r="AN5" s="629"/>
      <c r="AO5" s="629"/>
      <c r="AP5" s="629"/>
      <c r="AQ5" s="629"/>
      <c r="AR5" s="629"/>
      <c r="AS5" s="629"/>
      <c r="AT5" s="629"/>
      <c r="AU5" s="629"/>
      <c r="AV5" s="629"/>
      <c r="AW5" s="629"/>
      <c r="AX5" s="629"/>
      <c r="AY5" s="629"/>
      <c r="AZ5" s="629"/>
      <c r="BA5" s="629"/>
      <c r="BB5" s="629"/>
      <c r="BC5" s="629"/>
      <c r="BD5" s="629"/>
      <c r="BE5" s="629"/>
      <c r="BF5" s="629"/>
      <c r="BG5" s="629"/>
      <c r="BH5" s="629"/>
      <c r="BI5" s="629"/>
      <c r="BJ5" s="629"/>
      <c r="BK5" s="629"/>
      <c r="BL5" s="629"/>
      <c r="BM5" s="629"/>
      <c r="BN5" s="629"/>
      <c r="BO5" s="629"/>
      <c r="BP5" s="629"/>
      <c r="BQ5" s="629"/>
      <c r="BR5" s="629"/>
      <c r="BS5" s="629"/>
      <c r="BT5" s="629"/>
      <c r="BU5" s="629"/>
      <c r="BV5" s="629"/>
      <c r="BW5" s="629"/>
      <c r="BX5" s="629"/>
      <c r="BY5" s="629"/>
      <c r="BZ5" s="629"/>
      <c r="CA5" s="630"/>
      <c r="CB5" s="628" t="s">
        <v>65</v>
      </c>
      <c r="CC5" s="629"/>
      <c r="CD5" s="629"/>
      <c r="CE5" s="629"/>
      <c r="CF5" s="629"/>
      <c r="CG5" s="629"/>
      <c r="CH5" s="629"/>
      <c r="CI5" s="629"/>
      <c r="CJ5" s="629"/>
      <c r="CK5" s="629"/>
      <c r="CL5" s="629"/>
      <c r="CM5" s="629"/>
      <c r="CN5" s="629"/>
      <c r="CO5" s="629"/>
      <c r="CP5" s="629"/>
      <c r="CQ5" s="629"/>
      <c r="CR5" s="629"/>
      <c r="CS5" s="629"/>
      <c r="CT5" s="629"/>
      <c r="CU5" s="629"/>
      <c r="CV5" s="629"/>
      <c r="CW5" s="629"/>
      <c r="CX5" s="629"/>
      <c r="CY5" s="629"/>
      <c r="CZ5" s="629"/>
      <c r="DA5" s="629"/>
      <c r="DB5" s="629"/>
      <c r="DC5" s="629"/>
      <c r="DD5" s="629"/>
      <c r="DE5" s="629"/>
      <c r="DF5" s="629"/>
      <c r="DG5" s="629"/>
      <c r="DH5" s="630"/>
      <c r="DI5" s="608" t="s">
        <v>66</v>
      </c>
      <c r="DJ5" s="609"/>
      <c r="DK5" s="609"/>
      <c r="DL5" s="609"/>
      <c r="DM5" s="609"/>
      <c r="DN5" s="609"/>
      <c r="DO5" s="609"/>
      <c r="DP5" s="609"/>
      <c r="DQ5" s="609"/>
      <c r="DR5" s="609"/>
      <c r="DS5" s="609"/>
      <c r="DT5" s="609"/>
      <c r="DU5" s="609"/>
      <c r="DV5" s="609"/>
      <c r="DW5" s="609"/>
      <c r="DX5" s="609"/>
      <c r="DY5" s="609"/>
      <c r="DZ5" s="609"/>
      <c r="EA5" s="609"/>
      <c r="EB5" s="609"/>
      <c r="EC5" s="609"/>
      <c r="ED5" s="609"/>
      <c r="EE5" s="609"/>
      <c r="EF5" s="609"/>
      <c r="EG5" s="609"/>
      <c r="EH5" s="609"/>
      <c r="EI5" s="609"/>
      <c r="EJ5" s="609"/>
      <c r="EK5" s="609"/>
      <c r="EL5" s="609"/>
      <c r="EM5" s="609"/>
      <c r="EN5" s="609"/>
      <c r="EO5" s="609"/>
      <c r="EP5" s="609"/>
      <c r="EQ5" s="609"/>
      <c r="ER5" s="609"/>
      <c r="ES5" s="609"/>
      <c r="ET5" s="609"/>
      <c r="EU5" s="609"/>
      <c r="EV5" s="609"/>
      <c r="EW5" s="609"/>
      <c r="EX5" s="609"/>
      <c r="EY5" s="609"/>
      <c r="EZ5" s="609"/>
      <c r="FA5" s="609"/>
      <c r="FB5" s="609"/>
      <c r="FC5" s="609"/>
      <c r="FD5" s="609"/>
      <c r="FE5" s="609"/>
      <c r="FF5" s="609"/>
      <c r="FG5" s="609"/>
      <c r="FH5" s="609"/>
      <c r="FI5" s="609"/>
      <c r="FJ5" s="609"/>
      <c r="FK5" s="610"/>
      <c r="FL5" s="628" t="s">
        <v>67</v>
      </c>
      <c r="FM5" s="629"/>
      <c r="FN5" s="629"/>
      <c r="FO5" s="629"/>
      <c r="FP5" s="629"/>
      <c r="FQ5" s="629"/>
      <c r="FR5" s="629"/>
      <c r="FS5" s="629"/>
      <c r="FT5" s="629"/>
      <c r="FU5" s="629"/>
      <c r="FV5" s="629"/>
      <c r="FW5" s="629"/>
      <c r="FX5" s="629"/>
      <c r="FY5" s="629"/>
      <c r="FZ5" s="629"/>
      <c r="GA5" s="629"/>
      <c r="GB5" s="629"/>
      <c r="GC5" s="629"/>
      <c r="GD5" s="629"/>
      <c r="GE5" s="629"/>
      <c r="GF5" s="629"/>
      <c r="GG5" s="629"/>
      <c r="GH5" s="629"/>
      <c r="GI5" s="629"/>
      <c r="GJ5" s="629"/>
      <c r="GK5" s="629"/>
      <c r="GL5" s="629"/>
      <c r="GM5" s="629"/>
      <c r="GN5" s="629"/>
      <c r="GO5" s="629"/>
      <c r="GP5" s="629"/>
      <c r="GQ5" s="629"/>
      <c r="GR5" s="629"/>
      <c r="GS5" s="629"/>
      <c r="GT5" s="629"/>
      <c r="GU5" s="629"/>
      <c r="GV5" s="629"/>
      <c r="GW5" s="629"/>
      <c r="GX5" s="629"/>
      <c r="GY5" s="629"/>
      <c r="GZ5" s="629"/>
      <c r="HA5" s="629"/>
      <c r="HB5" s="629"/>
      <c r="HC5" s="630"/>
      <c r="HD5" s="619" t="s">
        <v>68</v>
      </c>
      <c r="HE5" s="620"/>
      <c r="HF5" s="620"/>
      <c r="HG5" s="620"/>
      <c r="HH5" s="620"/>
      <c r="HI5" s="620"/>
      <c r="HJ5" s="620"/>
      <c r="HK5" s="620"/>
      <c r="HL5" s="620"/>
      <c r="HM5" s="620"/>
      <c r="HN5" s="621"/>
      <c r="HO5" s="619" t="s">
        <v>69</v>
      </c>
      <c r="HP5" s="620"/>
      <c r="HQ5" s="620"/>
      <c r="HR5" s="620"/>
      <c r="HS5" s="620"/>
      <c r="HT5" s="620"/>
      <c r="HU5" s="620"/>
      <c r="HV5" s="620"/>
      <c r="HW5" s="620"/>
      <c r="HX5" s="620"/>
      <c r="HY5" s="621"/>
      <c r="HZ5" s="659"/>
      <c r="IA5" s="660"/>
      <c r="IB5" s="660"/>
      <c r="IC5" s="660"/>
      <c r="ID5" s="660"/>
      <c r="IE5" s="660"/>
      <c r="IF5" s="660"/>
      <c r="IG5" s="660"/>
      <c r="IH5" s="660"/>
      <c r="II5" s="660"/>
      <c r="IJ5" s="661"/>
      <c r="IK5" s="599" t="s">
        <v>94</v>
      </c>
      <c r="IL5" s="503"/>
      <c r="IM5" s="503"/>
      <c r="IN5" s="503"/>
      <c r="IO5" s="503"/>
      <c r="IP5" s="503"/>
      <c r="IQ5" s="503"/>
      <c r="IR5" s="503"/>
      <c r="IS5" s="503"/>
      <c r="IT5" s="503"/>
      <c r="IU5" s="504"/>
      <c r="IV5" s="599" t="s">
        <v>88</v>
      </c>
      <c r="IW5" s="503"/>
      <c r="IX5" s="503"/>
      <c r="IY5" s="503"/>
      <c r="IZ5" s="503"/>
      <c r="JA5" s="503"/>
      <c r="JB5" s="503"/>
      <c r="JC5" s="503"/>
      <c r="JD5" s="503"/>
      <c r="JE5" s="503"/>
      <c r="JF5" s="504"/>
      <c r="JG5" s="662" t="s">
        <v>144</v>
      </c>
      <c r="JH5" s="663"/>
      <c r="JI5" s="663"/>
      <c r="JJ5" s="663"/>
      <c r="JK5" s="663"/>
      <c r="JL5" s="663"/>
      <c r="JM5" s="663"/>
      <c r="JN5" s="663"/>
      <c r="JO5" s="663"/>
      <c r="JP5" s="663"/>
      <c r="JQ5" s="664"/>
      <c r="JR5" s="599" t="s">
        <v>90</v>
      </c>
      <c r="JS5" s="503"/>
      <c r="JT5" s="503"/>
      <c r="JU5" s="503"/>
      <c r="JV5" s="503"/>
      <c r="JW5" s="503"/>
      <c r="JX5" s="503"/>
      <c r="JY5" s="503"/>
      <c r="JZ5" s="503"/>
      <c r="KA5" s="503"/>
      <c r="KB5" s="504"/>
      <c r="KC5" s="599" t="s">
        <v>89</v>
      </c>
      <c r="KD5" s="503"/>
      <c r="KE5" s="503"/>
      <c r="KF5" s="503"/>
      <c r="KG5" s="503"/>
      <c r="KH5" s="503"/>
      <c r="KI5" s="503"/>
      <c r="KJ5" s="503"/>
      <c r="KK5" s="503"/>
      <c r="KL5" s="503"/>
      <c r="KM5" s="504"/>
      <c r="KN5" s="599" t="s">
        <v>91</v>
      </c>
      <c r="KO5" s="503"/>
      <c r="KP5" s="503"/>
      <c r="KQ5" s="503"/>
      <c r="KR5" s="503"/>
      <c r="KS5" s="503"/>
      <c r="KT5" s="503"/>
      <c r="KU5" s="503"/>
      <c r="KV5" s="503"/>
      <c r="KW5" s="503"/>
      <c r="KX5" s="504"/>
      <c r="KY5" s="599" t="s">
        <v>92</v>
      </c>
      <c r="KZ5" s="503"/>
      <c r="LA5" s="503"/>
      <c r="LB5" s="503"/>
      <c r="LC5" s="503"/>
      <c r="LD5" s="503"/>
      <c r="LE5" s="503"/>
      <c r="LF5" s="503"/>
      <c r="LG5" s="503"/>
      <c r="LH5" s="503"/>
      <c r="LI5" s="504"/>
      <c r="LJ5" s="668" t="s">
        <v>93</v>
      </c>
      <c r="LK5" s="669"/>
      <c r="LL5" s="669"/>
      <c r="LM5" s="669"/>
      <c r="LN5" s="669"/>
      <c r="LO5" s="669"/>
      <c r="LP5" s="669"/>
      <c r="LQ5" s="669"/>
      <c r="LR5" s="669"/>
      <c r="LS5" s="669"/>
      <c r="LT5" s="670"/>
      <c r="LU5" s="671" t="s">
        <v>145</v>
      </c>
      <c r="LV5" s="672"/>
      <c r="LW5" s="672"/>
      <c r="LX5" s="672"/>
      <c r="LY5" s="672"/>
      <c r="LZ5" s="672"/>
      <c r="MA5" s="672"/>
      <c r="MB5" s="672"/>
      <c r="MC5" s="672"/>
      <c r="MD5" s="672"/>
      <c r="ME5" s="673"/>
      <c r="MF5" s="659"/>
      <c r="MG5" s="660"/>
      <c r="MH5" s="660"/>
      <c r="MI5" s="660"/>
      <c r="MJ5" s="660"/>
      <c r="MK5" s="660"/>
      <c r="ML5" s="660"/>
      <c r="MM5" s="660"/>
      <c r="MN5" s="660"/>
      <c r="MO5" s="660"/>
      <c r="MP5" s="661"/>
      <c r="MQ5" s="599" t="s">
        <v>57</v>
      </c>
      <c r="MR5" s="503"/>
      <c r="MS5" s="503"/>
      <c r="MT5" s="503"/>
      <c r="MU5" s="503"/>
      <c r="MV5" s="503"/>
      <c r="MW5" s="503"/>
      <c r="MX5" s="503"/>
      <c r="MY5" s="503"/>
      <c r="MZ5" s="503"/>
      <c r="NA5" s="504"/>
      <c r="NB5" s="599" t="s">
        <v>58</v>
      </c>
      <c r="NC5" s="503"/>
      <c r="ND5" s="503"/>
      <c r="NE5" s="503"/>
      <c r="NF5" s="503"/>
      <c r="NG5" s="503"/>
      <c r="NH5" s="503"/>
      <c r="NI5" s="503"/>
      <c r="NJ5" s="503"/>
      <c r="NK5" s="503"/>
      <c r="NL5" s="504"/>
      <c r="NM5" s="599" t="s">
        <v>59</v>
      </c>
      <c r="NN5" s="503"/>
      <c r="NO5" s="503"/>
      <c r="NP5" s="503"/>
      <c r="NQ5" s="503"/>
      <c r="NR5" s="503"/>
      <c r="NS5" s="503"/>
      <c r="NT5" s="503"/>
      <c r="NU5" s="503"/>
      <c r="NV5" s="503"/>
      <c r="NW5" s="504"/>
      <c r="NX5" s="649" t="s">
        <v>151</v>
      </c>
      <c r="NY5" s="650"/>
      <c r="NZ5" s="650"/>
      <c r="OA5" s="650"/>
      <c r="OB5" s="650"/>
      <c r="OC5" s="650"/>
      <c r="OD5" s="650"/>
      <c r="OE5" s="650"/>
      <c r="OF5" s="650"/>
      <c r="OG5" s="650"/>
      <c r="OH5" s="651"/>
      <c r="OI5" s="656"/>
      <c r="OJ5" s="657"/>
      <c r="OK5" s="657"/>
      <c r="OL5" s="657"/>
      <c r="OM5" s="657"/>
      <c r="ON5" s="657"/>
      <c r="OO5" s="657"/>
      <c r="OP5" s="657"/>
      <c r="OQ5" s="657"/>
      <c r="OR5" s="657"/>
      <c r="OS5" s="658"/>
    </row>
    <row r="6" spans="1:409" ht="18" customHeight="1" thickBot="1" x14ac:dyDescent="0.25">
      <c r="B6" s="623"/>
      <c r="C6" s="627"/>
      <c r="D6" s="627"/>
      <c r="E6" s="627"/>
      <c r="F6" s="627"/>
      <c r="G6" s="627"/>
      <c r="H6" s="627"/>
      <c r="I6" s="627"/>
      <c r="J6" s="627"/>
      <c r="K6" s="627"/>
      <c r="L6" s="627"/>
      <c r="M6" s="627"/>
      <c r="N6" s="600"/>
      <c r="O6" s="593"/>
      <c r="P6" s="593"/>
      <c r="Q6" s="593"/>
      <c r="R6" s="593"/>
      <c r="S6" s="593"/>
      <c r="T6" s="593"/>
      <c r="U6" s="593"/>
      <c r="V6" s="593"/>
      <c r="W6" s="593"/>
      <c r="X6" s="601"/>
      <c r="Y6" s="602" t="s">
        <v>70</v>
      </c>
      <c r="Z6" s="603"/>
      <c r="AA6" s="603"/>
      <c r="AB6" s="603"/>
      <c r="AC6" s="603"/>
      <c r="AD6" s="603"/>
      <c r="AE6" s="603"/>
      <c r="AF6" s="603"/>
      <c r="AG6" s="603"/>
      <c r="AH6" s="603"/>
      <c r="AI6" s="604"/>
      <c r="AJ6" s="619" t="s">
        <v>71</v>
      </c>
      <c r="AK6" s="620"/>
      <c r="AL6" s="620"/>
      <c r="AM6" s="620"/>
      <c r="AN6" s="620"/>
      <c r="AO6" s="620"/>
      <c r="AP6" s="620"/>
      <c r="AQ6" s="620"/>
      <c r="AR6" s="620"/>
      <c r="AS6" s="620"/>
      <c r="AT6" s="621"/>
      <c r="AU6" s="615" t="s">
        <v>72</v>
      </c>
      <c r="AV6" s="616"/>
      <c r="AW6" s="616"/>
      <c r="AX6" s="616"/>
      <c r="AY6" s="616"/>
      <c r="AZ6" s="616"/>
      <c r="BA6" s="616"/>
      <c r="BB6" s="616"/>
      <c r="BC6" s="616"/>
      <c r="BD6" s="616"/>
      <c r="BE6" s="617"/>
      <c r="BF6" s="615" t="s">
        <v>73</v>
      </c>
      <c r="BG6" s="616"/>
      <c r="BH6" s="616"/>
      <c r="BI6" s="616"/>
      <c r="BJ6" s="616"/>
      <c r="BK6" s="616"/>
      <c r="BL6" s="616"/>
      <c r="BM6" s="616"/>
      <c r="BN6" s="616"/>
      <c r="BO6" s="616"/>
      <c r="BP6" s="617"/>
      <c r="BQ6" s="615" t="s">
        <v>74</v>
      </c>
      <c r="BR6" s="616"/>
      <c r="BS6" s="616"/>
      <c r="BT6" s="616"/>
      <c r="BU6" s="616"/>
      <c r="BV6" s="616"/>
      <c r="BW6" s="616"/>
      <c r="BX6" s="616"/>
      <c r="BY6" s="616"/>
      <c r="BZ6" s="616"/>
      <c r="CA6" s="617"/>
      <c r="CB6" s="612"/>
      <c r="CC6" s="613"/>
      <c r="CD6" s="613"/>
      <c r="CE6" s="613"/>
      <c r="CF6" s="613"/>
      <c r="CG6" s="613"/>
      <c r="CH6" s="613"/>
      <c r="CI6" s="613"/>
      <c r="CJ6" s="613"/>
      <c r="CK6" s="613"/>
      <c r="CL6" s="614"/>
      <c r="CM6" s="615" t="s">
        <v>75</v>
      </c>
      <c r="CN6" s="616"/>
      <c r="CO6" s="616"/>
      <c r="CP6" s="616"/>
      <c r="CQ6" s="616"/>
      <c r="CR6" s="616"/>
      <c r="CS6" s="616"/>
      <c r="CT6" s="616"/>
      <c r="CU6" s="616"/>
      <c r="CV6" s="616"/>
      <c r="CW6" s="617"/>
      <c r="CX6" s="615" t="s">
        <v>76</v>
      </c>
      <c r="CY6" s="616"/>
      <c r="CZ6" s="616"/>
      <c r="DA6" s="616"/>
      <c r="DB6" s="616"/>
      <c r="DC6" s="616"/>
      <c r="DD6" s="616"/>
      <c r="DE6" s="616"/>
      <c r="DF6" s="616"/>
      <c r="DG6" s="616"/>
      <c r="DH6" s="617"/>
      <c r="DI6" s="612"/>
      <c r="DJ6" s="613"/>
      <c r="DK6" s="613"/>
      <c r="DL6" s="613"/>
      <c r="DM6" s="613"/>
      <c r="DN6" s="613"/>
      <c r="DO6" s="613"/>
      <c r="DP6" s="613"/>
      <c r="DQ6" s="613"/>
      <c r="DR6" s="613"/>
      <c r="DS6" s="613"/>
      <c r="DT6" s="615" t="s">
        <v>77</v>
      </c>
      <c r="DU6" s="616"/>
      <c r="DV6" s="616"/>
      <c r="DW6" s="616"/>
      <c r="DX6" s="616"/>
      <c r="DY6" s="616"/>
      <c r="DZ6" s="616"/>
      <c r="EA6" s="616"/>
      <c r="EB6" s="616"/>
      <c r="EC6" s="616"/>
      <c r="ED6" s="617"/>
      <c r="EE6" s="615" t="s">
        <v>78</v>
      </c>
      <c r="EF6" s="616"/>
      <c r="EG6" s="616"/>
      <c r="EH6" s="616"/>
      <c r="EI6" s="616"/>
      <c r="EJ6" s="616"/>
      <c r="EK6" s="616"/>
      <c r="EL6" s="616"/>
      <c r="EM6" s="616"/>
      <c r="EN6" s="616"/>
      <c r="EO6" s="617"/>
      <c r="EP6" s="615" t="s">
        <v>79</v>
      </c>
      <c r="EQ6" s="616"/>
      <c r="ER6" s="616"/>
      <c r="ES6" s="616"/>
      <c r="ET6" s="616"/>
      <c r="EU6" s="616"/>
      <c r="EV6" s="616"/>
      <c r="EW6" s="616"/>
      <c r="EX6" s="616"/>
      <c r="EY6" s="616"/>
      <c r="EZ6" s="617"/>
      <c r="FA6" s="618" t="s">
        <v>152</v>
      </c>
      <c r="FB6" s="616"/>
      <c r="FC6" s="616"/>
      <c r="FD6" s="616"/>
      <c r="FE6" s="616"/>
      <c r="FF6" s="616"/>
      <c r="FG6" s="616"/>
      <c r="FH6" s="616"/>
      <c r="FI6" s="616"/>
      <c r="FJ6" s="616"/>
      <c r="FK6" s="617"/>
      <c r="FL6" s="612"/>
      <c r="FM6" s="613"/>
      <c r="FN6" s="613"/>
      <c r="FO6" s="613"/>
      <c r="FP6" s="613"/>
      <c r="FQ6" s="613"/>
      <c r="FR6" s="613"/>
      <c r="FS6" s="613"/>
      <c r="FT6" s="613"/>
      <c r="FU6" s="613"/>
      <c r="FV6" s="613"/>
      <c r="FW6" s="615" t="s">
        <v>80</v>
      </c>
      <c r="FX6" s="616"/>
      <c r="FY6" s="616"/>
      <c r="FZ6" s="616"/>
      <c r="GA6" s="616"/>
      <c r="GB6" s="616"/>
      <c r="GC6" s="616"/>
      <c r="GD6" s="616"/>
      <c r="GE6" s="616"/>
      <c r="GF6" s="616"/>
      <c r="GG6" s="617"/>
      <c r="GH6" s="602" t="s">
        <v>81</v>
      </c>
      <c r="GI6" s="603"/>
      <c r="GJ6" s="603"/>
      <c r="GK6" s="603"/>
      <c r="GL6" s="603"/>
      <c r="GM6" s="603"/>
      <c r="GN6" s="603"/>
      <c r="GO6" s="603"/>
      <c r="GP6" s="603"/>
      <c r="GQ6" s="603"/>
      <c r="GR6" s="604"/>
      <c r="GS6" s="602" t="s">
        <v>82</v>
      </c>
      <c r="GT6" s="603"/>
      <c r="GU6" s="603"/>
      <c r="GV6" s="603"/>
      <c r="GW6" s="603"/>
      <c r="GX6" s="603"/>
      <c r="GY6" s="603"/>
      <c r="GZ6" s="603"/>
      <c r="HA6" s="603"/>
      <c r="HB6" s="603"/>
      <c r="HC6" s="604"/>
      <c r="HD6" s="631"/>
      <c r="HE6" s="632"/>
      <c r="HF6" s="632"/>
      <c r="HG6" s="632"/>
      <c r="HH6" s="632"/>
      <c r="HI6" s="632"/>
      <c r="HJ6" s="632"/>
      <c r="HK6" s="632"/>
      <c r="HL6" s="632"/>
      <c r="HM6" s="632"/>
      <c r="HN6" s="633"/>
      <c r="HO6" s="631"/>
      <c r="HP6" s="632"/>
      <c r="HQ6" s="632"/>
      <c r="HR6" s="632"/>
      <c r="HS6" s="632"/>
      <c r="HT6" s="632"/>
      <c r="HU6" s="632"/>
      <c r="HV6" s="632"/>
      <c r="HW6" s="632"/>
      <c r="HX6" s="632"/>
      <c r="HY6" s="633"/>
      <c r="HZ6" s="612"/>
      <c r="IA6" s="613"/>
      <c r="IB6" s="613"/>
      <c r="IC6" s="613"/>
      <c r="ID6" s="613"/>
      <c r="IE6" s="613"/>
      <c r="IF6" s="613"/>
      <c r="IG6" s="613"/>
      <c r="IH6" s="613"/>
      <c r="II6" s="613"/>
      <c r="IJ6" s="614"/>
      <c r="IK6" s="600"/>
      <c r="IL6" s="593"/>
      <c r="IM6" s="593"/>
      <c r="IN6" s="593"/>
      <c r="IO6" s="593"/>
      <c r="IP6" s="593"/>
      <c r="IQ6" s="593"/>
      <c r="IR6" s="593"/>
      <c r="IS6" s="593"/>
      <c r="IT6" s="593"/>
      <c r="IU6" s="601"/>
      <c r="IV6" s="600"/>
      <c r="IW6" s="593"/>
      <c r="IX6" s="593"/>
      <c r="IY6" s="593"/>
      <c r="IZ6" s="593"/>
      <c r="JA6" s="593"/>
      <c r="JB6" s="593"/>
      <c r="JC6" s="593"/>
      <c r="JD6" s="593"/>
      <c r="JE6" s="593"/>
      <c r="JF6" s="601"/>
      <c r="JG6" s="665"/>
      <c r="JH6" s="666"/>
      <c r="JI6" s="666"/>
      <c r="JJ6" s="666"/>
      <c r="JK6" s="666"/>
      <c r="JL6" s="666"/>
      <c r="JM6" s="666"/>
      <c r="JN6" s="666"/>
      <c r="JO6" s="666"/>
      <c r="JP6" s="666"/>
      <c r="JQ6" s="667"/>
      <c r="JR6" s="600"/>
      <c r="JS6" s="593"/>
      <c r="JT6" s="593"/>
      <c r="JU6" s="593"/>
      <c r="JV6" s="593"/>
      <c r="JW6" s="593"/>
      <c r="JX6" s="593"/>
      <c r="JY6" s="593"/>
      <c r="JZ6" s="593"/>
      <c r="KA6" s="593"/>
      <c r="KB6" s="601"/>
      <c r="KC6" s="600"/>
      <c r="KD6" s="593"/>
      <c r="KE6" s="593"/>
      <c r="KF6" s="593"/>
      <c r="KG6" s="593"/>
      <c r="KH6" s="593"/>
      <c r="KI6" s="593"/>
      <c r="KJ6" s="593"/>
      <c r="KK6" s="593"/>
      <c r="KL6" s="593"/>
      <c r="KM6" s="601"/>
      <c r="KN6" s="600"/>
      <c r="KO6" s="593"/>
      <c r="KP6" s="593"/>
      <c r="KQ6" s="593"/>
      <c r="KR6" s="593"/>
      <c r="KS6" s="593"/>
      <c r="KT6" s="593"/>
      <c r="KU6" s="593"/>
      <c r="KV6" s="593"/>
      <c r="KW6" s="593"/>
      <c r="KX6" s="601"/>
      <c r="KY6" s="600"/>
      <c r="KZ6" s="593"/>
      <c r="LA6" s="593"/>
      <c r="LB6" s="593"/>
      <c r="LC6" s="593"/>
      <c r="LD6" s="593"/>
      <c r="LE6" s="593"/>
      <c r="LF6" s="593"/>
      <c r="LG6" s="593"/>
      <c r="LH6" s="593"/>
      <c r="LI6" s="601"/>
      <c r="LJ6" s="612"/>
      <c r="LK6" s="613"/>
      <c r="LL6" s="613"/>
      <c r="LM6" s="613"/>
      <c r="LN6" s="613"/>
      <c r="LO6" s="613"/>
      <c r="LP6" s="613"/>
      <c r="LQ6" s="613"/>
      <c r="LR6" s="613"/>
      <c r="LS6" s="613"/>
      <c r="LT6" s="614"/>
      <c r="LU6" s="674"/>
      <c r="LV6" s="675"/>
      <c r="LW6" s="675"/>
      <c r="LX6" s="675"/>
      <c r="LY6" s="675"/>
      <c r="LZ6" s="675"/>
      <c r="MA6" s="675"/>
      <c r="MB6" s="675"/>
      <c r="MC6" s="675"/>
      <c r="MD6" s="675"/>
      <c r="ME6" s="676"/>
      <c r="MF6" s="612"/>
      <c r="MG6" s="613"/>
      <c r="MH6" s="613"/>
      <c r="MI6" s="613"/>
      <c r="MJ6" s="613"/>
      <c r="MK6" s="613"/>
      <c r="ML6" s="613"/>
      <c r="MM6" s="613"/>
      <c r="MN6" s="613"/>
      <c r="MO6" s="613"/>
      <c r="MP6" s="614"/>
      <c r="MQ6" s="600"/>
      <c r="MR6" s="593"/>
      <c r="MS6" s="593"/>
      <c r="MT6" s="593"/>
      <c r="MU6" s="593"/>
      <c r="MV6" s="593"/>
      <c r="MW6" s="593"/>
      <c r="MX6" s="593"/>
      <c r="MY6" s="593"/>
      <c r="MZ6" s="593"/>
      <c r="NA6" s="601"/>
      <c r="NB6" s="600"/>
      <c r="NC6" s="593"/>
      <c r="ND6" s="593"/>
      <c r="NE6" s="593"/>
      <c r="NF6" s="593"/>
      <c r="NG6" s="593"/>
      <c r="NH6" s="593"/>
      <c r="NI6" s="593"/>
      <c r="NJ6" s="593"/>
      <c r="NK6" s="593"/>
      <c r="NL6" s="601"/>
      <c r="NM6" s="600"/>
      <c r="NN6" s="593"/>
      <c r="NO6" s="593"/>
      <c r="NP6" s="593"/>
      <c r="NQ6" s="593"/>
      <c r="NR6" s="593"/>
      <c r="NS6" s="593"/>
      <c r="NT6" s="593"/>
      <c r="NU6" s="593"/>
      <c r="NV6" s="593"/>
      <c r="NW6" s="601"/>
      <c r="NX6" s="652"/>
      <c r="NY6" s="653"/>
      <c r="NZ6" s="653"/>
      <c r="OA6" s="653"/>
      <c r="OB6" s="653"/>
      <c r="OC6" s="653"/>
      <c r="OD6" s="653"/>
      <c r="OE6" s="653"/>
      <c r="OF6" s="653"/>
      <c r="OG6" s="653"/>
      <c r="OH6" s="654"/>
      <c r="OI6" s="600"/>
      <c r="OJ6" s="593"/>
      <c r="OK6" s="593"/>
      <c r="OL6" s="593"/>
      <c r="OM6" s="593"/>
      <c r="ON6" s="593"/>
      <c r="OO6" s="593"/>
      <c r="OP6" s="593"/>
      <c r="OQ6" s="593"/>
      <c r="OR6" s="593"/>
      <c r="OS6" s="601"/>
    </row>
    <row r="7" spans="1:409" ht="18" customHeight="1" x14ac:dyDescent="0.2">
      <c r="B7" s="623"/>
      <c r="C7" s="585" t="s">
        <v>61</v>
      </c>
      <c r="D7" s="585"/>
      <c r="E7" s="585"/>
      <c r="F7" s="584" t="s">
        <v>62</v>
      </c>
      <c r="G7" s="585"/>
      <c r="H7" s="585"/>
      <c r="I7" s="585"/>
      <c r="J7" s="585"/>
      <c r="K7" s="585"/>
      <c r="L7" s="585"/>
      <c r="M7" s="584" t="s">
        <v>52</v>
      </c>
      <c r="N7" s="637" t="s">
        <v>61</v>
      </c>
      <c r="O7" s="585"/>
      <c r="P7" s="585"/>
      <c r="Q7" s="584" t="s">
        <v>62</v>
      </c>
      <c r="R7" s="585"/>
      <c r="S7" s="585"/>
      <c r="T7" s="585"/>
      <c r="U7" s="585"/>
      <c r="V7" s="585"/>
      <c r="W7" s="586"/>
      <c r="X7" s="634" t="s">
        <v>52</v>
      </c>
      <c r="Y7" s="600" t="s">
        <v>61</v>
      </c>
      <c r="Z7" s="593"/>
      <c r="AA7" s="594"/>
      <c r="AB7" s="592" t="s">
        <v>62</v>
      </c>
      <c r="AC7" s="593"/>
      <c r="AD7" s="593"/>
      <c r="AE7" s="593"/>
      <c r="AF7" s="593"/>
      <c r="AG7" s="593"/>
      <c r="AH7" s="594"/>
      <c r="AI7" s="601" t="s">
        <v>52</v>
      </c>
      <c r="AJ7" s="581" t="s">
        <v>61</v>
      </c>
      <c r="AK7" s="582"/>
      <c r="AL7" s="583"/>
      <c r="AM7" s="640" t="s">
        <v>62</v>
      </c>
      <c r="AN7" s="582"/>
      <c r="AO7" s="582"/>
      <c r="AP7" s="582"/>
      <c r="AQ7" s="582"/>
      <c r="AR7" s="582"/>
      <c r="AS7" s="641"/>
      <c r="AT7" s="642" t="s">
        <v>52</v>
      </c>
      <c r="AU7" s="589" t="s">
        <v>61</v>
      </c>
      <c r="AV7" s="590"/>
      <c r="AW7" s="591"/>
      <c r="AX7" s="638" t="s">
        <v>62</v>
      </c>
      <c r="AY7" s="590"/>
      <c r="AZ7" s="590"/>
      <c r="BA7" s="590"/>
      <c r="BB7" s="590"/>
      <c r="BC7" s="590"/>
      <c r="BD7" s="639"/>
      <c r="BE7" s="601" t="s">
        <v>52</v>
      </c>
      <c r="BF7" s="589" t="s">
        <v>61</v>
      </c>
      <c r="BG7" s="590"/>
      <c r="BH7" s="591"/>
      <c r="BI7" s="638" t="s">
        <v>62</v>
      </c>
      <c r="BJ7" s="590"/>
      <c r="BK7" s="590"/>
      <c r="BL7" s="590"/>
      <c r="BM7" s="590"/>
      <c r="BN7" s="590"/>
      <c r="BO7" s="639"/>
      <c r="BP7" s="601" t="s">
        <v>52</v>
      </c>
      <c r="BQ7" s="589" t="s">
        <v>61</v>
      </c>
      <c r="BR7" s="590"/>
      <c r="BS7" s="591"/>
      <c r="BT7" s="638" t="s">
        <v>62</v>
      </c>
      <c r="BU7" s="590"/>
      <c r="BV7" s="590"/>
      <c r="BW7" s="590"/>
      <c r="BX7" s="590"/>
      <c r="BY7" s="590"/>
      <c r="BZ7" s="639"/>
      <c r="CA7" s="601" t="s">
        <v>52</v>
      </c>
      <c r="CB7" s="581" t="s">
        <v>61</v>
      </c>
      <c r="CC7" s="582"/>
      <c r="CD7" s="583"/>
      <c r="CE7" s="640" t="s">
        <v>62</v>
      </c>
      <c r="CF7" s="582"/>
      <c r="CG7" s="582"/>
      <c r="CH7" s="582"/>
      <c r="CI7" s="582"/>
      <c r="CJ7" s="582"/>
      <c r="CK7" s="641"/>
      <c r="CL7" s="634" t="s">
        <v>52</v>
      </c>
      <c r="CM7" s="589" t="s">
        <v>61</v>
      </c>
      <c r="CN7" s="590"/>
      <c r="CO7" s="639"/>
      <c r="CP7" s="638" t="s">
        <v>62</v>
      </c>
      <c r="CQ7" s="590"/>
      <c r="CR7" s="590"/>
      <c r="CS7" s="590"/>
      <c r="CT7" s="590"/>
      <c r="CU7" s="590"/>
      <c r="CV7" s="639"/>
      <c r="CW7" s="647" t="s">
        <v>52</v>
      </c>
      <c r="CX7" s="589" t="s">
        <v>61</v>
      </c>
      <c r="CY7" s="590"/>
      <c r="CZ7" s="639"/>
      <c r="DA7" s="638" t="s">
        <v>62</v>
      </c>
      <c r="DB7" s="590"/>
      <c r="DC7" s="590"/>
      <c r="DD7" s="590"/>
      <c r="DE7" s="590"/>
      <c r="DF7" s="590"/>
      <c r="DG7" s="639"/>
      <c r="DH7" s="647" t="s">
        <v>52</v>
      </c>
      <c r="DI7" s="581" t="s">
        <v>61</v>
      </c>
      <c r="DJ7" s="582"/>
      <c r="DK7" s="641"/>
      <c r="DL7" s="640" t="s">
        <v>62</v>
      </c>
      <c r="DM7" s="582"/>
      <c r="DN7" s="582"/>
      <c r="DO7" s="582"/>
      <c r="DP7" s="582"/>
      <c r="DQ7" s="582"/>
      <c r="DR7" s="641"/>
      <c r="DS7" s="634" t="s">
        <v>52</v>
      </c>
      <c r="DT7" s="589" t="s">
        <v>61</v>
      </c>
      <c r="DU7" s="590"/>
      <c r="DV7" s="591"/>
      <c r="DW7" s="638" t="s">
        <v>62</v>
      </c>
      <c r="DX7" s="590"/>
      <c r="DY7" s="590"/>
      <c r="DZ7" s="590"/>
      <c r="EA7" s="590"/>
      <c r="EB7" s="590"/>
      <c r="EC7" s="639"/>
      <c r="ED7" s="601" t="s">
        <v>52</v>
      </c>
      <c r="EE7" s="589" t="s">
        <v>61</v>
      </c>
      <c r="EF7" s="590"/>
      <c r="EG7" s="591"/>
      <c r="EH7" s="638" t="s">
        <v>62</v>
      </c>
      <c r="EI7" s="590"/>
      <c r="EJ7" s="590"/>
      <c r="EK7" s="590"/>
      <c r="EL7" s="590"/>
      <c r="EM7" s="590"/>
      <c r="EN7" s="639"/>
      <c r="EO7" s="601" t="s">
        <v>52</v>
      </c>
      <c r="EP7" s="589" t="s">
        <v>61</v>
      </c>
      <c r="EQ7" s="590"/>
      <c r="ER7" s="591"/>
      <c r="ES7" s="638" t="s">
        <v>62</v>
      </c>
      <c r="ET7" s="590"/>
      <c r="EU7" s="590"/>
      <c r="EV7" s="590"/>
      <c r="EW7" s="590"/>
      <c r="EX7" s="590"/>
      <c r="EY7" s="639"/>
      <c r="EZ7" s="601" t="s">
        <v>52</v>
      </c>
      <c r="FA7" s="589" t="s">
        <v>61</v>
      </c>
      <c r="FB7" s="590"/>
      <c r="FC7" s="591"/>
      <c r="FD7" s="638" t="s">
        <v>62</v>
      </c>
      <c r="FE7" s="590"/>
      <c r="FF7" s="590"/>
      <c r="FG7" s="590"/>
      <c r="FH7" s="590"/>
      <c r="FI7" s="590"/>
      <c r="FJ7" s="639"/>
      <c r="FK7" s="601" t="s">
        <v>52</v>
      </c>
      <c r="FL7" s="581" t="s">
        <v>61</v>
      </c>
      <c r="FM7" s="582"/>
      <c r="FN7" s="583"/>
      <c r="FO7" s="640" t="s">
        <v>62</v>
      </c>
      <c r="FP7" s="582"/>
      <c r="FQ7" s="582"/>
      <c r="FR7" s="582"/>
      <c r="FS7" s="582"/>
      <c r="FT7" s="582"/>
      <c r="FU7" s="641"/>
      <c r="FV7" s="585" t="s">
        <v>52</v>
      </c>
      <c r="FW7" s="589" t="s">
        <v>61</v>
      </c>
      <c r="FX7" s="590"/>
      <c r="FY7" s="591"/>
      <c r="FZ7" s="638" t="s">
        <v>62</v>
      </c>
      <c r="GA7" s="590"/>
      <c r="GB7" s="590"/>
      <c r="GC7" s="590"/>
      <c r="GD7" s="590"/>
      <c r="GE7" s="590"/>
      <c r="GF7" s="639"/>
      <c r="GG7" s="601" t="s">
        <v>52</v>
      </c>
      <c r="GH7" s="600" t="s">
        <v>61</v>
      </c>
      <c r="GI7" s="593"/>
      <c r="GJ7" s="593"/>
      <c r="GK7" s="592" t="s">
        <v>62</v>
      </c>
      <c r="GL7" s="593"/>
      <c r="GM7" s="593"/>
      <c r="GN7" s="593"/>
      <c r="GO7" s="593"/>
      <c r="GP7" s="593"/>
      <c r="GQ7" s="594"/>
      <c r="GR7" s="643" t="s">
        <v>52</v>
      </c>
      <c r="GS7" s="600" t="s">
        <v>61</v>
      </c>
      <c r="GT7" s="593"/>
      <c r="GU7" s="594"/>
      <c r="GV7" s="592" t="s">
        <v>62</v>
      </c>
      <c r="GW7" s="593"/>
      <c r="GX7" s="593"/>
      <c r="GY7" s="593"/>
      <c r="GZ7" s="593"/>
      <c r="HA7" s="593"/>
      <c r="HB7" s="594"/>
      <c r="HC7" s="643" t="s">
        <v>52</v>
      </c>
      <c r="HD7" s="589" t="s">
        <v>61</v>
      </c>
      <c r="HE7" s="590"/>
      <c r="HF7" s="591"/>
      <c r="HG7" s="638" t="s">
        <v>62</v>
      </c>
      <c r="HH7" s="590"/>
      <c r="HI7" s="590"/>
      <c r="HJ7" s="590"/>
      <c r="HK7" s="590"/>
      <c r="HL7" s="590"/>
      <c r="HM7" s="639"/>
      <c r="HN7" s="601" t="s">
        <v>52</v>
      </c>
      <c r="HO7" s="589" t="s">
        <v>61</v>
      </c>
      <c r="HP7" s="590"/>
      <c r="HQ7" s="591"/>
      <c r="HR7" s="638" t="s">
        <v>62</v>
      </c>
      <c r="HS7" s="590"/>
      <c r="HT7" s="590"/>
      <c r="HU7" s="590"/>
      <c r="HV7" s="590"/>
      <c r="HW7" s="590"/>
      <c r="HX7" s="639"/>
      <c r="HY7" s="601" t="s">
        <v>52</v>
      </c>
      <c r="HZ7" s="581" t="s">
        <v>61</v>
      </c>
      <c r="IA7" s="582"/>
      <c r="IB7" s="583"/>
      <c r="IC7" s="640" t="s">
        <v>62</v>
      </c>
      <c r="ID7" s="582"/>
      <c r="IE7" s="582"/>
      <c r="IF7" s="582"/>
      <c r="IG7" s="582"/>
      <c r="IH7" s="582"/>
      <c r="II7" s="641"/>
      <c r="IJ7" s="585" t="s">
        <v>52</v>
      </c>
      <c r="IK7" s="589" t="s">
        <v>61</v>
      </c>
      <c r="IL7" s="590"/>
      <c r="IM7" s="591"/>
      <c r="IN7" s="638" t="s">
        <v>62</v>
      </c>
      <c r="IO7" s="590"/>
      <c r="IP7" s="590"/>
      <c r="IQ7" s="590"/>
      <c r="IR7" s="590"/>
      <c r="IS7" s="590"/>
      <c r="IT7" s="639"/>
      <c r="IU7" s="601" t="s">
        <v>52</v>
      </c>
      <c r="IV7" s="589" t="s">
        <v>61</v>
      </c>
      <c r="IW7" s="590"/>
      <c r="IX7" s="639"/>
      <c r="IY7" s="638" t="s">
        <v>62</v>
      </c>
      <c r="IZ7" s="590"/>
      <c r="JA7" s="590"/>
      <c r="JB7" s="590"/>
      <c r="JC7" s="590"/>
      <c r="JD7" s="590"/>
      <c r="JE7" s="639"/>
      <c r="JF7" s="601" t="s">
        <v>52</v>
      </c>
      <c r="JG7" s="589" t="s">
        <v>61</v>
      </c>
      <c r="JH7" s="590"/>
      <c r="JI7" s="591"/>
      <c r="JJ7" s="638" t="s">
        <v>62</v>
      </c>
      <c r="JK7" s="590"/>
      <c r="JL7" s="590"/>
      <c r="JM7" s="590"/>
      <c r="JN7" s="590"/>
      <c r="JO7" s="590"/>
      <c r="JP7" s="639"/>
      <c r="JQ7" s="647" t="s">
        <v>52</v>
      </c>
      <c r="JR7" s="589" t="s">
        <v>61</v>
      </c>
      <c r="JS7" s="590"/>
      <c r="JT7" s="591"/>
      <c r="JU7" s="638" t="s">
        <v>62</v>
      </c>
      <c r="JV7" s="590"/>
      <c r="JW7" s="590"/>
      <c r="JX7" s="590"/>
      <c r="JY7" s="590"/>
      <c r="JZ7" s="590"/>
      <c r="KA7" s="639"/>
      <c r="KB7" s="647" t="s">
        <v>52</v>
      </c>
      <c r="KC7" s="589" t="s">
        <v>61</v>
      </c>
      <c r="KD7" s="590"/>
      <c r="KE7" s="591"/>
      <c r="KF7" s="638" t="s">
        <v>62</v>
      </c>
      <c r="KG7" s="590"/>
      <c r="KH7" s="590"/>
      <c r="KI7" s="590"/>
      <c r="KJ7" s="590"/>
      <c r="KK7" s="590"/>
      <c r="KL7" s="639"/>
      <c r="KM7" s="647" t="s">
        <v>52</v>
      </c>
      <c r="KN7" s="589" t="s">
        <v>61</v>
      </c>
      <c r="KO7" s="590"/>
      <c r="KP7" s="591"/>
      <c r="KQ7" s="638" t="s">
        <v>62</v>
      </c>
      <c r="KR7" s="590"/>
      <c r="KS7" s="590"/>
      <c r="KT7" s="590"/>
      <c r="KU7" s="590"/>
      <c r="KV7" s="590"/>
      <c r="KW7" s="639"/>
      <c r="KX7" s="647" t="s">
        <v>52</v>
      </c>
      <c r="KY7" s="589" t="s">
        <v>61</v>
      </c>
      <c r="KZ7" s="590"/>
      <c r="LA7" s="591"/>
      <c r="LB7" s="638" t="s">
        <v>62</v>
      </c>
      <c r="LC7" s="590"/>
      <c r="LD7" s="590"/>
      <c r="LE7" s="590"/>
      <c r="LF7" s="590"/>
      <c r="LG7" s="590"/>
      <c r="LH7" s="639"/>
      <c r="LI7" s="647" t="s">
        <v>52</v>
      </c>
      <c r="LJ7" s="589" t="s">
        <v>61</v>
      </c>
      <c r="LK7" s="590"/>
      <c r="LL7" s="591"/>
      <c r="LM7" s="638" t="s">
        <v>62</v>
      </c>
      <c r="LN7" s="590"/>
      <c r="LO7" s="590"/>
      <c r="LP7" s="590"/>
      <c r="LQ7" s="590"/>
      <c r="LR7" s="590"/>
      <c r="LS7" s="639"/>
      <c r="LT7" s="647" t="s">
        <v>52</v>
      </c>
      <c r="LU7" s="589" t="s">
        <v>61</v>
      </c>
      <c r="LV7" s="590"/>
      <c r="LW7" s="591"/>
      <c r="LX7" s="638" t="s">
        <v>62</v>
      </c>
      <c r="LY7" s="590"/>
      <c r="LZ7" s="590"/>
      <c r="MA7" s="590"/>
      <c r="MB7" s="590"/>
      <c r="MC7" s="590"/>
      <c r="MD7" s="639"/>
      <c r="ME7" s="647" t="s">
        <v>52</v>
      </c>
      <c r="MF7" s="581" t="s">
        <v>61</v>
      </c>
      <c r="MG7" s="582"/>
      <c r="MH7" s="583"/>
      <c r="MI7" s="640" t="s">
        <v>62</v>
      </c>
      <c r="MJ7" s="582"/>
      <c r="MK7" s="582"/>
      <c r="ML7" s="582"/>
      <c r="MM7" s="582"/>
      <c r="MN7" s="582"/>
      <c r="MO7" s="641"/>
      <c r="MP7" s="634" t="s">
        <v>52</v>
      </c>
      <c r="MQ7" s="589" t="s">
        <v>61</v>
      </c>
      <c r="MR7" s="590"/>
      <c r="MS7" s="591"/>
      <c r="MT7" s="638" t="s">
        <v>62</v>
      </c>
      <c r="MU7" s="590"/>
      <c r="MV7" s="590"/>
      <c r="MW7" s="590"/>
      <c r="MX7" s="590"/>
      <c r="MY7" s="590"/>
      <c r="MZ7" s="639"/>
      <c r="NA7" s="647" t="s">
        <v>52</v>
      </c>
      <c r="NB7" s="589" t="s">
        <v>61</v>
      </c>
      <c r="NC7" s="590"/>
      <c r="ND7" s="591"/>
      <c r="NE7" s="638" t="s">
        <v>62</v>
      </c>
      <c r="NF7" s="590"/>
      <c r="NG7" s="590"/>
      <c r="NH7" s="590"/>
      <c r="NI7" s="590"/>
      <c r="NJ7" s="590"/>
      <c r="NK7" s="639"/>
      <c r="NL7" s="647" t="s">
        <v>52</v>
      </c>
      <c r="NM7" s="589" t="s">
        <v>61</v>
      </c>
      <c r="NN7" s="590"/>
      <c r="NO7" s="591"/>
      <c r="NP7" s="638" t="s">
        <v>62</v>
      </c>
      <c r="NQ7" s="590"/>
      <c r="NR7" s="590"/>
      <c r="NS7" s="590"/>
      <c r="NT7" s="590"/>
      <c r="NU7" s="590"/>
      <c r="NV7" s="639"/>
      <c r="NW7" s="647" t="s">
        <v>52</v>
      </c>
      <c r="NX7" s="589" t="s">
        <v>61</v>
      </c>
      <c r="NY7" s="590"/>
      <c r="NZ7" s="591"/>
      <c r="OA7" s="638" t="s">
        <v>62</v>
      </c>
      <c r="OB7" s="590"/>
      <c r="OC7" s="590"/>
      <c r="OD7" s="590"/>
      <c r="OE7" s="590"/>
      <c r="OF7" s="590"/>
      <c r="OG7" s="639"/>
      <c r="OH7" s="647" t="s">
        <v>52</v>
      </c>
      <c r="OI7" s="581" t="s">
        <v>61</v>
      </c>
      <c r="OJ7" s="582"/>
      <c r="OK7" s="583"/>
      <c r="OL7" s="640" t="s">
        <v>62</v>
      </c>
      <c r="OM7" s="582"/>
      <c r="ON7" s="582"/>
      <c r="OO7" s="582"/>
      <c r="OP7" s="582"/>
      <c r="OQ7" s="582"/>
      <c r="OR7" s="641"/>
      <c r="OS7" s="634" t="s">
        <v>52</v>
      </c>
    </row>
    <row r="8" spans="1:409" ht="28.5" customHeight="1" thickBot="1" x14ac:dyDescent="0.25">
      <c r="B8" s="624"/>
      <c r="C8" s="65" t="s">
        <v>43</v>
      </c>
      <c r="D8" s="16" t="s">
        <v>44</v>
      </c>
      <c r="E8" s="41" t="s">
        <v>45</v>
      </c>
      <c r="F8" s="42" t="s">
        <v>83</v>
      </c>
      <c r="G8" s="16" t="s">
        <v>47</v>
      </c>
      <c r="H8" s="16" t="s">
        <v>48</v>
      </c>
      <c r="I8" s="16" t="s">
        <v>49</v>
      </c>
      <c r="J8" s="16" t="s">
        <v>50</v>
      </c>
      <c r="K8" s="16" t="s">
        <v>51</v>
      </c>
      <c r="L8" s="17" t="s">
        <v>45</v>
      </c>
      <c r="M8" s="636"/>
      <c r="N8" s="40" t="s">
        <v>43</v>
      </c>
      <c r="O8" s="16" t="s">
        <v>44</v>
      </c>
      <c r="P8" s="17" t="s">
        <v>45</v>
      </c>
      <c r="Q8" s="42" t="s">
        <v>83</v>
      </c>
      <c r="R8" s="16" t="s">
        <v>47</v>
      </c>
      <c r="S8" s="16" t="s">
        <v>48</v>
      </c>
      <c r="T8" s="16" t="s">
        <v>49</v>
      </c>
      <c r="U8" s="16" t="s">
        <v>50</v>
      </c>
      <c r="V8" s="16" t="s">
        <v>51</v>
      </c>
      <c r="W8" s="17" t="s">
        <v>45</v>
      </c>
      <c r="X8" s="635"/>
      <c r="Y8" s="40" t="s">
        <v>43</v>
      </c>
      <c r="Z8" s="16" t="s">
        <v>44</v>
      </c>
      <c r="AA8" s="17" t="s">
        <v>45</v>
      </c>
      <c r="AB8" s="42" t="s">
        <v>83</v>
      </c>
      <c r="AC8" s="16" t="s">
        <v>47</v>
      </c>
      <c r="AD8" s="16" t="s">
        <v>48</v>
      </c>
      <c r="AE8" s="16" t="s">
        <v>49</v>
      </c>
      <c r="AF8" s="16" t="s">
        <v>50</v>
      </c>
      <c r="AG8" s="16" t="s">
        <v>51</v>
      </c>
      <c r="AH8" s="17" t="s">
        <v>45</v>
      </c>
      <c r="AI8" s="607"/>
      <c r="AJ8" s="40" t="s">
        <v>43</v>
      </c>
      <c r="AK8" s="16" t="s">
        <v>44</v>
      </c>
      <c r="AL8" s="41" t="s">
        <v>45</v>
      </c>
      <c r="AM8" s="42" t="s">
        <v>83</v>
      </c>
      <c r="AN8" s="16" t="s">
        <v>47</v>
      </c>
      <c r="AO8" s="16" t="s">
        <v>48</v>
      </c>
      <c r="AP8" s="16" t="s">
        <v>49</v>
      </c>
      <c r="AQ8" s="16" t="s">
        <v>50</v>
      </c>
      <c r="AR8" s="16" t="s">
        <v>51</v>
      </c>
      <c r="AS8" s="17" t="s">
        <v>45</v>
      </c>
      <c r="AT8" s="607"/>
      <c r="AU8" s="40" t="s">
        <v>43</v>
      </c>
      <c r="AV8" s="16" t="s">
        <v>44</v>
      </c>
      <c r="AW8" s="41" t="s">
        <v>45</v>
      </c>
      <c r="AX8" s="42" t="s">
        <v>83</v>
      </c>
      <c r="AY8" s="16" t="s">
        <v>47</v>
      </c>
      <c r="AZ8" s="16" t="s">
        <v>48</v>
      </c>
      <c r="BA8" s="16" t="s">
        <v>49</v>
      </c>
      <c r="BB8" s="16" t="s">
        <v>50</v>
      </c>
      <c r="BC8" s="16" t="s">
        <v>51</v>
      </c>
      <c r="BD8" s="17" t="s">
        <v>45</v>
      </c>
      <c r="BE8" s="607"/>
      <c r="BF8" s="61" t="s">
        <v>43</v>
      </c>
      <c r="BG8" s="16" t="s">
        <v>44</v>
      </c>
      <c r="BH8" s="41" t="s">
        <v>45</v>
      </c>
      <c r="BI8" s="42" t="s">
        <v>83</v>
      </c>
      <c r="BJ8" s="16" t="s">
        <v>47</v>
      </c>
      <c r="BK8" s="16" t="s">
        <v>48</v>
      </c>
      <c r="BL8" s="16" t="s">
        <v>49</v>
      </c>
      <c r="BM8" s="16" t="s">
        <v>50</v>
      </c>
      <c r="BN8" s="16" t="s">
        <v>51</v>
      </c>
      <c r="BO8" s="17" t="s">
        <v>45</v>
      </c>
      <c r="BP8" s="607"/>
      <c r="BQ8" s="40" t="s">
        <v>43</v>
      </c>
      <c r="BR8" s="16" t="s">
        <v>44</v>
      </c>
      <c r="BS8" s="41" t="s">
        <v>45</v>
      </c>
      <c r="BT8" s="42" t="s">
        <v>83</v>
      </c>
      <c r="BU8" s="16" t="s">
        <v>47</v>
      </c>
      <c r="BV8" s="16" t="s">
        <v>48</v>
      </c>
      <c r="BW8" s="16" t="s">
        <v>49</v>
      </c>
      <c r="BX8" s="16" t="s">
        <v>50</v>
      </c>
      <c r="BY8" s="16" t="s">
        <v>51</v>
      </c>
      <c r="BZ8" s="17" t="s">
        <v>45</v>
      </c>
      <c r="CA8" s="607"/>
      <c r="CB8" s="40" t="s">
        <v>43</v>
      </c>
      <c r="CC8" s="16" t="s">
        <v>44</v>
      </c>
      <c r="CD8" s="41" t="s">
        <v>45</v>
      </c>
      <c r="CE8" s="42" t="s">
        <v>83</v>
      </c>
      <c r="CF8" s="16" t="s">
        <v>47</v>
      </c>
      <c r="CG8" s="16" t="s">
        <v>48</v>
      </c>
      <c r="CH8" s="16" t="s">
        <v>49</v>
      </c>
      <c r="CI8" s="16" t="s">
        <v>50</v>
      </c>
      <c r="CJ8" s="16" t="s">
        <v>51</v>
      </c>
      <c r="CK8" s="17" t="s">
        <v>45</v>
      </c>
      <c r="CL8" s="635"/>
      <c r="CM8" s="40" t="s">
        <v>43</v>
      </c>
      <c r="CN8" s="16" t="s">
        <v>44</v>
      </c>
      <c r="CO8" s="17" t="s">
        <v>45</v>
      </c>
      <c r="CP8" s="42" t="s">
        <v>83</v>
      </c>
      <c r="CQ8" s="16" t="s">
        <v>47</v>
      </c>
      <c r="CR8" s="16" t="s">
        <v>48</v>
      </c>
      <c r="CS8" s="16" t="s">
        <v>49</v>
      </c>
      <c r="CT8" s="16" t="s">
        <v>50</v>
      </c>
      <c r="CU8" s="16" t="s">
        <v>51</v>
      </c>
      <c r="CV8" s="17" t="s">
        <v>45</v>
      </c>
      <c r="CW8" s="635"/>
      <c r="CX8" s="40" t="s">
        <v>43</v>
      </c>
      <c r="CY8" s="16" t="s">
        <v>44</v>
      </c>
      <c r="CZ8" s="17" t="s">
        <v>45</v>
      </c>
      <c r="DA8" s="42" t="s">
        <v>83</v>
      </c>
      <c r="DB8" s="16" t="s">
        <v>47</v>
      </c>
      <c r="DC8" s="16" t="s">
        <v>48</v>
      </c>
      <c r="DD8" s="16" t="s">
        <v>49</v>
      </c>
      <c r="DE8" s="16" t="s">
        <v>50</v>
      </c>
      <c r="DF8" s="16" t="s">
        <v>51</v>
      </c>
      <c r="DG8" s="17" t="s">
        <v>45</v>
      </c>
      <c r="DH8" s="635"/>
      <c r="DI8" s="40" t="s">
        <v>43</v>
      </c>
      <c r="DJ8" s="16" t="s">
        <v>44</v>
      </c>
      <c r="DK8" s="17" t="s">
        <v>45</v>
      </c>
      <c r="DL8" s="42" t="s">
        <v>83</v>
      </c>
      <c r="DM8" s="16" t="s">
        <v>47</v>
      </c>
      <c r="DN8" s="16" t="s">
        <v>48</v>
      </c>
      <c r="DO8" s="16" t="s">
        <v>49</v>
      </c>
      <c r="DP8" s="16" t="s">
        <v>50</v>
      </c>
      <c r="DQ8" s="16" t="s">
        <v>51</v>
      </c>
      <c r="DR8" s="17" t="s">
        <v>45</v>
      </c>
      <c r="DS8" s="635"/>
      <c r="DT8" s="40" t="s">
        <v>43</v>
      </c>
      <c r="DU8" s="16" t="s">
        <v>44</v>
      </c>
      <c r="DV8" s="41" t="s">
        <v>45</v>
      </c>
      <c r="DW8" s="42" t="s">
        <v>83</v>
      </c>
      <c r="DX8" s="16" t="s">
        <v>47</v>
      </c>
      <c r="DY8" s="16" t="s">
        <v>48</v>
      </c>
      <c r="DZ8" s="16" t="s">
        <v>49</v>
      </c>
      <c r="EA8" s="16" t="s">
        <v>50</v>
      </c>
      <c r="EB8" s="16" t="s">
        <v>51</v>
      </c>
      <c r="EC8" s="17" t="s">
        <v>45</v>
      </c>
      <c r="ED8" s="607"/>
      <c r="EE8" s="40" t="s">
        <v>43</v>
      </c>
      <c r="EF8" s="16" t="s">
        <v>44</v>
      </c>
      <c r="EG8" s="41" t="s">
        <v>45</v>
      </c>
      <c r="EH8" s="42" t="s">
        <v>83</v>
      </c>
      <c r="EI8" s="16" t="s">
        <v>47</v>
      </c>
      <c r="EJ8" s="16" t="s">
        <v>48</v>
      </c>
      <c r="EK8" s="16" t="s">
        <v>49</v>
      </c>
      <c r="EL8" s="16" t="s">
        <v>50</v>
      </c>
      <c r="EM8" s="16" t="s">
        <v>51</v>
      </c>
      <c r="EN8" s="17" t="s">
        <v>45</v>
      </c>
      <c r="EO8" s="607"/>
      <c r="EP8" s="40" t="s">
        <v>43</v>
      </c>
      <c r="EQ8" s="16" t="s">
        <v>44</v>
      </c>
      <c r="ER8" s="41" t="s">
        <v>45</v>
      </c>
      <c r="ES8" s="42" t="s">
        <v>83</v>
      </c>
      <c r="ET8" s="16" t="s">
        <v>47</v>
      </c>
      <c r="EU8" s="16" t="s">
        <v>48</v>
      </c>
      <c r="EV8" s="16" t="s">
        <v>49</v>
      </c>
      <c r="EW8" s="16" t="s">
        <v>50</v>
      </c>
      <c r="EX8" s="16" t="s">
        <v>51</v>
      </c>
      <c r="EY8" s="17" t="s">
        <v>45</v>
      </c>
      <c r="EZ8" s="607"/>
      <c r="FA8" s="40" t="s">
        <v>43</v>
      </c>
      <c r="FB8" s="16" t="s">
        <v>44</v>
      </c>
      <c r="FC8" s="41" t="s">
        <v>45</v>
      </c>
      <c r="FD8" s="42" t="s">
        <v>83</v>
      </c>
      <c r="FE8" s="16" t="s">
        <v>47</v>
      </c>
      <c r="FF8" s="16" t="s">
        <v>48</v>
      </c>
      <c r="FG8" s="16" t="s">
        <v>49</v>
      </c>
      <c r="FH8" s="16" t="s">
        <v>50</v>
      </c>
      <c r="FI8" s="16" t="s">
        <v>51</v>
      </c>
      <c r="FJ8" s="17" t="s">
        <v>45</v>
      </c>
      <c r="FK8" s="607"/>
      <c r="FL8" s="40" t="s">
        <v>43</v>
      </c>
      <c r="FM8" s="16" t="s">
        <v>44</v>
      </c>
      <c r="FN8" s="41" t="s">
        <v>45</v>
      </c>
      <c r="FO8" s="42" t="s">
        <v>83</v>
      </c>
      <c r="FP8" s="16" t="s">
        <v>47</v>
      </c>
      <c r="FQ8" s="16" t="s">
        <v>48</v>
      </c>
      <c r="FR8" s="16" t="s">
        <v>49</v>
      </c>
      <c r="FS8" s="16" t="s">
        <v>50</v>
      </c>
      <c r="FT8" s="16" t="s">
        <v>51</v>
      </c>
      <c r="FU8" s="17" t="s">
        <v>45</v>
      </c>
      <c r="FV8" s="645"/>
      <c r="FW8" s="40" t="s">
        <v>43</v>
      </c>
      <c r="FX8" s="16" t="s">
        <v>44</v>
      </c>
      <c r="FY8" s="41" t="s">
        <v>45</v>
      </c>
      <c r="FZ8" s="42" t="s">
        <v>83</v>
      </c>
      <c r="GA8" s="16" t="s">
        <v>47</v>
      </c>
      <c r="GB8" s="16" t="s">
        <v>48</v>
      </c>
      <c r="GC8" s="16" t="s">
        <v>49</v>
      </c>
      <c r="GD8" s="16" t="s">
        <v>50</v>
      </c>
      <c r="GE8" s="16" t="s">
        <v>51</v>
      </c>
      <c r="GF8" s="17" t="s">
        <v>45</v>
      </c>
      <c r="GG8" s="607"/>
      <c r="GH8" s="40" t="s">
        <v>43</v>
      </c>
      <c r="GI8" s="16" t="s">
        <v>44</v>
      </c>
      <c r="GJ8" s="41" t="s">
        <v>45</v>
      </c>
      <c r="GK8" s="42" t="s">
        <v>83</v>
      </c>
      <c r="GL8" s="16" t="s">
        <v>47</v>
      </c>
      <c r="GM8" s="16" t="s">
        <v>48</v>
      </c>
      <c r="GN8" s="16" t="s">
        <v>49</v>
      </c>
      <c r="GO8" s="16" t="s">
        <v>50</v>
      </c>
      <c r="GP8" s="16" t="s">
        <v>51</v>
      </c>
      <c r="GQ8" s="17" t="s">
        <v>45</v>
      </c>
      <c r="GR8" s="644"/>
      <c r="GS8" s="40" t="s">
        <v>43</v>
      </c>
      <c r="GT8" s="16" t="s">
        <v>44</v>
      </c>
      <c r="GU8" s="41" t="s">
        <v>45</v>
      </c>
      <c r="GV8" s="42" t="s">
        <v>83</v>
      </c>
      <c r="GW8" s="16" t="s">
        <v>47</v>
      </c>
      <c r="GX8" s="16" t="s">
        <v>48</v>
      </c>
      <c r="GY8" s="16" t="s">
        <v>49</v>
      </c>
      <c r="GZ8" s="16" t="s">
        <v>50</v>
      </c>
      <c r="HA8" s="16" t="s">
        <v>51</v>
      </c>
      <c r="HB8" s="17" t="s">
        <v>45</v>
      </c>
      <c r="HC8" s="644"/>
      <c r="HD8" s="40" t="s">
        <v>43</v>
      </c>
      <c r="HE8" s="16" t="s">
        <v>44</v>
      </c>
      <c r="HF8" s="41" t="s">
        <v>45</v>
      </c>
      <c r="HG8" s="42" t="s">
        <v>83</v>
      </c>
      <c r="HH8" s="16" t="s">
        <v>47</v>
      </c>
      <c r="HI8" s="16" t="s">
        <v>48</v>
      </c>
      <c r="HJ8" s="16" t="s">
        <v>49</v>
      </c>
      <c r="HK8" s="16" t="s">
        <v>50</v>
      </c>
      <c r="HL8" s="16" t="s">
        <v>51</v>
      </c>
      <c r="HM8" s="17" t="s">
        <v>45</v>
      </c>
      <c r="HN8" s="607"/>
      <c r="HO8" s="40" t="s">
        <v>43</v>
      </c>
      <c r="HP8" s="16" t="s">
        <v>44</v>
      </c>
      <c r="HQ8" s="41" t="s">
        <v>45</v>
      </c>
      <c r="HR8" s="42" t="s">
        <v>83</v>
      </c>
      <c r="HS8" s="16" t="s">
        <v>47</v>
      </c>
      <c r="HT8" s="16" t="s">
        <v>48</v>
      </c>
      <c r="HU8" s="16" t="s">
        <v>49</v>
      </c>
      <c r="HV8" s="16" t="s">
        <v>50</v>
      </c>
      <c r="HW8" s="16" t="s">
        <v>51</v>
      </c>
      <c r="HX8" s="17" t="s">
        <v>45</v>
      </c>
      <c r="HY8" s="607"/>
      <c r="HZ8" s="369" t="s">
        <v>43</v>
      </c>
      <c r="IA8" s="370" t="s">
        <v>44</v>
      </c>
      <c r="IB8" s="41" t="s">
        <v>45</v>
      </c>
      <c r="IC8" s="42" t="s">
        <v>83</v>
      </c>
      <c r="ID8" s="370" t="s">
        <v>47</v>
      </c>
      <c r="IE8" s="370" t="s">
        <v>48</v>
      </c>
      <c r="IF8" s="370" t="s">
        <v>49</v>
      </c>
      <c r="IG8" s="370" t="s">
        <v>50</v>
      </c>
      <c r="IH8" s="370" t="s">
        <v>51</v>
      </c>
      <c r="II8" s="17" t="s">
        <v>45</v>
      </c>
      <c r="IJ8" s="645"/>
      <c r="IK8" s="369" t="s">
        <v>43</v>
      </c>
      <c r="IL8" s="370" t="s">
        <v>44</v>
      </c>
      <c r="IM8" s="41" t="s">
        <v>45</v>
      </c>
      <c r="IN8" s="42" t="s">
        <v>83</v>
      </c>
      <c r="IO8" s="59" t="s">
        <v>47</v>
      </c>
      <c r="IP8" s="59" t="s">
        <v>48</v>
      </c>
      <c r="IQ8" s="59" t="s">
        <v>49</v>
      </c>
      <c r="IR8" s="59" t="s">
        <v>50</v>
      </c>
      <c r="IS8" s="59" t="s">
        <v>51</v>
      </c>
      <c r="IT8" s="64" t="s">
        <v>45</v>
      </c>
      <c r="IU8" s="655"/>
      <c r="IV8" s="61" t="s">
        <v>43</v>
      </c>
      <c r="IW8" s="59" t="s">
        <v>44</v>
      </c>
      <c r="IX8" s="64" t="s">
        <v>45</v>
      </c>
      <c r="IY8" s="33" t="s">
        <v>83</v>
      </c>
      <c r="IZ8" s="59" t="s">
        <v>47</v>
      </c>
      <c r="JA8" s="59" t="s">
        <v>48</v>
      </c>
      <c r="JB8" s="59" t="s">
        <v>49</v>
      </c>
      <c r="JC8" s="59" t="s">
        <v>50</v>
      </c>
      <c r="JD8" s="59" t="s">
        <v>51</v>
      </c>
      <c r="JE8" s="64" t="s">
        <v>45</v>
      </c>
      <c r="JF8" s="655"/>
      <c r="JG8" s="61" t="s">
        <v>43</v>
      </c>
      <c r="JH8" s="59" t="s">
        <v>44</v>
      </c>
      <c r="JI8" s="60" t="s">
        <v>45</v>
      </c>
      <c r="JJ8" s="33" t="s">
        <v>83</v>
      </c>
      <c r="JK8" s="59" t="s">
        <v>47</v>
      </c>
      <c r="JL8" s="59" t="s">
        <v>48</v>
      </c>
      <c r="JM8" s="59" t="s">
        <v>49</v>
      </c>
      <c r="JN8" s="59" t="s">
        <v>50</v>
      </c>
      <c r="JO8" s="59" t="s">
        <v>51</v>
      </c>
      <c r="JP8" s="64" t="s">
        <v>45</v>
      </c>
      <c r="JQ8" s="648"/>
      <c r="JR8" s="61" t="s">
        <v>43</v>
      </c>
      <c r="JS8" s="59" t="s">
        <v>44</v>
      </c>
      <c r="JT8" s="60" t="s">
        <v>45</v>
      </c>
      <c r="JU8" s="33" t="s">
        <v>83</v>
      </c>
      <c r="JV8" s="59" t="s">
        <v>47</v>
      </c>
      <c r="JW8" s="59" t="s">
        <v>48</v>
      </c>
      <c r="JX8" s="59" t="s">
        <v>49</v>
      </c>
      <c r="JY8" s="59" t="s">
        <v>50</v>
      </c>
      <c r="JZ8" s="59" t="s">
        <v>51</v>
      </c>
      <c r="KA8" s="64" t="s">
        <v>45</v>
      </c>
      <c r="KB8" s="648"/>
      <c r="KC8" s="61" t="s">
        <v>43</v>
      </c>
      <c r="KD8" s="59" t="s">
        <v>44</v>
      </c>
      <c r="KE8" s="60" t="s">
        <v>45</v>
      </c>
      <c r="KF8" s="33" t="s">
        <v>83</v>
      </c>
      <c r="KG8" s="59" t="s">
        <v>47</v>
      </c>
      <c r="KH8" s="59" t="s">
        <v>48</v>
      </c>
      <c r="KI8" s="59" t="s">
        <v>49</v>
      </c>
      <c r="KJ8" s="59" t="s">
        <v>50</v>
      </c>
      <c r="KK8" s="59" t="s">
        <v>51</v>
      </c>
      <c r="KL8" s="64" t="s">
        <v>45</v>
      </c>
      <c r="KM8" s="648"/>
      <c r="KN8" s="61" t="s">
        <v>43</v>
      </c>
      <c r="KO8" s="59" t="s">
        <v>44</v>
      </c>
      <c r="KP8" s="60" t="s">
        <v>45</v>
      </c>
      <c r="KQ8" s="42" t="s">
        <v>83</v>
      </c>
      <c r="KR8" s="59" t="s">
        <v>47</v>
      </c>
      <c r="KS8" s="59" t="s">
        <v>48</v>
      </c>
      <c r="KT8" s="59" t="s">
        <v>49</v>
      </c>
      <c r="KU8" s="59" t="s">
        <v>50</v>
      </c>
      <c r="KV8" s="59" t="s">
        <v>51</v>
      </c>
      <c r="KW8" s="64" t="s">
        <v>45</v>
      </c>
      <c r="KX8" s="648"/>
      <c r="KY8" s="61" t="s">
        <v>43</v>
      </c>
      <c r="KZ8" s="59" t="s">
        <v>44</v>
      </c>
      <c r="LA8" s="60" t="s">
        <v>45</v>
      </c>
      <c r="LB8" s="42" t="s">
        <v>83</v>
      </c>
      <c r="LC8" s="59" t="s">
        <v>47</v>
      </c>
      <c r="LD8" s="59" t="s">
        <v>48</v>
      </c>
      <c r="LE8" s="59" t="s">
        <v>49</v>
      </c>
      <c r="LF8" s="59" t="s">
        <v>50</v>
      </c>
      <c r="LG8" s="59" t="s">
        <v>51</v>
      </c>
      <c r="LH8" s="64" t="s">
        <v>45</v>
      </c>
      <c r="LI8" s="648"/>
      <c r="LJ8" s="61" t="s">
        <v>43</v>
      </c>
      <c r="LK8" s="59" t="s">
        <v>44</v>
      </c>
      <c r="LL8" s="60" t="s">
        <v>45</v>
      </c>
      <c r="LM8" s="42" t="s">
        <v>83</v>
      </c>
      <c r="LN8" s="59" t="s">
        <v>47</v>
      </c>
      <c r="LO8" s="59" t="s">
        <v>48</v>
      </c>
      <c r="LP8" s="59" t="s">
        <v>49</v>
      </c>
      <c r="LQ8" s="59" t="s">
        <v>50</v>
      </c>
      <c r="LR8" s="59" t="s">
        <v>51</v>
      </c>
      <c r="LS8" s="64" t="s">
        <v>45</v>
      </c>
      <c r="LT8" s="648"/>
      <c r="LU8" s="61" t="s">
        <v>43</v>
      </c>
      <c r="LV8" s="59" t="s">
        <v>44</v>
      </c>
      <c r="LW8" s="60" t="s">
        <v>45</v>
      </c>
      <c r="LX8" s="42" t="s">
        <v>83</v>
      </c>
      <c r="LY8" s="59" t="s">
        <v>47</v>
      </c>
      <c r="LZ8" s="59" t="s">
        <v>48</v>
      </c>
      <c r="MA8" s="59" t="s">
        <v>49</v>
      </c>
      <c r="MB8" s="59" t="s">
        <v>50</v>
      </c>
      <c r="MC8" s="59" t="s">
        <v>51</v>
      </c>
      <c r="MD8" s="64" t="s">
        <v>45</v>
      </c>
      <c r="ME8" s="648"/>
      <c r="MF8" s="61" t="s">
        <v>43</v>
      </c>
      <c r="MG8" s="59" t="s">
        <v>44</v>
      </c>
      <c r="MH8" s="60" t="s">
        <v>45</v>
      </c>
      <c r="MI8" s="42" t="s">
        <v>83</v>
      </c>
      <c r="MJ8" s="59" t="s">
        <v>47</v>
      </c>
      <c r="MK8" s="59" t="s">
        <v>48</v>
      </c>
      <c r="ML8" s="59" t="s">
        <v>49</v>
      </c>
      <c r="MM8" s="59" t="s">
        <v>50</v>
      </c>
      <c r="MN8" s="59" t="s">
        <v>51</v>
      </c>
      <c r="MO8" s="64" t="s">
        <v>45</v>
      </c>
      <c r="MP8" s="648"/>
      <c r="MQ8" s="61" t="s">
        <v>43</v>
      </c>
      <c r="MR8" s="59" t="s">
        <v>44</v>
      </c>
      <c r="MS8" s="60" t="s">
        <v>45</v>
      </c>
      <c r="MT8" s="42" t="s">
        <v>83</v>
      </c>
      <c r="MU8" s="59" t="s">
        <v>47</v>
      </c>
      <c r="MV8" s="59" t="s">
        <v>48</v>
      </c>
      <c r="MW8" s="59" t="s">
        <v>49</v>
      </c>
      <c r="MX8" s="59" t="s">
        <v>50</v>
      </c>
      <c r="MY8" s="59" t="s">
        <v>51</v>
      </c>
      <c r="MZ8" s="64" t="s">
        <v>45</v>
      </c>
      <c r="NA8" s="648"/>
      <c r="NB8" s="61" t="s">
        <v>43</v>
      </c>
      <c r="NC8" s="59" t="s">
        <v>44</v>
      </c>
      <c r="ND8" s="60" t="s">
        <v>45</v>
      </c>
      <c r="NE8" s="42" t="s">
        <v>83</v>
      </c>
      <c r="NF8" s="59" t="s">
        <v>47</v>
      </c>
      <c r="NG8" s="59" t="s">
        <v>48</v>
      </c>
      <c r="NH8" s="59" t="s">
        <v>49</v>
      </c>
      <c r="NI8" s="59" t="s">
        <v>50</v>
      </c>
      <c r="NJ8" s="59" t="s">
        <v>51</v>
      </c>
      <c r="NK8" s="64" t="s">
        <v>45</v>
      </c>
      <c r="NL8" s="648"/>
      <c r="NM8" s="61" t="s">
        <v>43</v>
      </c>
      <c r="NN8" s="59" t="s">
        <v>44</v>
      </c>
      <c r="NO8" s="60" t="s">
        <v>45</v>
      </c>
      <c r="NP8" s="42" t="s">
        <v>83</v>
      </c>
      <c r="NQ8" s="59" t="s">
        <v>47</v>
      </c>
      <c r="NR8" s="59" t="s">
        <v>48</v>
      </c>
      <c r="NS8" s="59" t="s">
        <v>49</v>
      </c>
      <c r="NT8" s="59" t="s">
        <v>50</v>
      </c>
      <c r="NU8" s="59" t="s">
        <v>51</v>
      </c>
      <c r="NV8" s="64" t="s">
        <v>45</v>
      </c>
      <c r="NW8" s="648"/>
      <c r="NX8" s="61" t="s">
        <v>43</v>
      </c>
      <c r="NY8" s="59" t="s">
        <v>44</v>
      </c>
      <c r="NZ8" s="60" t="s">
        <v>45</v>
      </c>
      <c r="OA8" s="42" t="s">
        <v>83</v>
      </c>
      <c r="OB8" s="59" t="s">
        <v>47</v>
      </c>
      <c r="OC8" s="59" t="s">
        <v>48</v>
      </c>
      <c r="OD8" s="59" t="s">
        <v>49</v>
      </c>
      <c r="OE8" s="59" t="s">
        <v>50</v>
      </c>
      <c r="OF8" s="59" t="s">
        <v>51</v>
      </c>
      <c r="OG8" s="64" t="s">
        <v>45</v>
      </c>
      <c r="OH8" s="648"/>
      <c r="OI8" s="61" t="s">
        <v>43</v>
      </c>
      <c r="OJ8" s="59" t="s">
        <v>44</v>
      </c>
      <c r="OK8" s="60" t="s">
        <v>45</v>
      </c>
      <c r="OL8" s="33" t="s">
        <v>83</v>
      </c>
      <c r="OM8" s="59" t="s">
        <v>47</v>
      </c>
      <c r="ON8" s="59" t="s">
        <v>48</v>
      </c>
      <c r="OO8" s="59" t="s">
        <v>49</v>
      </c>
      <c r="OP8" s="59" t="s">
        <v>50</v>
      </c>
      <c r="OQ8" s="59" t="s">
        <v>51</v>
      </c>
      <c r="OR8" s="64" t="s">
        <v>45</v>
      </c>
      <c r="OS8" s="648"/>
    </row>
    <row r="9" spans="1:409" s="431" customFormat="1" ht="18.75" customHeight="1" x14ac:dyDescent="0.2">
      <c r="A9" s="44"/>
      <c r="B9" s="387" t="s">
        <v>4</v>
      </c>
      <c r="C9" s="388">
        <v>382244942</v>
      </c>
      <c r="D9" s="389">
        <v>776578340</v>
      </c>
      <c r="E9" s="390">
        <v>1158823282</v>
      </c>
      <c r="F9" s="391">
        <v>0</v>
      </c>
      <c r="G9" s="389">
        <v>5029676038</v>
      </c>
      <c r="H9" s="389">
        <v>6739794203</v>
      </c>
      <c r="I9" s="389">
        <v>5675412810</v>
      </c>
      <c r="J9" s="389">
        <v>5477685789</v>
      </c>
      <c r="K9" s="389">
        <v>4156679368</v>
      </c>
      <c r="L9" s="392">
        <v>27079248208</v>
      </c>
      <c r="M9" s="393">
        <v>28238071490</v>
      </c>
      <c r="N9" s="388">
        <v>87474510</v>
      </c>
      <c r="O9" s="389">
        <v>217115789</v>
      </c>
      <c r="P9" s="394">
        <v>304590299</v>
      </c>
      <c r="Q9" s="388">
        <v>0</v>
      </c>
      <c r="R9" s="389">
        <v>1410131565</v>
      </c>
      <c r="S9" s="389">
        <v>2132525214</v>
      </c>
      <c r="T9" s="389">
        <v>1833764050</v>
      </c>
      <c r="U9" s="389">
        <v>2077407494</v>
      </c>
      <c r="V9" s="389">
        <v>2099460854</v>
      </c>
      <c r="W9" s="394">
        <v>9553289177</v>
      </c>
      <c r="X9" s="393">
        <v>9857879476</v>
      </c>
      <c r="Y9" s="388">
        <v>0</v>
      </c>
      <c r="Z9" s="389">
        <v>0</v>
      </c>
      <c r="AA9" s="394">
        <v>0</v>
      </c>
      <c r="AB9" s="395">
        <v>0</v>
      </c>
      <c r="AC9" s="396">
        <v>688585608</v>
      </c>
      <c r="AD9" s="396">
        <v>1078720336</v>
      </c>
      <c r="AE9" s="396">
        <v>1042165727</v>
      </c>
      <c r="AF9" s="396">
        <v>1229707480</v>
      </c>
      <c r="AG9" s="396">
        <v>1233198531</v>
      </c>
      <c r="AH9" s="394">
        <v>5272377682</v>
      </c>
      <c r="AI9" s="393">
        <v>5272377682</v>
      </c>
      <c r="AJ9" s="397">
        <v>46974</v>
      </c>
      <c r="AK9" s="396">
        <v>915504</v>
      </c>
      <c r="AL9" s="394">
        <v>962478</v>
      </c>
      <c r="AM9" s="395">
        <v>0</v>
      </c>
      <c r="AN9" s="396">
        <v>5445806</v>
      </c>
      <c r="AO9" s="392">
        <v>25405954</v>
      </c>
      <c r="AP9" s="396">
        <v>47697329</v>
      </c>
      <c r="AQ9" s="396">
        <v>119168981</v>
      </c>
      <c r="AR9" s="396">
        <v>233995400</v>
      </c>
      <c r="AS9" s="394">
        <v>431713470</v>
      </c>
      <c r="AT9" s="393">
        <v>432675948</v>
      </c>
      <c r="AU9" s="397">
        <v>47610428</v>
      </c>
      <c r="AV9" s="396">
        <v>152717247</v>
      </c>
      <c r="AW9" s="394">
        <v>200327675</v>
      </c>
      <c r="AX9" s="395">
        <v>0</v>
      </c>
      <c r="AY9" s="396">
        <v>438709279</v>
      </c>
      <c r="AZ9" s="396">
        <v>678352175</v>
      </c>
      <c r="BA9" s="396">
        <v>441379477</v>
      </c>
      <c r="BB9" s="396">
        <v>428531771</v>
      </c>
      <c r="BC9" s="396">
        <v>406481803</v>
      </c>
      <c r="BD9" s="394">
        <v>2393454505</v>
      </c>
      <c r="BE9" s="398">
        <v>2593782180</v>
      </c>
      <c r="BF9" s="397">
        <v>5676433</v>
      </c>
      <c r="BG9" s="392">
        <v>22157120</v>
      </c>
      <c r="BH9" s="399">
        <v>27833553</v>
      </c>
      <c r="BI9" s="395">
        <v>0</v>
      </c>
      <c r="BJ9" s="396">
        <v>36787397</v>
      </c>
      <c r="BK9" s="396">
        <v>60962899</v>
      </c>
      <c r="BL9" s="396">
        <v>39623785</v>
      </c>
      <c r="BM9" s="396">
        <v>36442134</v>
      </c>
      <c r="BN9" s="396">
        <v>21732899</v>
      </c>
      <c r="BO9" s="394">
        <v>195549114</v>
      </c>
      <c r="BP9" s="393">
        <v>223382667</v>
      </c>
      <c r="BQ9" s="397">
        <v>34140675</v>
      </c>
      <c r="BR9" s="396">
        <v>41325918</v>
      </c>
      <c r="BS9" s="394">
        <v>75466593</v>
      </c>
      <c r="BT9" s="395">
        <v>0</v>
      </c>
      <c r="BU9" s="396">
        <v>240603475</v>
      </c>
      <c r="BV9" s="396">
        <v>289083850</v>
      </c>
      <c r="BW9" s="396">
        <v>262897732</v>
      </c>
      <c r="BX9" s="396">
        <v>263557128</v>
      </c>
      <c r="BY9" s="396">
        <v>204052221</v>
      </c>
      <c r="BZ9" s="394">
        <v>1260194406</v>
      </c>
      <c r="CA9" s="393">
        <v>1335660999</v>
      </c>
      <c r="CB9" s="397">
        <v>35467617</v>
      </c>
      <c r="CC9" s="396">
        <v>106409952</v>
      </c>
      <c r="CD9" s="394">
        <v>141877569</v>
      </c>
      <c r="CE9" s="395">
        <v>0</v>
      </c>
      <c r="CF9" s="396">
        <v>1388569113</v>
      </c>
      <c r="CG9" s="396">
        <v>1798460903</v>
      </c>
      <c r="CH9" s="400">
        <v>1305638101</v>
      </c>
      <c r="CI9" s="396">
        <v>895670583</v>
      </c>
      <c r="CJ9" s="396">
        <v>446826243</v>
      </c>
      <c r="CK9" s="394">
        <v>5835164943</v>
      </c>
      <c r="CL9" s="393">
        <v>5977042512</v>
      </c>
      <c r="CM9" s="388">
        <v>0</v>
      </c>
      <c r="CN9" s="389">
        <v>0</v>
      </c>
      <c r="CO9" s="394">
        <v>0</v>
      </c>
      <c r="CP9" s="395">
        <v>0</v>
      </c>
      <c r="CQ9" s="396">
        <v>1178918934</v>
      </c>
      <c r="CR9" s="396">
        <v>1403198880</v>
      </c>
      <c r="CS9" s="396">
        <v>1023236194</v>
      </c>
      <c r="CT9" s="396">
        <v>686359819</v>
      </c>
      <c r="CU9" s="396">
        <v>361057461</v>
      </c>
      <c r="CV9" s="401">
        <v>4652771288</v>
      </c>
      <c r="CW9" s="393">
        <v>4652771288</v>
      </c>
      <c r="CX9" s="397">
        <v>35467617</v>
      </c>
      <c r="CY9" s="396">
        <v>106409952</v>
      </c>
      <c r="CZ9" s="394">
        <v>141877569</v>
      </c>
      <c r="DA9" s="395">
        <v>0</v>
      </c>
      <c r="DB9" s="396">
        <v>209650179</v>
      </c>
      <c r="DC9" s="396">
        <v>395262023</v>
      </c>
      <c r="DD9" s="396">
        <v>282401907</v>
      </c>
      <c r="DE9" s="396">
        <v>209310764</v>
      </c>
      <c r="DF9" s="396">
        <v>85768782</v>
      </c>
      <c r="DG9" s="394">
        <v>1182393655</v>
      </c>
      <c r="DH9" s="393">
        <v>1324271224</v>
      </c>
      <c r="DI9" s="397">
        <v>1508539</v>
      </c>
      <c r="DJ9" s="396">
        <v>9775006</v>
      </c>
      <c r="DK9" s="399">
        <v>11283545</v>
      </c>
      <c r="DL9" s="395">
        <v>0</v>
      </c>
      <c r="DM9" s="396">
        <v>136287396</v>
      </c>
      <c r="DN9" s="396">
        <v>293354620</v>
      </c>
      <c r="DO9" s="396">
        <v>533848297</v>
      </c>
      <c r="DP9" s="396">
        <v>461059323</v>
      </c>
      <c r="DQ9" s="396">
        <v>263728430</v>
      </c>
      <c r="DR9" s="402">
        <v>1688278066</v>
      </c>
      <c r="DS9" s="393">
        <v>1699561611</v>
      </c>
      <c r="DT9" s="397">
        <v>1454537</v>
      </c>
      <c r="DU9" s="396">
        <v>9202676</v>
      </c>
      <c r="DV9" s="394">
        <v>10657213</v>
      </c>
      <c r="DW9" s="395">
        <v>0</v>
      </c>
      <c r="DX9" s="396">
        <v>121632900</v>
      </c>
      <c r="DY9" s="396">
        <v>257669777</v>
      </c>
      <c r="DZ9" s="396">
        <v>483765258</v>
      </c>
      <c r="EA9" s="396">
        <v>410860118</v>
      </c>
      <c r="EB9" s="396">
        <v>227191928</v>
      </c>
      <c r="EC9" s="394">
        <v>1501119981</v>
      </c>
      <c r="ED9" s="393">
        <v>1511777194</v>
      </c>
      <c r="EE9" s="397">
        <v>54002</v>
      </c>
      <c r="EF9" s="392">
        <v>572330</v>
      </c>
      <c r="EG9" s="394">
        <v>626332</v>
      </c>
      <c r="EH9" s="398">
        <v>0</v>
      </c>
      <c r="EI9" s="396">
        <v>14495573</v>
      </c>
      <c r="EJ9" s="396">
        <v>35684843</v>
      </c>
      <c r="EK9" s="396">
        <v>50083039</v>
      </c>
      <c r="EL9" s="396">
        <v>50199205</v>
      </c>
      <c r="EM9" s="400">
        <v>36536502</v>
      </c>
      <c r="EN9" s="392">
        <v>186999162</v>
      </c>
      <c r="EO9" s="393">
        <v>187625494</v>
      </c>
      <c r="EP9" s="397">
        <v>0</v>
      </c>
      <c r="EQ9" s="396">
        <v>0</v>
      </c>
      <c r="ER9" s="392">
        <v>0</v>
      </c>
      <c r="ES9" s="395">
        <v>0</v>
      </c>
      <c r="ET9" s="396">
        <v>0</v>
      </c>
      <c r="EU9" s="396">
        <v>0</v>
      </c>
      <c r="EV9" s="396">
        <v>0</v>
      </c>
      <c r="EW9" s="396">
        <v>0</v>
      </c>
      <c r="EX9" s="396">
        <v>0</v>
      </c>
      <c r="EY9" s="401">
        <v>0</v>
      </c>
      <c r="EZ9" s="393">
        <v>0</v>
      </c>
      <c r="FA9" s="397">
        <v>0</v>
      </c>
      <c r="FB9" s="396">
        <v>0</v>
      </c>
      <c r="FC9" s="392">
        <v>0</v>
      </c>
      <c r="FD9" s="403"/>
      <c r="FE9" s="396">
        <v>158923</v>
      </c>
      <c r="FF9" s="396">
        <v>0</v>
      </c>
      <c r="FG9" s="396">
        <v>0</v>
      </c>
      <c r="FH9" s="396">
        <v>0</v>
      </c>
      <c r="FI9" s="396">
        <v>0</v>
      </c>
      <c r="FJ9" s="401">
        <v>158923</v>
      </c>
      <c r="FK9" s="393">
        <v>158923</v>
      </c>
      <c r="FL9" s="397">
        <v>89876633</v>
      </c>
      <c r="FM9" s="396">
        <v>182713243</v>
      </c>
      <c r="FN9" s="394">
        <v>272589876</v>
      </c>
      <c r="FO9" s="395">
        <v>0</v>
      </c>
      <c r="FP9" s="396">
        <v>245709179</v>
      </c>
      <c r="FQ9" s="396">
        <v>622935394</v>
      </c>
      <c r="FR9" s="396">
        <v>440935383</v>
      </c>
      <c r="FS9" s="396">
        <v>413710551</v>
      </c>
      <c r="FT9" s="396">
        <v>303229888</v>
      </c>
      <c r="FU9" s="394">
        <v>2026520395</v>
      </c>
      <c r="FV9" s="393">
        <v>2299110271</v>
      </c>
      <c r="FW9" s="397">
        <v>50372708</v>
      </c>
      <c r="FX9" s="396">
        <v>136242383</v>
      </c>
      <c r="FY9" s="392">
        <v>186615091</v>
      </c>
      <c r="FZ9" s="398">
        <v>0</v>
      </c>
      <c r="GA9" s="396">
        <v>192930528</v>
      </c>
      <c r="GB9" s="404">
        <v>569265246</v>
      </c>
      <c r="GC9" s="396">
        <v>410189738</v>
      </c>
      <c r="GD9" s="404">
        <v>385174902</v>
      </c>
      <c r="GE9" s="396">
        <v>291067377</v>
      </c>
      <c r="GF9" s="401">
        <v>1848627791</v>
      </c>
      <c r="GG9" s="405">
        <v>2035242882</v>
      </c>
      <c r="GH9" s="406">
        <v>6290855</v>
      </c>
      <c r="GI9" s="396">
        <v>9074216</v>
      </c>
      <c r="GJ9" s="404">
        <v>15365071</v>
      </c>
      <c r="GK9" s="391">
        <v>0</v>
      </c>
      <c r="GL9" s="396">
        <v>11809442</v>
      </c>
      <c r="GM9" s="392">
        <v>16337229</v>
      </c>
      <c r="GN9" s="396">
        <v>11784236</v>
      </c>
      <c r="GO9" s="392">
        <v>11500266</v>
      </c>
      <c r="GP9" s="396">
        <v>4735974</v>
      </c>
      <c r="GQ9" s="402">
        <v>56167147</v>
      </c>
      <c r="GR9" s="393">
        <v>71532218</v>
      </c>
      <c r="GS9" s="392">
        <v>33213070</v>
      </c>
      <c r="GT9" s="396">
        <v>37396644</v>
      </c>
      <c r="GU9" s="394">
        <v>70609714</v>
      </c>
      <c r="GV9" s="392">
        <v>0</v>
      </c>
      <c r="GW9" s="396">
        <v>40969209</v>
      </c>
      <c r="GX9" s="392">
        <v>37332919</v>
      </c>
      <c r="GY9" s="396">
        <v>18961409</v>
      </c>
      <c r="GZ9" s="392">
        <v>17035383</v>
      </c>
      <c r="HA9" s="396">
        <v>7426537</v>
      </c>
      <c r="HB9" s="392">
        <v>121725457</v>
      </c>
      <c r="HC9" s="393">
        <v>192335171</v>
      </c>
      <c r="HD9" s="392">
        <v>100805257</v>
      </c>
      <c r="HE9" s="396">
        <v>128941982</v>
      </c>
      <c r="HF9" s="392">
        <v>229747239</v>
      </c>
      <c r="HG9" s="398">
        <v>0</v>
      </c>
      <c r="HH9" s="396">
        <v>1012965015</v>
      </c>
      <c r="HI9" s="404">
        <v>1014447555</v>
      </c>
      <c r="HJ9" s="396">
        <v>980638958</v>
      </c>
      <c r="HK9" s="404">
        <v>1218847908</v>
      </c>
      <c r="HL9" s="396">
        <v>792932672</v>
      </c>
      <c r="HM9" s="401">
        <v>5019832108</v>
      </c>
      <c r="HN9" s="392">
        <v>5249579347</v>
      </c>
      <c r="HO9" s="406">
        <v>67112386</v>
      </c>
      <c r="HP9" s="396">
        <v>131622368</v>
      </c>
      <c r="HQ9" s="401">
        <v>198734754</v>
      </c>
      <c r="HR9" s="392">
        <v>0</v>
      </c>
      <c r="HS9" s="396">
        <v>836013770</v>
      </c>
      <c r="HT9" s="392">
        <v>878070517</v>
      </c>
      <c r="HU9" s="396">
        <v>580588021</v>
      </c>
      <c r="HV9" s="392">
        <v>410989930</v>
      </c>
      <c r="HW9" s="396">
        <v>250501281</v>
      </c>
      <c r="HX9" s="392">
        <v>2956163519</v>
      </c>
      <c r="HY9" s="393">
        <v>3154898273</v>
      </c>
      <c r="HZ9" s="407">
        <v>9315538</v>
      </c>
      <c r="IA9" s="408">
        <v>33664225</v>
      </c>
      <c r="IB9" s="409">
        <v>42979763</v>
      </c>
      <c r="IC9" s="410">
        <v>0</v>
      </c>
      <c r="ID9" s="408">
        <v>1630394045</v>
      </c>
      <c r="IE9" s="411">
        <v>2121138401</v>
      </c>
      <c r="IF9" s="412">
        <v>2238035552</v>
      </c>
      <c r="IG9" s="408">
        <v>1686701421</v>
      </c>
      <c r="IH9" s="412">
        <v>1217264254</v>
      </c>
      <c r="II9" s="413">
        <v>8893533673</v>
      </c>
      <c r="IJ9" s="414">
        <v>8936513436</v>
      </c>
      <c r="IK9" s="415">
        <v>0</v>
      </c>
      <c r="IL9" s="416">
        <v>0</v>
      </c>
      <c r="IM9" s="417">
        <v>0</v>
      </c>
      <c r="IN9" s="418"/>
      <c r="IO9" s="419">
        <v>25588760</v>
      </c>
      <c r="IP9" s="419">
        <v>45430857</v>
      </c>
      <c r="IQ9" s="419">
        <v>62778976</v>
      </c>
      <c r="IR9" s="419">
        <v>95056276</v>
      </c>
      <c r="IS9" s="419">
        <v>98216113</v>
      </c>
      <c r="IT9" s="420">
        <v>327070982</v>
      </c>
      <c r="IU9" s="421">
        <v>327070982</v>
      </c>
      <c r="IV9" s="422">
        <v>0</v>
      </c>
      <c r="IW9" s="419">
        <v>0</v>
      </c>
      <c r="IX9" s="423">
        <v>0</v>
      </c>
      <c r="IY9" s="424"/>
      <c r="IZ9" s="419">
        <v>3628277</v>
      </c>
      <c r="JA9" s="419">
        <v>10915486</v>
      </c>
      <c r="JB9" s="419">
        <v>12931960</v>
      </c>
      <c r="JC9" s="419">
        <v>14606973</v>
      </c>
      <c r="JD9" s="419">
        <v>17983359</v>
      </c>
      <c r="JE9" s="423">
        <v>60066055</v>
      </c>
      <c r="JF9" s="425">
        <v>60066055</v>
      </c>
      <c r="JG9" s="422">
        <v>0</v>
      </c>
      <c r="JH9" s="419">
        <v>0</v>
      </c>
      <c r="JI9" s="420">
        <v>0</v>
      </c>
      <c r="JJ9" s="426">
        <v>0</v>
      </c>
      <c r="JK9" s="419">
        <v>600207661</v>
      </c>
      <c r="JL9" s="419">
        <v>702884396</v>
      </c>
      <c r="JM9" s="419">
        <v>550646526</v>
      </c>
      <c r="JN9" s="419">
        <v>336418467</v>
      </c>
      <c r="JO9" s="419">
        <v>182421832</v>
      </c>
      <c r="JP9" s="423">
        <v>2372578882</v>
      </c>
      <c r="JQ9" s="421">
        <v>2372578882</v>
      </c>
      <c r="JR9" s="422">
        <v>282902</v>
      </c>
      <c r="JS9" s="419">
        <v>366661</v>
      </c>
      <c r="JT9" s="420">
        <v>649563</v>
      </c>
      <c r="JU9" s="426">
        <v>0</v>
      </c>
      <c r="JV9" s="419">
        <v>71105689</v>
      </c>
      <c r="JW9" s="419">
        <v>102843012</v>
      </c>
      <c r="JX9" s="419">
        <v>152127761</v>
      </c>
      <c r="JY9" s="419">
        <v>86102412</v>
      </c>
      <c r="JZ9" s="419">
        <v>80372841</v>
      </c>
      <c r="KA9" s="423">
        <v>492551715</v>
      </c>
      <c r="KB9" s="421">
        <v>493201278</v>
      </c>
      <c r="KC9" s="427">
        <v>9032636</v>
      </c>
      <c r="KD9" s="428">
        <v>23376473</v>
      </c>
      <c r="KE9" s="423">
        <v>32409109</v>
      </c>
      <c r="KF9" s="426">
        <v>0</v>
      </c>
      <c r="KG9" s="419">
        <v>188513279</v>
      </c>
      <c r="KH9" s="419">
        <v>300535914</v>
      </c>
      <c r="KI9" s="419">
        <v>346297551</v>
      </c>
      <c r="KJ9" s="419">
        <v>273381395</v>
      </c>
      <c r="KK9" s="419">
        <v>152804098</v>
      </c>
      <c r="KL9" s="423">
        <v>1261532237</v>
      </c>
      <c r="KM9" s="429">
        <v>1293941346</v>
      </c>
      <c r="KN9" s="415">
        <v>0</v>
      </c>
      <c r="KO9" s="416">
        <v>9921091</v>
      </c>
      <c r="KP9" s="417">
        <v>9921091</v>
      </c>
      <c r="KQ9" s="418"/>
      <c r="KR9" s="419">
        <v>703542513</v>
      </c>
      <c r="KS9" s="419">
        <v>882159759</v>
      </c>
      <c r="KT9" s="419">
        <v>957564320</v>
      </c>
      <c r="KU9" s="419">
        <v>659962772</v>
      </c>
      <c r="KV9" s="419">
        <v>459927227</v>
      </c>
      <c r="KW9" s="423">
        <v>3663156591</v>
      </c>
      <c r="KX9" s="421">
        <v>3673077682</v>
      </c>
      <c r="KY9" s="422">
        <v>0</v>
      </c>
      <c r="KZ9" s="419">
        <v>0</v>
      </c>
      <c r="LA9" s="423">
        <v>0</v>
      </c>
      <c r="LB9" s="430"/>
      <c r="LC9" s="419">
        <v>6116807</v>
      </c>
      <c r="LD9" s="419">
        <v>9654932</v>
      </c>
      <c r="LE9" s="419">
        <v>12440842</v>
      </c>
      <c r="LF9" s="419">
        <v>15758360</v>
      </c>
      <c r="LG9" s="419">
        <v>14091756</v>
      </c>
      <c r="LH9" s="423">
        <v>58062697</v>
      </c>
      <c r="LI9" s="425">
        <v>58062697</v>
      </c>
      <c r="LJ9" s="422">
        <v>0</v>
      </c>
      <c r="LK9" s="419">
        <v>0</v>
      </c>
      <c r="LL9" s="423">
        <v>0</v>
      </c>
      <c r="LM9" s="430"/>
      <c r="LN9" s="419">
        <v>3252928</v>
      </c>
      <c r="LO9" s="419">
        <v>7653711</v>
      </c>
      <c r="LP9" s="419">
        <v>67482941</v>
      </c>
      <c r="LQ9" s="419">
        <v>95962791</v>
      </c>
      <c r="LR9" s="419">
        <v>66385261</v>
      </c>
      <c r="LS9" s="423">
        <v>240737632</v>
      </c>
      <c r="LT9" s="421">
        <v>240737632</v>
      </c>
      <c r="LU9" s="422">
        <v>0</v>
      </c>
      <c r="LV9" s="419">
        <v>0</v>
      </c>
      <c r="LW9" s="423">
        <v>0</v>
      </c>
      <c r="LX9" s="430"/>
      <c r="LY9" s="419">
        <v>28438131</v>
      </c>
      <c r="LZ9" s="419">
        <v>59060334</v>
      </c>
      <c r="MA9" s="419">
        <v>75764675</v>
      </c>
      <c r="MB9" s="419">
        <v>109451975</v>
      </c>
      <c r="MC9" s="419">
        <v>145061767</v>
      </c>
      <c r="MD9" s="423">
        <v>417776882</v>
      </c>
      <c r="ME9" s="425">
        <v>417776882</v>
      </c>
      <c r="MF9" s="422">
        <v>0</v>
      </c>
      <c r="MG9" s="419">
        <v>10506</v>
      </c>
      <c r="MH9" s="423">
        <v>10506</v>
      </c>
      <c r="MI9" s="430"/>
      <c r="MJ9" s="419">
        <v>566885291</v>
      </c>
      <c r="MK9" s="419">
        <v>1351468306</v>
      </c>
      <c r="ML9" s="419">
        <v>4038808013</v>
      </c>
      <c r="MM9" s="419">
        <v>6052561122</v>
      </c>
      <c r="MN9" s="419">
        <v>4335357966</v>
      </c>
      <c r="MO9" s="423">
        <v>16345080698</v>
      </c>
      <c r="MP9" s="429">
        <v>16345091204</v>
      </c>
      <c r="MQ9" s="422">
        <v>0</v>
      </c>
      <c r="MR9" s="419">
        <v>0</v>
      </c>
      <c r="MS9" s="423">
        <v>0</v>
      </c>
      <c r="MT9" s="430"/>
      <c r="MU9" s="419">
        <v>97480689</v>
      </c>
      <c r="MV9" s="419">
        <v>360369135</v>
      </c>
      <c r="MW9" s="419">
        <v>2586070182</v>
      </c>
      <c r="MX9" s="419">
        <v>4080060259</v>
      </c>
      <c r="MY9" s="419">
        <v>3100758366</v>
      </c>
      <c r="MZ9" s="423">
        <v>10224738631</v>
      </c>
      <c r="NA9" s="429">
        <v>10224738631</v>
      </c>
      <c r="NB9" s="422">
        <v>0</v>
      </c>
      <c r="NC9" s="419">
        <v>10506</v>
      </c>
      <c r="ND9" s="423">
        <v>10506</v>
      </c>
      <c r="NE9" s="430"/>
      <c r="NF9" s="419">
        <v>466380869</v>
      </c>
      <c r="NG9" s="419">
        <v>984570168</v>
      </c>
      <c r="NH9" s="419">
        <v>1430314821</v>
      </c>
      <c r="NI9" s="419">
        <v>1798967652</v>
      </c>
      <c r="NJ9" s="419">
        <v>978027021</v>
      </c>
      <c r="NK9" s="423">
        <v>5658260531</v>
      </c>
      <c r="NL9" s="421">
        <v>5658271037</v>
      </c>
      <c r="NM9" s="422">
        <v>0</v>
      </c>
      <c r="NN9" s="419">
        <v>0</v>
      </c>
      <c r="NO9" s="423">
        <v>0</v>
      </c>
      <c r="NP9" s="430"/>
      <c r="NQ9" s="419">
        <v>0</v>
      </c>
      <c r="NR9" s="419">
        <v>24812</v>
      </c>
      <c r="NS9" s="419">
        <v>4529146</v>
      </c>
      <c r="NT9" s="419">
        <v>55306154</v>
      </c>
      <c r="NU9" s="419">
        <v>84906339</v>
      </c>
      <c r="NV9" s="423">
        <v>144766451</v>
      </c>
      <c r="NW9" s="425">
        <v>144766451</v>
      </c>
      <c r="NX9" s="422">
        <v>0</v>
      </c>
      <c r="NY9" s="419">
        <v>0</v>
      </c>
      <c r="NZ9" s="423">
        <v>0</v>
      </c>
      <c r="OA9" s="430"/>
      <c r="OB9" s="419">
        <v>3023733</v>
      </c>
      <c r="OC9" s="419">
        <v>6504191</v>
      </c>
      <c r="OD9" s="419">
        <v>17893864</v>
      </c>
      <c r="OE9" s="419">
        <v>118227057</v>
      </c>
      <c r="OF9" s="419">
        <v>171666240</v>
      </c>
      <c r="OG9" s="423">
        <v>317315085</v>
      </c>
      <c r="OH9" s="425">
        <v>317315085</v>
      </c>
      <c r="OI9" s="422">
        <v>391560480</v>
      </c>
      <c r="OJ9" s="419">
        <v>810253071</v>
      </c>
      <c r="OK9" s="420">
        <v>1201813551</v>
      </c>
      <c r="OL9" s="426">
        <v>0</v>
      </c>
      <c r="OM9" s="419">
        <v>7226955374</v>
      </c>
      <c r="ON9" s="419">
        <v>10212400910</v>
      </c>
      <c r="OO9" s="419">
        <v>11952256375</v>
      </c>
      <c r="OP9" s="419">
        <v>13216948332</v>
      </c>
      <c r="OQ9" s="419">
        <v>9709301588</v>
      </c>
      <c r="OR9" s="423">
        <v>52317862579</v>
      </c>
      <c r="OS9" s="429">
        <v>53519676130</v>
      </c>
    </row>
    <row r="10" spans="1:409" s="431" customFormat="1" ht="18.75" customHeight="1" x14ac:dyDescent="0.2">
      <c r="A10" s="44"/>
      <c r="B10" s="432" t="s">
        <v>5</v>
      </c>
      <c r="C10" s="433">
        <v>154482925</v>
      </c>
      <c r="D10" s="434">
        <v>359285027</v>
      </c>
      <c r="E10" s="435">
        <v>513767952</v>
      </c>
      <c r="F10" s="436">
        <v>0</v>
      </c>
      <c r="G10" s="434">
        <v>1761737054</v>
      </c>
      <c r="H10" s="434">
        <v>3067389309</v>
      </c>
      <c r="I10" s="434">
        <v>2353865823</v>
      </c>
      <c r="J10" s="434">
        <v>2231337523</v>
      </c>
      <c r="K10" s="434">
        <v>1697664980</v>
      </c>
      <c r="L10" s="436">
        <v>11111994689</v>
      </c>
      <c r="M10" s="437">
        <v>11625762641</v>
      </c>
      <c r="N10" s="433">
        <v>38681649</v>
      </c>
      <c r="O10" s="434">
        <v>113682117</v>
      </c>
      <c r="P10" s="435">
        <v>152363766</v>
      </c>
      <c r="Q10" s="433">
        <v>0</v>
      </c>
      <c r="R10" s="434">
        <v>511938759</v>
      </c>
      <c r="S10" s="434">
        <v>1016119559</v>
      </c>
      <c r="T10" s="434">
        <v>779344464</v>
      </c>
      <c r="U10" s="434">
        <v>826172471</v>
      </c>
      <c r="V10" s="434">
        <v>857262933</v>
      </c>
      <c r="W10" s="435">
        <v>3990838186</v>
      </c>
      <c r="X10" s="437">
        <v>4143201952</v>
      </c>
      <c r="Y10" s="433">
        <v>0</v>
      </c>
      <c r="Z10" s="434">
        <v>0</v>
      </c>
      <c r="AA10" s="435">
        <v>0</v>
      </c>
      <c r="AB10" s="433">
        <v>0</v>
      </c>
      <c r="AC10" s="434">
        <v>242146320</v>
      </c>
      <c r="AD10" s="434">
        <v>488649995</v>
      </c>
      <c r="AE10" s="434">
        <v>416461025</v>
      </c>
      <c r="AF10" s="434">
        <v>449595623</v>
      </c>
      <c r="AG10" s="434">
        <v>474949381</v>
      </c>
      <c r="AH10" s="435">
        <v>2071802344</v>
      </c>
      <c r="AI10" s="437">
        <v>2071802344</v>
      </c>
      <c r="AJ10" s="433">
        <v>0</v>
      </c>
      <c r="AK10" s="434">
        <v>384441</v>
      </c>
      <c r="AL10" s="435">
        <v>384441</v>
      </c>
      <c r="AM10" s="433">
        <v>0</v>
      </c>
      <c r="AN10" s="434">
        <v>1345341</v>
      </c>
      <c r="AO10" s="434">
        <v>9916143</v>
      </c>
      <c r="AP10" s="434">
        <v>18012981</v>
      </c>
      <c r="AQ10" s="434">
        <v>48293272</v>
      </c>
      <c r="AR10" s="434">
        <v>102939852</v>
      </c>
      <c r="AS10" s="435">
        <v>180507589</v>
      </c>
      <c r="AT10" s="437">
        <v>180892030</v>
      </c>
      <c r="AU10" s="433">
        <v>21710183</v>
      </c>
      <c r="AV10" s="434">
        <v>81036728</v>
      </c>
      <c r="AW10" s="435">
        <v>102746911</v>
      </c>
      <c r="AX10" s="433">
        <v>0</v>
      </c>
      <c r="AY10" s="434">
        <v>165992797</v>
      </c>
      <c r="AZ10" s="434">
        <v>360870607</v>
      </c>
      <c r="BA10" s="434">
        <v>218176418</v>
      </c>
      <c r="BB10" s="434">
        <v>203507886</v>
      </c>
      <c r="BC10" s="434">
        <v>185642222</v>
      </c>
      <c r="BD10" s="435">
        <v>1134189930</v>
      </c>
      <c r="BE10" s="437">
        <v>1236936841</v>
      </c>
      <c r="BF10" s="433">
        <v>2379130</v>
      </c>
      <c r="BG10" s="434">
        <v>11756299</v>
      </c>
      <c r="BH10" s="438">
        <v>14135429</v>
      </c>
      <c r="BI10" s="439">
        <v>0</v>
      </c>
      <c r="BJ10" s="434">
        <v>9264380</v>
      </c>
      <c r="BK10" s="434">
        <v>25434313</v>
      </c>
      <c r="BL10" s="434">
        <v>16781446</v>
      </c>
      <c r="BM10" s="434">
        <v>15457057</v>
      </c>
      <c r="BN10" s="434">
        <v>8684513</v>
      </c>
      <c r="BO10" s="435">
        <v>75621709</v>
      </c>
      <c r="BP10" s="437">
        <v>89757138</v>
      </c>
      <c r="BQ10" s="433">
        <v>14592336</v>
      </c>
      <c r="BR10" s="434">
        <v>20504649</v>
      </c>
      <c r="BS10" s="435">
        <v>35096985</v>
      </c>
      <c r="BT10" s="433">
        <v>0</v>
      </c>
      <c r="BU10" s="434">
        <v>93189921</v>
      </c>
      <c r="BV10" s="434">
        <v>131248501</v>
      </c>
      <c r="BW10" s="434">
        <v>109912594</v>
      </c>
      <c r="BX10" s="434">
        <v>109318633</v>
      </c>
      <c r="BY10" s="434">
        <v>85046965</v>
      </c>
      <c r="BZ10" s="435">
        <v>528716614</v>
      </c>
      <c r="CA10" s="437">
        <v>563813599</v>
      </c>
      <c r="CB10" s="433">
        <v>15907026</v>
      </c>
      <c r="CC10" s="434">
        <v>48996679</v>
      </c>
      <c r="CD10" s="435">
        <v>64903705</v>
      </c>
      <c r="CE10" s="433">
        <v>0</v>
      </c>
      <c r="CF10" s="434">
        <v>446185400</v>
      </c>
      <c r="CG10" s="434">
        <v>763924780</v>
      </c>
      <c r="CH10" s="434">
        <v>500506874</v>
      </c>
      <c r="CI10" s="434">
        <v>330598592</v>
      </c>
      <c r="CJ10" s="434">
        <v>167809599</v>
      </c>
      <c r="CK10" s="435">
        <v>2209025245</v>
      </c>
      <c r="CL10" s="437">
        <v>2273928950</v>
      </c>
      <c r="CM10" s="433">
        <v>0</v>
      </c>
      <c r="CN10" s="434">
        <v>0</v>
      </c>
      <c r="CO10" s="435">
        <v>0</v>
      </c>
      <c r="CP10" s="439">
        <v>0</v>
      </c>
      <c r="CQ10" s="434">
        <v>380743997</v>
      </c>
      <c r="CR10" s="434">
        <v>571404830</v>
      </c>
      <c r="CS10" s="434">
        <v>369385592</v>
      </c>
      <c r="CT10" s="434">
        <v>234685676</v>
      </c>
      <c r="CU10" s="434">
        <v>125719099</v>
      </c>
      <c r="CV10" s="435">
        <v>1681939194</v>
      </c>
      <c r="CW10" s="437">
        <v>1681939194</v>
      </c>
      <c r="CX10" s="433">
        <v>15907026</v>
      </c>
      <c r="CY10" s="434">
        <v>48996679</v>
      </c>
      <c r="CZ10" s="435">
        <v>64903705</v>
      </c>
      <c r="DA10" s="433">
        <v>0</v>
      </c>
      <c r="DB10" s="434">
        <v>65441403</v>
      </c>
      <c r="DC10" s="434">
        <v>192519950</v>
      </c>
      <c r="DD10" s="434">
        <v>131121282</v>
      </c>
      <c r="DE10" s="434">
        <v>95912916</v>
      </c>
      <c r="DF10" s="434">
        <v>42090500</v>
      </c>
      <c r="DG10" s="435">
        <v>527086051</v>
      </c>
      <c r="DH10" s="437">
        <v>591989756</v>
      </c>
      <c r="DI10" s="433">
        <v>395185</v>
      </c>
      <c r="DJ10" s="434">
        <v>4056583</v>
      </c>
      <c r="DK10" s="438">
        <v>4451768</v>
      </c>
      <c r="DL10" s="439">
        <v>0</v>
      </c>
      <c r="DM10" s="434">
        <v>44796575</v>
      </c>
      <c r="DN10" s="434">
        <v>122751414</v>
      </c>
      <c r="DO10" s="434">
        <v>215831587</v>
      </c>
      <c r="DP10" s="434">
        <v>190242447</v>
      </c>
      <c r="DQ10" s="434">
        <v>108429051</v>
      </c>
      <c r="DR10" s="435">
        <v>682051074</v>
      </c>
      <c r="DS10" s="437">
        <v>686502842</v>
      </c>
      <c r="DT10" s="433">
        <v>395185</v>
      </c>
      <c r="DU10" s="434">
        <v>3675707</v>
      </c>
      <c r="DV10" s="435">
        <v>4070892</v>
      </c>
      <c r="DW10" s="433">
        <v>0</v>
      </c>
      <c r="DX10" s="434">
        <v>37145671</v>
      </c>
      <c r="DY10" s="434">
        <v>101610703</v>
      </c>
      <c r="DZ10" s="434">
        <v>187046372</v>
      </c>
      <c r="EA10" s="434">
        <v>159262432</v>
      </c>
      <c r="EB10" s="434">
        <v>84944301</v>
      </c>
      <c r="EC10" s="435">
        <v>570009479</v>
      </c>
      <c r="ED10" s="437">
        <v>574080371</v>
      </c>
      <c r="EE10" s="433">
        <v>0</v>
      </c>
      <c r="EF10" s="438">
        <v>380876</v>
      </c>
      <c r="EG10" s="435">
        <v>380876</v>
      </c>
      <c r="EH10" s="433">
        <v>0</v>
      </c>
      <c r="EI10" s="434">
        <v>7650904</v>
      </c>
      <c r="EJ10" s="434">
        <v>21140711</v>
      </c>
      <c r="EK10" s="434">
        <v>28785215</v>
      </c>
      <c r="EL10" s="434">
        <v>30980015</v>
      </c>
      <c r="EM10" s="434">
        <v>23484750</v>
      </c>
      <c r="EN10" s="438">
        <v>112041595</v>
      </c>
      <c r="EO10" s="437">
        <v>112422471</v>
      </c>
      <c r="EP10" s="433">
        <v>0</v>
      </c>
      <c r="EQ10" s="434">
        <v>0</v>
      </c>
      <c r="ER10" s="438">
        <v>0</v>
      </c>
      <c r="ES10" s="439">
        <v>0</v>
      </c>
      <c r="ET10" s="434">
        <v>0</v>
      </c>
      <c r="EU10" s="434">
        <v>0</v>
      </c>
      <c r="EV10" s="434">
        <v>0</v>
      </c>
      <c r="EW10" s="434">
        <v>0</v>
      </c>
      <c r="EX10" s="434">
        <v>0</v>
      </c>
      <c r="EY10" s="435">
        <v>0</v>
      </c>
      <c r="EZ10" s="437">
        <v>0</v>
      </c>
      <c r="FA10" s="433">
        <v>0</v>
      </c>
      <c r="FB10" s="434">
        <v>0</v>
      </c>
      <c r="FC10" s="438">
        <v>0</v>
      </c>
      <c r="FD10" s="440"/>
      <c r="FE10" s="434">
        <v>0</v>
      </c>
      <c r="FF10" s="434">
        <v>0</v>
      </c>
      <c r="FG10" s="434">
        <v>0</v>
      </c>
      <c r="FH10" s="434">
        <v>0</v>
      </c>
      <c r="FI10" s="434">
        <v>0</v>
      </c>
      <c r="FJ10" s="435">
        <v>0</v>
      </c>
      <c r="FK10" s="437">
        <v>0</v>
      </c>
      <c r="FL10" s="433">
        <v>31333251</v>
      </c>
      <c r="FM10" s="434">
        <v>78398919</v>
      </c>
      <c r="FN10" s="435">
        <v>109732170</v>
      </c>
      <c r="FO10" s="433">
        <v>0</v>
      </c>
      <c r="FP10" s="434">
        <v>66210608</v>
      </c>
      <c r="FQ10" s="434">
        <v>269680999</v>
      </c>
      <c r="FR10" s="434">
        <v>176299964</v>
      </c>
      <c r="FS10" s="434">
        <v>160694933</v>
      </c>
      <c r="FT10" s="434">
        <v>123741933</v>
      </c>
      <c r="FU10" s="435">
        <v>796628437</v>
      </c>
      <c r="FV10" s="437">
        <v>906360607</v>
      </c>
      <c r="FW10" s="441">
        <v>16492029</v>
      </c>
      <c r="FX10" s="434">
        <v>56540513</v>
      </c>
      <c r="FY10" s="438">
        <v>73032542</v>
      </c>
      <c r="FZ10" s="439">
        <v>0</v>
      </c>
      <c r="GA10" s="434">
        <v>51057339</v>
      </c>
      <c r="GB10" s="434">
        <v>247411980</v>
      </c>
      <c r="GC10" s="434">
        <v>165722009</v>
      </c>
      <c r="GD10" s="434">
        <v>149399107</v>
      </c>
      <c r="GE10" s="434">
        <v>118246563</v>
      </c>
      <c r="GF10" s="435">
        <v>731836998</v>
      </c>
      <c r="GG10" s="442">
        <v>804869540</v>
      </c>
      <c r="GH10" s="441">
        <v>1996785</v>
      </c>
      <c r="GI10" s="434">
        <v>3604656</v>
      </c>
      <c r="GJ10" s="438">
        <v>5601441</v>
      </c>
      <c r="GK10" s="439">
        <v>0</v>
      </c>
      <c r="GL10" s="434">
        <v>2888880</v>
      </c>
      <c r="GM10" s="434">
        <v>6675000</v>
      </c>
      <c r="GN10" s="434">
        <v>4112559</v>
      </c>
      <c r="GO10" s="434">
        <v>4322742</v>
      </c>
      <c r="GP10" s="434">
        <v>2122526</v>
      </c>
      <c r="GQ10" s="435">
        <v>20121707</v>
      </c>
      <c r="GR10" s="437">
        <v>25723148</v>
      </c>
      <c r="GS10" s="433">
        <v>12844437</v>
      </c>
      <c r="GT10" s="434">
        <v>18253750</v>
      </c>
      <c r="GU10" s="435">
        <v>31098187</v>
      </c>
      <c r="GV10" s="433">
        <v>0</v>
      </c>
      <c r="GW10" s="434">
        <v>12264389</v>
      </c>
      <c r="GX10" s="434">
        <v>15594019</v>
      </c>
      <c r="GY10" s="434">
        <v>6465396</v>
      </c>
      <c r="GZ10" s="434">
        <v>6973084</v>
      </c>
      <c r="HA10" s="434">
        <v>3372844</v>
      </c>
      <c r="HB10" s="438">
        <v>44669732</v>
      </c>
      <c r="HC10" s="437">
        <v>75767919</v>
      </c>
      <c r="HD10" s="433">
        <v>42810980</v>
      </c>
      <c r="HE10" s="434">
        <v>54875678</v>
      </c>
      <c r="HF10" s="438">
        <v>97686658</v>
      </c>
      <c r="HG10" s="439">
        <v>0</v>
      </c>
      <c r="HH10" s="434">
        <v>409906768</v>
      </c>
      <c r="HI10" s="434">
        <v>486792494</v>
      </c>
      <c r="HJ10" s="434">
        <v>434981410</v>
      </c>
      <c r="HK10" s="434">
        <v>551688194</v>
      </c>
      <c r="HL10" s="434">
        <v>334664000</v>
      </c>
      <c r="HM10" s="435">
        <v>2218032866</v>
      </c>
      <c r="HN10" s="436">
        <v>2315719524</v>
      </c>
      <c r="HO10" s="441">
        <v>25354834</v>
      </c>
      <c r="HP10" s="434">
        <v>59275051</v>
      </c>
      <c r="HQ10" s="435">
        <v>84629885</v>
      </c>
      <c r="HR10" s="433">
        <v>0</v>
      </c>
      <c r="HS10" s="434">
        <v>282698944</v>
      </c>
      <c r="HT10" s="434">
        <v>408120063</v>
      </c>
      <c r="HU10" s="434">
        <v>246901524</v>
      </c>
      <c r="HV10" s="434">
        <v>171940886</v>
      </c>
      <c r="HW10" s="434">
        <v>105757464</v>
      </c>
      <c r="HX10" s="438">
        <v>1215418881</v>
      </c>
      <c r="HY10" s="437">
        <v>1300048766</v>
      </c>
      <c r="HZ10" s="443">
        <v>4055919</v>
      </c>
      <c r="IA10" s="444">
        <v>12385068</v>
      </c>
      <c r="IB10" s="445">
        <v>16440987</v>
      </c>
      <c r="IC10" s="446">
        <v>0</v>
      </c>
      <c r="ID10" s="447">
        <v>643827976</v>
      </c>
      <c r="IE10" s="448">
        <v>949355821</v>
      </c>
      <c r="IF10" s="449">
        <v>954576500</v>
      </c>
      <c r="IG10" s="447">
        <v>699235250</v>
      </c>
      <c r="IH10" s="449">
        <v>547437204</v>
      </c>
      <c r="II10" s="450">
        <v>3794432751</v>
      </c>
      <c r="IJ10" s="451">
        <v>3810873738</v>
      </c>
      <c r="IK10" s="452">
        <v>0</v>
      </c>
      <c r="IL10" s="453">
        <v>0</v>
      </c>
      <c r="IM10" s="454">
        <v>0</v>
      </c>
      <c r="IN10" s="455"/>
      <c r="IO10" s="456">
        <v>10639580</v>
      </c>
      <c r="IP10" s="456">
        <v>21915177</v>
      </c>
      <c r="IQ10" s="456">
        <v>32314488</v>
      </c>
      <c r="IR10" s="456">
        <v>44441366</v>
      </c>
      <c r="IS10" s="456">
        <v>49929753</v>
      </c>
      <c r="IT10" s="457">
        <v>159240364</v>
      </c>
      <c r="IU10" s="458">
        <v>159240364</v>
      </c>
      <c r="IV10" s="459">
        <v>0</v>
      </c>
      <c r="IW10" s="456">
        <v>0</v>
      </c>
      <c r="IX10" s="460">
        <v>0</v>
      </c>
      <c r="IY10" s="461"/>
      <c r="IZ10" s="456">
        <v>1920279</v>
      </c>
      <c r="JA10" s="456">
        <v>8337933</v>
      </c>
      <c r="JB10" s="456">
        <v>10037538</v>
      </c>
      <c r="JC10" s="456">
        <v>10593910</v>
      </c>
      <c r="JD10" s="456">
        <v>13344162</v>
      </c>
      <c r="JE10" s="460">
        <v>44233822</v>
      </c>
      <c r="JF10" s="462">
        <v>44233822</v>
      </c>
      <c r="JG10" s="459">
        <v>0</v>
      </c>
      <c r="JH10" s="456">
        <v>0</v>
      </c>
      <c r="JI10" s="457">
        <v>0</v>
      </c>
      <c r="JJ10" s="463">
        <v>0</v>
      </c>
      <c r="JK10" s="456">
        <v>204541162</v>
      </c>
      <c r="JL10" s="456">
        <v>314120824</v>
      </c>
      <c r="JM10" s="456">
        <v>244997062</v>
      </c>
      <c r="JN10" s="456">
        <v>153392521</v>
      </c>
      <c r="JO10" s="456">
        <v>86008735</v>
      </c>
      <c r="JP10" s="460">
        <v>1003060304</v>
      </c>
      <c r="JQ10" s="458">
        <v>1003060304</v>
      </c>
      <c r="JR10" s="459">
        <v>79815</v>
      </c>
      <c r="JS10" s="456">
        <v>93236</v>
      </c>
      <c r="JT10" s="457">
        <v>173051</v>
      </c>
      <c r="JU10" s="463">
        <v>0</v>
      </c>
      <c r="JV10" s="456">
        <v>34388956</v>
      </c>
      <c r="JW10" s="456">
        <v>54166733</v>
      </c>
      <c r="JX10" s="456">
        <v>82027397</v>
      </c>
      <c r="JY10" s="456">
        <v>48476734</v>
      </c>
      <c r="JZ10" s="456">
        <v>48174587</v>
      </c>
      <c r="KA10" s="460">
        <v>267234407</v>
      </c>
      <c r="KB10" s="458">
        <v>267407458</v>
      </c>
      <c r="KC10" s="464">
        <v>3976104</v>
      </c>
      <c r="KD10" s="465">
        <v>9013019</v>
      </c>
      <c r="KE10" s="460">
        <v>12989123</v>
      </c>
      <c r="KF10" s="463">
        <v>0</v>
      </c>
      <c r="KG10" s="456">
        <v>68471943</v>
      </c>
      <c r="KH10" s="456">
        <v>128176853</v>
      </c>
      <c r="KI10" s="456">
        <v>150076718</v>
      </c>
      <c r="KJ10" s="456">
        <v>120103967</v>
      </c>
      <c r="KK10" s="456">
        <v>77258083</v>
      </c>
      <c r="KL10" s="460">
        <v>544087564</v>
      </c>
      <c r="KM10" s="466">
        <v>557076687</v>
      </c>
      <c r="KN10" s="452">
        <v>0</v>
      </c>
      <c r="KO10" s="453">
        <v>3278813</v>
      </c>
      <c r="KP10" s="454">
        <v>3278813</v>
      </c>
      <c r="KQ10" s="455"/>
      <c r="KR10" s="456">
        <v>317664429</v>
      </c>
      <c r="KS10" s="456">
        <v>404814720</v>
      </c>
      <c r="KT10" s="456">
        <v>403965630</v>
      </c>
      <c r="KU10" s="456">
        <v>279627497</v>
      </c>
      <c r="KV10" s="456">
        <v>204963593</v>
      </c>
      <c r="KW10" s="460">
        <v>1611035869</v>
      </c>
      <c r="KX10" s="458">
        <v>1614314682</v>
      </c>
      <c r="KY10" s="459">
        <v>0</v>
      </c>
      <c r="KZ10" s="456">
        <v>0</v>
      </c>
      <c r="LA10" s="460">
        <v>0</v>
      </c>
      <c r="LB10" s="467"/>
      <c r="LC10" s="456">
        <v>215004</v>
      </c>
      <c r="LD10" s="456">
        <v>197079</v>
      </c>
      <c r="LE10" s="456">
        <v>659199</v>
      </c>
      <c r="LF10" s="456">
        <v>302897</v>
      </c>
      <c r="LG10" s="456">
        <v>1315500</v>
      </c>
      <c r="LH10" s="460">
        <v>2689679</v>
      </c>
      <c r="LI10" s="462">
        <v>2689679</v>
      </c>
      <c r="LJ10" s="459">
        <v>0</v>
      </c>
      <c r="LK10" s="456">
        <v>0</v>
      </c>
      <c r="LL10" s="460">
        <v>0</v>
      </c>
      <c r="LM10" s="467"/>
      <c r="LN10" s="456">
        <v>1498656</v>
      </c>
      <c r="LO10" s="456">
        <v>2300440</v>
      </c>
      <c r="LP10" s="456">
        <v>10699835</v>
      </c>
      <c r="LQ10" s="456">
        <v>11478717</v>
      </c>
      <c r="LR10" s="456">
        <v>7735242</v>
      </c>
      <c r="LS10" s="460">
        <v>33712890</v>
      </c>
      <c r="LT10" s="458">
        <v>33712890</v>
      </c>
      <c r="LU10" s="459">
        <v>0</v>
      </c>
      <c r="LV10" s="456">
        <v>0</v>
      </c>
      <c r="LW10" s="460">
        <v>0</v>
      </c>
      <c r="LX10" s="467"/>
      <c r="LY10" s="456">
        <v>4487967</v>
      </c>
      <c r="LZ10" s="456">
        <v>15326062</v>
      </c>
      <c r="MA10" s="456">
        <v>19798633</v>
      </c>
      <c r="MB10" s="456">
        <v>30817641</v>
      </c>
      <c r="MC10" s="456">
        <v>58707549</v>
      </c>
      <c r="MD10" s="460">
        <v>129137852</v>
      </c>
      <c r="ME10" s="462">
        <v>129137852</v>
      </c>
      <c r="MF10" s="459">
        <v>0</v>
      </c>
      <c r="MG10" s="456">
        <v>10506</v>
      </c>
      <c r="MH10" s="460">
        <v>10506</v>
      </c>
      <c r="MI10" s="467"/>
      <c r="MJ10" s="456">
        <v>223513416</v>
      </c>
      <c r="MK10" s="456">
        <v>671674968</v>
      </c>
      <c r="ML10" s="456">
        <v>1771128050</v>
      </c>
      <c r="MM10" s="456">
        <v>2588621069</v>
      </c>
      <c r="MN10" s="456">
        <v>1912567807</v>
      </c>
      <c r="MO10" s="460">
        <v>7167505310</v>
      </c>
      <c r="MP10" s="466">
        <v>7167515816</v>
      </c>
      <c r="MQ10" s="459">
        <v>0</v>
      </c>
      <c r="MR10" s="456">
        <v>0</v>
      </c>
      <c r="MS10" s="460">
        <v>0</v>
      </c>
      <c r="MT10" s="467"/>
      <c r="MU10" s="456">
        <v>52791279</v>
      </c>
      <c r="MV10" s="456">
        <v>220570134</v>
      </c>
      <c r="MW10" s="456">
        <v>1116744131</v>
      </c>
      <c r="MX10" s="456">
        <v>1720649140</v>
      </c>
      <c r="MY10" s="456">
        <v>1352180819</v>
      </c>
      <c r="MZ10" s="460">
        <v>4462935503</v>
      </c>
      <c r="NA10" s="466">
        <v>4462935503</v>
      </c>
      <c r="NB10" s="459">
        <v>0</v>
      </c>
      <c r="NC10" s="456">
        <v>10506</v>
      </c>
      <c r="ND10" s="460">
        <v>10506</v>
      </c>
      <c r="NE10" s="467"/>
      <c r="NF10" s="456">
        <v>170498397</v>
      </c>
      <c r="NG10" s="456">
        <v>450093943</v>
      </c>
      <c r="NH10" s="456">
        <v>650405179</v>
      </c>
      <c r="NI10" s="456">
        <v>814555701</v>
      </c>
      <c r="NJ10" s="456">
        <v>487483404</v>
      </c>
      <c r="NK10" s="460">
        <v>2573036624</v>
      </c>
      <c r="NL10" s="458">
        <v>2573047130</v>
      </c>
      <c r="NM10" s="459">
        <v>0</v>
      </c>
      <c r="NN10" s="456">
        <v>0</v>
      </c>
      <c r="NO10" s="460">
        <v>0</v>
      </c>
      <c r="NP10" s="467"/>
      <c r="NQ10" s="456">
        <v>0</v>
      </c>
      <c r="NR10" s="456">
        <v>0</v>
      </c>
      <c r="NS10" s="456">
        <v>744594</v>
      </c>
      <c r="NT10" s="456">
        <v>21366442</v>
      </c>
      <c r="NU10" s="456">
        <v>31872632</v>
      </c>
      <c r="NV10" s="460">
        <v>53983668</v>
      </c>
      <c r="NW10" s="462">
        <v>53983668</v>
      </c>
      <c r="NX10" s="459">
        <v>0</v>
      </c>
      <c r="NY10" s="456">
        <v>0</v>
      </c>
      <c r="NZ10" s="460">
        <v>0</v>
      </c>
      <c r="OA10" s="467"/>
      <c r="OB10" s="456">
        <v>223740</v>
      </c>
      <c r="OC10" s="456">
        <v>1010891</v>
      </c>
      <c r="OD10" s="456">
        <v>3234146</v>
      </c>
      <c r="OE10" s="456">
        <v>32049786</v>
      </c>
      <c r="OF10" s="456">
        <v>41030952</v>
      </c>
      <c r="OG10" s="460">
        <v>77549515</v>
      </c>
      <c r="OH10" s="462">
        <v>77549515</v>
      </c>
      <c r="OI10" s="459">
        <v>158538844</v>
      </c>
      <c r="OJ10" s="456">
        <v>371680601</v>
      </c>
      <c r="OK10" s="457">
        <v>530219445</v>
      </c>
      <c r="OL10" s="463">
        <v>0</v>
      </c>
      <c r="OM10" s="456">
        <v>2629078446</v>
      </c>
      <c r="ON10" s="456">
        <v>4688420098</v>
      </c>
      <c r="OO10" s="456">
        <v>5079570373</v>
      </c>
      <c r="OP10" s="456">
        <v>5519193842</v>
      </c>
      <c r="OQ10" s="456">
        <v>4157669991</v>
      </c>
      <c r="OR10" s="460">
        <v>22073932750</v>
      </c>
      <c r="OS10" s="466">
        <v>22604152195</v>
      </c>
    </row>
    <row r="11" spans="1:409" ht="18.75" customHeight="1" x14ac:dyDescent="0.2">
      <c r="B11" s="62" t="s">
        <v>6</v>
      </c>
      <c r="C11" s="110">
        <v>50589530</v>
      </c>
      <c r="D11" s="114">
        <v>91908247</v>
      </c>
      <c r="E11" s="113">
        <v>142497777</v>
      </c>
      <c r="F11" s="109">
        <v>0</v>
      </c>
      <c r="G11" s="114">
        <v>841065581</v>
      </c>
      <c r="H11" s="114">
        <v>873013187</v>
      </c>
      <c r="I11" s="114">
        <v>809312705</v>
      </c>
      <c r="J11" s="114">
        <v>844970254</v>
      </c>
      <c r="K11" s="114">
        <v>653611344</v>
      </c>
      <c r="L11" s="109">
        <v>4021973071</v>
      </c>
      <c r="M11" s="116">
        <v>4164470848</v>
      </c>
      <c r="N11" s="110">
        <v>13525126</v>
      </c>
      <c r="O11" s="114">
        <v>27740568</v>
      </c>
      <c r="P11" s="113">
        <v>41265694</v>
      </c>
      <c r="Q11" s="110">
        <v>0</v>
      </c>
      <c r="R11" s="114">
        <v>260557584</v>
      </c>
      <c r="S11" s="114">
        <v>303714668</v>
      </c>
      <c r="T11" s="114">
        <v>288471520</v>
      </c>
      <c r="U11" s="114">
        <v>333633937</v>
      </c>
      <c r="V11" s="114">
        <v>342811988</v>
      </c>
      <c r="W11" s="113">
        <v>1529189697</v>
      </c>
      <c r="X11" s="116">
        <v>1570455391</v>
      </c>
      <c r="Y11" s="110">
        <v>0</v>
      </c>
      <c r="Z11" s="114">
        <v>0</v>
      </c>
      <c r="AA11" s="113">
        <v>0</v>
      </c>
      <c r="AB11" s="110">
        <v>0</v>
      </c>
      <c r="AC11" s="114">
        <v>127703423</v>
      </c>
      <c r="AD11" s="114">
        <v>160714432</v>
      </c>
      <c r="AE11" s="114">
        <v>172001382</v>
      </c>
      <c r="AF11" s="114">
        <v>201087897</v>
      </c>
      <c r="AG11" s="114">
        <v>210702790</v>
      </c>
      <c r="AH11" s="113">
        <v>872209924</v>
      </c>
      <c r="AI11" s="116">
        <v>872209924</v>
      </c>
      <c r="AJ11" s="110">
        <v>11298</v>
      </c>
      <c r="AK11" s="114">
        <v>230760</v>
      </c>
      <c r="AL11" s="113">
        <v>242058</v>
      </c>
      <c r="AM11" s="110">
        <v>0</v>
      </c>
      <c r="AN11" s="114">
        <v>842313</v>
      </c>
      <c r="AO11" s="114">
        <v>2756540</v>
      </c>
      <c r="AP11" s="114">
        <v>5781839</v>
      </c>
      <c r="AQ11" s="114">
        <v>17317146</v>
      </c>
      <c r="AR11" s="114">
        <v>33015987</v>
      </c>
      <c r="AS11" s="113">
        <v>59713825</v>
      </c>
      <c r="AT11" s="116">
        <v>59955883</v>
      </c>
      <c r="AU11" s="110">
        <v>7304860</v>
      </c>
      <c r="AV11" s="114">
        <v>19696050</v>
      </c>
      <c r="AW11" s="113">
        <v>27000910</v>
      </c>
      <c r="AX11" s="110">
        <v>0</v>
      </c>
      <c r="AY11" s="114">
        <v>81265542</v>
      </c>
      <c r="AZ11" s="114">
        <v>86093381</v>
      </c>
      <c r="BA11" s="114">
        <v>60992352</v>
      </c>
      <c r="BB11" s="114">
        <v>65008448</v>
      </c>
      <c r="BC11" s="114">
        <v>59780476</v>
      </c>
      <c r="BD11" s="113">
        <v>353140199</v>
      </c>
      <c r="BE11" s="116">
        <v>380141109</v>
      </c>
      <c r="BF11" s="110">
        <v>495885</v>
      </c>
      <c r="BG11" s="114">
        <v>1721206</v>
      </c>
      <c r="BH11" s="112">
        <v>2217091</v>
      </c>
      <c r="BI11" s="111">
        <v>0</v>
      </c>
      <c r="BJ11" s="114">
        <v>6516162</v>
      </c>
      <c r="BK11" s="114">
        <v>7577600</v>
      </c>
      <c r="BL11" s="114">
        <v>4849362</v>
      </c>
      <c r="BM11" s="114">
        <v>4810635</v>
      </c>
      <c r="BN11" s="114">
        <v>2603409</v>
      </c>
      <c r="BO11" s="113">
        <v>26357168</v>
      </c>
      <c r="BP11" s="116">
        <v>28574259</v>
      </c>
      <c r="BQ11" s="110">
        <v>5713083</v>
      </c>
      <c r="BR11" s="114">
        <v>6092552</v>
      </c>
      <c r="BS11" s="113">
        <v>11805635</v>
      </c>
      <c r="BT11" s="110">
        <v>0</v>
      </c>
      <c r="BU11" s="114">
        <v>44230144</v>
      </c>
      <c r="BV11" s="114">
        <v>46572715</v>
      </c>
      <c r="BW11" s="114">
        <v>44846585</v>
      </c>
      <c r="BX11" s="114">
        <v>45409811</v>
      </c>
      <c r="BY11" s="114">
        <v>36709326</v>
      </c>
      <c r="BZ11" s="113">
        <v>217768581</v>
      </c>
      <c r="CA11" s="116">
        <v>229574216</v>
      </c>
      <c r="CB11" s="110">
        <v>2456804</v>
      </c>
      <c r="CC11" s="114">
        <v>8489819</v>
      </c>
      <c r="CD11" s="113">
        <v>10946623</v>
      </c>
      <c r="CE11" s="110">
        <v>0</v>
      </c>
      <c r="CF11" s="114">
        <v>231047663</v>
      </c>
      <c r="CG11" s="114">
        <v>227953783</v>
      </c>
      <c r="CH11" s="114">
        <v>181447037</v>
      </c>
      <c r="CI11" s="114">
        <v>142418665</v>
      </c>
      <c r="CJ11" s="114">
        <v>68424429</v>
      </c>
      <c r="CK11" s="113">
        <v>851291577</v>
      </c>
      <c r="CL11" s="116">
        <v>862238200</v>
      </c>
      <c r="CM11" s="110">
        <v>0</v>
      </c>
      <c r="CN11" s="114">
        <v>0</v>
      </c>
      <c r="CO11" s="113">
        <v>0</v>
      </c>
      <c r="CP11" s="111">
        <v>0</v>
      </c>
      <c r="CQ11" s="114">
        <v>200115371</v>
      </c>
      <c r="CR11" s="114">
        <v>183390971</v>
      </c>
      <c r="CS11" s="114">
        <v>143150034</v>
      </c>
      <c r="CT11" s="114">
        <v>110121889</v>
      </c>
      <c r="CU11" s="114">
        <v>56418456</v>
      </c>
      <c r="CV11" s="113">
        <v>693196721</v>
      </c>
      <c r="CW11" s="116">
        <v>693196721</v>
      </c>
      <c r="CX11" s="110">
        <v>2456804</v>
      </c>
      <c r="CY11" s="114">
        <v>8489819</v>
      </c>
      <c r="CZ11" s="113">
        <v>10946623</v>
      </c>
      <c r="DA11" s="110">
        <v>0</v>
      </c>
      <c r="DB11" s="114">
        <v>30932292</v>
      </c>
      <c r="DC11" s="114">
        <v>44562812</v>
      </c>
      <c r="DD11" s="114">
        <v>38297003</v>
      </c>
      <c r="DE11" s="114">
        <v>32296776</v>
      </c>
      <c r="DF11" s="114">
        <v>12005973</v>
      </c>
      <c r="DG11" s="113">
        <v>158094856</v>
      </c>
      <c r="DH11" s="116">
        <v>169041479</v>
      </c>
      <c r="DI11" s="110">
        <v>156365</v>
      </c>
      <c r="DJ11" s="114">
        <v>960182</v>
      </c>
      <c r="DK11" s="112">
        <v>1116547</v>
      </c>
      <c r="DL11" s="111">
        <v>0</v>
      </c>
      <c r="DM11" s="114">
        <v>17047757</v>
      </c>
      <c r="DN11" s="114">
        <v>28763847</v>
      </c>
      <c r="DO11" s="114">
        <v>51585158</v>
      </c>
      <c r="DP11" s="114">
        <v>57161973</v>
      </c>
      <c r="DQ11" s="114">
        <v>30662667</v>
      </c>
      <c r="DR11" s="113">
        <v>185221402</v>
      </c>
      <c r="DS11" s="116">
        <v>186337949</v>
      </c>
      <c r="DT11" s="110">
        <v>156365</v>
      </c>
      <c r="DU11" s="114">
        <v>960182</v>
      </c>
      <c r="DV11" s="113">
        <v>1116547</v>
      </c>
      <c r="DW11" s="110">
        <v>0</v>
      </c>
      <c r="DX11" s="114">
        <v>15914740</v>
      </c>
      <c r="DY11" s="114">
        <v>25607060</v>
      </c>
      <c r="DZ11" s="114">
        <v>45600527</v>
      </c>
      <c r="EA11" s="114">
        <v>49927197</v>
      </c>
      <c r="EB11" s="114">
        <v>26097410</v>
      </c>
      <c r="EC11" s="113">
        <v>163146934</v>
      </c>
      <c r="ED11" s="116">
        <v>164263481</v>
      </c>
      <c r="EE11" s="110">
        <v>0</v>
      </c>
      <c r="EF11" s="112">
        <v>0</v>
      </c>
      <c r="EG11" s="113">
        <v>0</v>
      </c>
      <c r="EH11" s="110">
        <v>0</v>
      </c>
      <c r="EI11" s="114">
        <v>1133017</v>
      </c>
      <c r="EJ11" s="114">
        <v>3156787</v>
      </c>
      <c r="EK11" s="114">
        <v>5984631</v>
      </c>
      <c r="EL11" s="114">
        <v>7234776</v>
      </c>
      <c r="EM11" s="114">
        <v>4565257</v>
      </c>
      <c r="EN11" s="112">
        <v>22074468</v>
      </c>
      <c r="EO11" s="116">
        <v>22074468</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8"/>
      <c r="FE11" s="114">
        <v>0</v>
      </c>
      <c r="FF11" s="114">
        <v>0</v>
      </c>
      <c r="FG11" s="114">
        <v>0</v>
      </c>
      <c r="FH11" s="114">
        <v>0</v>
      </c>
      <c r="FI11" s="114">
        <v>0</v>
      </c>
      <c r="FJ11" s="113">
        <v>0</v>
      </c>
      <c r="FK11" s="116">
        <v>0</v>
      </c>
      <c r="FL11" s="110">
        <v>10827006</v>
      </c>
      <c r="FM11" s="114">
        <v>20702341</v>
      </c>
      <c r="FN11" s="113">
        <v>31529347</v>
      </c>
      <c r="FO11" s="110">
        <v>0</v>
      </c>
      <c r="FP11" s="114">
        <v>45429670</v>
      </c>
      <c r="FQ11" s="114">
        <v>79445171</v>
      </c>
      <c r="FR11" s="114">
        <v>64999709</v>
      </c>
      <c r="FS11" s="114">
        <v>68587524</v>
      </c>
      <c r="FT11" s="114">
        <v>47135487</v>
      </c>
      <c r="FU11" s="113">
        <v>305597561</v>
      </c>
      <c r="FV11" s="116">
        <v>337126908</v>
      </c>
      <c r="FW11" s="115">
        <v>7290618</v>
      </c>
      <c r="FX11" s="114">
        <v>16936752</v>
      </c>
      <c r="FY11" s="112">
        <v>24227370</v>
      </c>
      <c r="FZ11" s="111">
        <v>0</v>
      </c>
      <c r="GA11" s="114">
        <v>37516276</v>
      </c>
      <c r="GB11" s="114">
        <v>73135270</v>
      </c>
      <c r="GC11" s="114">
        <v>60050124</v>
      </c>
      <c r="GD11" s="114">
        <v>63441582</v>
      </c>
      <c r="GE11" s="114">
        <v>45150762</v>
      </c>
      <c r="GF11" s="113">
        <v>279294014</v>
      </c>
      <c r="GG11" s="319">
        <v>303521384</v>
      </c>
      <c r="GH11" s="115">
        <v>866625</v>
      </c>
      <c r="GI11" s="114">
        <v>1348700</v>
      </c>
      <c r="GJ11" s="112">
        <v>2215325</v>
      </c>
      <c r="GK11" s="111">
        <v>0</v>
      </c>
      <c r="GL11" s="114">
        <v>2286651</v>
      </c>
      <c r="GM11" s="114">
        <v>2241346</v>
      </c>
      <c r="GN11" s="114">
        <v>1798088</v>
      </c>
      <c r="GO11" s="114">
        <v>2120209</v>
      </c>
      <c r="GP11" s="114">
        <v>741928</v>
      </c>
      <c r="GQ11" s="113">
        <v>9188222</v>
      </c>
      <c r="GR11" s="116">
        <v>11403547</v>
      </c>
      <c r="GS11" s="110">
        <v>2669763</v>
      </c>
      <c r="GT11" s="114">
        <v>2416889</v>
      </c>
      <c r="GU11" s="113">
        <v>5086652</v>
      </c>
      <c r="GV11" s="110">
        <v>0</v>
      </c>
      <c r="GW11" s="114">
        <v>5626743</v>
      </c>
      <c r="GX11" s="114">
        <v>4068555</v>
      </c>
      <c r="GY11" s="114">
        <v>3151497</v>
      </c>
      <c r="GZ11" s="114">
        <v>3025733</v>
      </c>
      <c r="HA11" s="114">
        <v>1242797</v>
      </c>
      <c r="HB11" s="112">
        <v>17115325</v>
      </c>
      <c r="HC11" s="116">
        <v>22201977</v>
      </c>
      <c r="HD11" s="110">
        <v>14024439</v>
      </c>
      <c r="HE11" s="114">
        <v>17721823</v>
      </c>
      <c r="HF11" s="112">
        <v>31746262</v>
      </c>
      <c r="HG11" s="111">
        <v>0</v>
      </c>
      <c r="HH11" s="114">
        <v>148680655</v>
      </c>
      <c r="HI11" s="114">
        <v>126786270</v>
      </c>
      <c r="HJ11" s="114">
        <v>142664381</v>
      </c>
      <c r="HK11" s="114">
        <v>179404113</v>
      </c>
      <c r="HL11" s="114">
        <v>125901423</v>
      </c>
      <c r="HM11" s="113">
        <v>723436842</v>
      </c>
      <c r="HN11" s="109">
        <v>755183104</v>
      </c>
      <c r="HO11" s="115">
        <v>9599790</v>
      </c>
      <c r="HP11" s="114">
        <v>16293514</v>
      </c>
      <c r="HQ11" s="113">
        <v>25893304</v>
      </c>
      <c r="HR11" s="110">
        <v>0</v>
      </c>
      <c r="HS11" s="114">
        <v>138302252</v>
      </c>
      <c r="HT11" s="114">
        <v>106349448</v>
      </c>
      <c r="HU11" s="114">
        <v>80144900</v>
      </c>
      <c r="HV11" s="114">
        <v>63764042</v>
      </c>
      <c r="HW11" s="114">
        <v>38675350</v>
      </c>
      <c r="HX11" s="112">
        <v>427235992</v>
      </c>
      <c r="HY11" s="116">
        <v>453129296</v>
      </c>
      <c r="HZ11" s="131">
        <v>936885</v>
      </c>
      <c r="IA11" s="132">
        <v>4371386</v>
      </c>
      <c r="IB11" s="133">
        <v>5308271</v>
      </c>
      <c r="IC11" s="146">
        <v>0</v>
      </c>
      <c r="ID11" s="132">
        <v>276148013</v>
      </c>
      <c r="IE11" s="147">
        <v>323755650</v>
      </c>
      <c r="IF11" s="133">
        <v>355241218</v>
      </c>
      <c r="IG11" s="132">
        <v>302608030</v>
      </c>
      <c r="IH11" s="133">
        <v>212968712</v>
      </c>
      <c r="II11" s="148">
        <v>1470721623</v>
      </c>
      <c r="IJ11" s="139">
        <v>1476029894</v>
      </c>
      <c r="IK11" s="232">
        <v>0</v>
      </c>
      <c r="IL11" s="236">
        <v>0</v>
      </c>
      <c r="IM11" s="237">
        <v>0</v>
      </c>
      <c r="IN11" s="140"/>
      <c r="IO11" s="119">
        <v>6633980</v>
      </c>
      <c r="IP11" s="119">
        <v>10089744</v>
      </c>
      <c r="IQ11" s="119">
        <v>12679768</v>
      </c>
      <c r="IR11" s="119">
        <v>25428156</v>
      </c>
      <c r="IS11" s="119">
        <v>28098756</v>
      </c>
      <c r="IT11" s="141">
        <v>82930404</v>
      </c>
      <c r="IU11" s="321">
        <v>82930404</v>
      </c>
      <c r="IV11" s="142">
        <v>0</v>
      </c>
      <c r="IW11" s="119">
        <v>0</v>
      </c>
      <c r="IX11" s="120">
        <v>0</v>
      </c>
      <c r="IY11" s="144"/>
      <c r="IZ11" s="119">
        <v>1286225</v>
      </c>
      <c r="JA11" s="119">
        <v>1922265</v>
      </c>
      <c r="JB11" s="119">
        <v>2352694</v>
      </c>
      <c r="JC11" s="119">
        <v>3314085</v>
      </c>
      <c r="JD11" s="119">
        <v>3848119</v>
      </c>
      <c r="JE11" s="120">
        <v>12723388</v>
      </c>
      <c r="JF11" s="121">
        <v>12723388</v>
      </c>
      <c r="JG11" s="142">
        <v>0</v>
      </c>
      <c r="JH11" s="119">
        <v>0</v>
      </c>
      <c r="JI11" s="141">
        <v>0</v>
      </c>
      <c r="JJ11" s="118">
        <v>0</v>
      </c>
      <c r="JK11" s="119">
        <v>88772556</v>
      </c>
      <c r="JL11" s="119">
        <v>80115817</v>
      </c>
      <c r="JM11" s="119">
        <v>65550835</v>
      </c>
      <c r="JN11" s="119">
        <v>44161311</v>
      </c>
      <c r="JO11" s="119">
        <v>25481642</v>
      </c>
      <c r="JP11" s="120">
        <v>304082161</v>
      </c>
      <c r="JQ11" s="321">
        <v>304082161</v>
      </c>
      <c r="JR11" s="142">
        <v>84757</v>
      </c>
      <c r="JS11" s="119">
        <v>33321</v>
      </c>
      <c r="JT11" s="141">
        <v>118078</v>
      </c>
      <c r="JU11" s="118">
        <v>0</v>
      </c>
      <c r="JV11" s="119">
        <v>16898600</v>
      </c>
      <c r="JW11" s="119">
        <v>22359790</v>
      </c>
      <c r="JX11" s="119">
        <v>30443626</v>
      </c>
      <c r="JY11" s="119">
        <v>21161478</v>
      </c>
      <c r="JZ11" s="119">
        <v>13334539</v>
      </c>
      <c r="KA11" s="120">
        <v>104198033</v>
      </c>
      <c r="KB11" s="321">
        <v>104316111</v>
      </c>
      <c r="KC11" s="234">
        <v>852128</v>
      </c>
      <c r="KD11" s="230">
        <v>2553865</v>
      </c>
      <c r="KE11" s="120">
        <v>3405993</v>
      </c>
      <c r="KF11" s="118">
        <v>0</v>
      </c>
      <c r="KG11" s="119">
        <v>29264822</v>
      </c>
      <c r="KH11" s="119">
        <v>45221196</v>
      </c>
      <c r="KI11" s="119">
        <v>48241730</v>
      </c>
      <c r="KJ11" s="119">
        <v>38464800</v>
      </c>
      <c r="KK11" s="119">
        <v>19756036</v>
      </c>
      <c r="KL11" s="120">
        <v>180948584</v>
      </c>
      <c r="KM11" s="143">
        <v>184354577</v>
      </c>
      <c r="KN11" s="232">
        <v>0</v>
      </c>
      <c r="KO11" s="236">
        <v>1784200</v>
      </c>
      <c r="KP11" s="237">
        <v>1784200</v>
      </c>
      <c r="KQ11" s="140"/>
      <c r="KR11" s="119">
        <v>123543374</v>
      </c>
      <c r="KS11" s="119">
        <v>145378468</v>
      </c>
      <c r="KT11" s="119">
        <v>156689363</v>
      </c>
      <c r="KU11" s="119">
        <v>107017445</v>
      </c>
      <c r="KV11" s="119">
        <v>69690931</v>
      </c>
      <c r="KW11" s="120">
        <v>602319581</v>
      </c>
      <c r="KX11" s="321">
        <v>604103781</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917565</v>
      </c>
      <c r="LO11" s="119">
        <v>1780322</v>
      </c>
      <c r="LP11" s="119">
        <v>19639970</v>
      </c>
      <c r="LQ11" s="119">
        <v>29457984</v>
      </c>
      <c r="LR11" s="119">
        <v>21791503</v>
      </c>
      <c r="LS11" s="120">
        <v>73587344</v>
      </c>
      <c r="LT11" s="321">
        <v>73587344</v>
      </c>
      <c r="LU11" s="142">
        <v>0</v>
      </c>
      <c r="LV11" s="119">
        <v>0</v>
      </c>
      <c r="LW11" s="120">
        <v>0</v>
      </c>
      <c r="LX11" s="145"/>
      <c r="LY11" s="119">
        <v>8830891</v>
      </c>
      <c r="LZ11" s="119">
        <v>16888048</v>
      </c>
      <c r="MA11" s="119">
        <v>19643232</v>
      </c>
      <c r="MB11" s="119">
        <v>33602771</v>
      </c>
      <c r="MC11" s="119">
        <v>30967186</v>
      </c>
      <c r="MD11" s="120">
        <v>109932128</v>
      </c>
      <c r="ME11" s="121">
        <v>109932128</v>
      </c>
      <c r="MF11" s="142">
        <v>0</v>
      </c>
      <c r="MG11" s="119">
        <v>0</v>
      </c>
      <c r="MH11" s="120">
        <v>0</v>
      </c>
      <c r="MI11" s="145"/>
      <c r="MJ11" s="119">
        <v>74461168</v>
      </c>
      <c r="MK11" s="119">
        <v>138837177</v>
      </c>
      <c r="ML11" s="119">
        <v>483025204</v>
      </c>
      <c r="MM11" s="119">
        <v>750719015</v>
      </c>
      <c r="MN11" s="119">
        <v>548152706</v>
      </c>
      <c r="MO11" s="120">
        <v>1995195270</v>
      </c>
      <c r="MP11" s="143">
        <v>1995195270</v>
      </c>
      <c r="MQ11" s="142">
        <v>0</v>
      </c>
      <c r="MR11" s="119">
        <v>0</v>
      </c>
      <c r="MS11" s="120">
        <v>0</v>
      </c>
      <c r="MT11" s="145"/>
      <c r="MU11" s="119">
        <v>16971577</v>
      </c>
      <c r="MV11" s="119">
        <v>43040292</v>
      </c>
      <c r="MW11" s="119">
        <v>329202582</v>
      </c>
      <c r="MX11" s="119">
        <v>498316660</v>
      </c>
      <c r="MY11" s="119">
        <v>386226095</v>
      </c>
      <c r="MZ11" s="120">
        <v>1273757206</v>
      </c>
      <c r="NA11" s="143">
        <v>1273757206</v>
      </c>
      <c r="NB11" s="142">
        <v>0</v>
      </c>
      <c r="NC11" s="119">
        <v>0</v>
      </c>
      <c r="ND11" s="120">
        <v>0</v>
      </c>
      <c r="NE11" s="145"/>
      <c r="NF11" s="119">
        <v>57489591</v>
      </c>
      <c r="NG11" s="119">
        <v>95538045</v>
      </c>
      <c r="NH11" s="119">
        <v>149149083</v>
      </c>
      <c r="NI11" s="119">
        <v>217328964</v>
      </c>
      <c r="NJ11" s="119">
        <v>104592254</v>
      </c>
      <c r="NK11" s="120">
        <v>624097937</v>
      </c>
      <c r="NL11" s="321">
        <v>624097937</v>
      </c>
      <c r="NM11" s="142">
        <v>0</v>
      </c>
      <c r="NN11" s="119">
        <v>0</v>
      </c>
      <c r="NO11" s="120">
        <v>0</v>
      </c>
      <c r="NP11" s="145"/>
      <c r="NQ11" s="119">
        <v>0</v>
      </c>
      <c r="NR11" s="119">
        <v>0</v>
      </c>
      <c r="NS11" s="119">
        <v>3123006</v>
      </c>
      <c r="NT11" s="119">
        <v>21347597</v>
      </c>
      <c r="NU11" s="119">
        <v>32583917</v>
      </c>
      <c r="NV11" s="120">
        <v>57054520</v>
      </c>
      <c r="NW11" s="121">
        <v>57054520</v>
      </c>
      <c r="NX11" s="142">
        <v>0</v>
      </c>
      <c r="NY11" s="119">
        <v>0</v>
      </c>
      <c r="NZ11" s="120">
        <v>0</v>
      </c>
      <c r="OA11" s="145"/>
      <c r="OB11" s="119">
        <v>0</v>
      </c>
      <c r="OC11" s="119">
        <v>258840</v>
      </c>
      <c r="OD11" s="119">
        <v>1550533</v>
      </c>
      <c r="OE11" s="119">
        <v>13725794</v>
      </c>
      <c r="OF11" s="119">
        <v>24750440</v>
      </c>
      <c r="OG11" s="120">
        <v>40285607</v>
      </c>
      <c r="OH11" s="121">
        <v>40285607</v>
      </c>
      <c r="OI11" s="142">
        <v>51526415</v>
      </c>
      <c r="OJ11" s="119">
        <v>96279633</v>
      </c>
      <c r="OK11" s="141">
        <v>147806048</v>
      </c>
      <c r="OL11" s="118">
        <v>0</v>
      </c>
      <c r="OM11" s="119">
        <v>1191674762</v>
      </c>
      <c r="ON11" s="119">
        <v>1335606014</v>
      </c>
      <c r="OO11" s="119">
        <v>1647579127</v>
      </c>
      <c r="OP11" s="119">
        <v>1898297299</v>
      </c>
      <c r="OQ11" s="119">
        <v>1414732762</v>
      </c>
      <c r="OR11" s="120">
        <v>7487889964</v>
      </c>
      <c r="OS11" s="143">
        <v>7635696012</v>
      </c>
    </row>
    <row r="12" spans="1:409" ht="18.75" customHeight="1" x14ac:dyDescent="0.2">
      <c r="B12" s="62" t="s">
        <v>14</v>
      </c>
      <c r="C12" s="110">
        <v>27991078</v>
      </c>
      <c r="D12" s="114">
        <v>68608892</v>
      </c>
      <c r="E12" s="113">
        <v>96599970</v>
      </c>
      <c r="F12" s="109">
        <v>0</v>
      </c>
      <c r="G12" s="114">
        <v>319016580</v>
      </c>
      <c r="H12" s="114">
        <v>494477303</v>
      </c>
      <c r="I12" s="114">
        <v>454018629</v>
      </c>
      <c r="J12" s="114">
        <v>395216123</v>
      </c>
      <c r="K12" s="114">
        <v>296059567</v>
      </c>
      <c r="L12" s="112">
        <v>1958788202</v>
      </c>
      <c r="M12" s="116">
        <v>2055388172</v>
      </c>
      <c r="N12" s="110">
        <v>5224869</v>
      </c>
      <c r="O12" s="114">
        <v>15953119</v>
      </c>
      <c r="P12" s="113">
        <v>21177988</v>
      </c>
      <c r="Q12" s="110">
        <v>0</v>
      </c>
      <c r="R12" s="114">
        <v>89770638</v>
      </c>
      <c r="S12" s="114">
        <v>150364385</v>
      </c>
      <c r="T12" s="114">
        <v>143294749</v>
      </c>
      <c r="U12" s="114">
        <v>143547759</v>
      </c>
      <c r="V12" s="114">
        <v>143941116</v>
      </c>
      <c r="W12" s="113">
        <v>670918647</v>
      </c>
      <c r="X12" s="116">
        <v>692096635</v>
      </c>
      <c r="Y12" s="110">
        <v>0</v>
      </c>
      <c r="Z12" s="114">
        <v>0</v>
      </c>
      <c r="AA12" s="113">
        <v>0</v>
      </c>
      <c r="AB12" s="110">
        <v>0</v>
      </c>
      <c r="AC12" s="114">
        <v>47079821</v>
      </c>
      <c r="AD12" s="114">
        <v>81454638</v>
      </c>
      <c r="AE12" s="114">
        <v>83527685</v>
      </c>
      <c r="AF12" s="114">
        <v>85020474</v>
      </c>
      <c r="AG12" s="114">
        <v>82350190</v>
      </c>
      <c r="AH12" s="113">
        <v>379432808</v>
      </c>
      <c r="AI12" s="116">
        <v>379432808</v>
      </c>
      <c r="AJ12" s="110">
        <v>35676</v>
      </c>
      <c r="AK12" s="114">
        <v>71850</v>
      </c>
      <c r="AL12" s="113">
        <v>107526</v>
      </c>
      <c r="AM12" s="110">
        <v>0</v>
      </c>
      <c r="AN12" s="114">
        <v>320811</v>
      </c>
      <c r="AO12" s="114">
        <v>1143747</v>
      </c>
      <c r="AP12" s="114">
        <v>3895663</v>
      </c>
      <c r="AQ12" s="114">
        <v>7294428</v>
      </c>
      <c r="AR12" s="114">
        <v>16400238</v>
      </c>
      <c r="AS12" s="113">
        <v>29054887</v>
      </c>
      <c r="AT12" s="116">
        <v>29162413</v>
      </c>
      <c r="AU12" s="110">
        <v>2644263</v>
      </c>
      <c r="AV12" s="114">
        <v>11544555</v>
      </c>
      <c r="AW12" s="113">
        <v>14188818</v>
      </c>
      <c r="AX12" s="110">
        <v>0</v>
      </c>
      <c r="AY12" s="114">
        <v>24432874</v>
      </c>
      <c r="AZ12" s="114">
        <v>42565315</v>
      </c>
      <c r="BA12" s="114">
        <v>31077865</v>
      </c>
      <c r="BB12" s="114">
        <v>29513702</v>
      </c>
      <c r="BC12" s="114">
        <v>29099874</v>
      </c>
      <c r="BD12" s="113">
        <v>156689630</v>
      </c>
      <c r="BE12" s="116">
        <v>170878448</v>
      </c>
      <c r="BF12" s="110">
        <v>162469</v>
      </c>
      <c r="BG12" s="114">
        <v>1095299</v>
      </c>
      <c r="BH12" s="112">
        <v>1257768</v>
      </c>
      <c r="BI12" s="111">
        <v>0</v>
      </c>
      <c r="BJ12" s="114">
        <v>774438</v>
      </c>
      <c r="BK12" s="114">
        <v>3353406</v>
      </c>
      <c r="BL12" s="114">
        <v>1935047</v>
      </c>
      <c r="BM12" s="114">
        <v>1938247</v>
      </c>
      <c r="BN12" s="114">
        <v>1007534</v>
      </c>
      <c r="BO12" s="113">
        <v>9008672</v>
      </c>
      <c r="BP12" s="116">
        <v>10266440</v>
      </c>
      <c r="BQ12" s="110">
        <v>2382461</v>
      </c>
      <c r="BR12" s="114">
        <v>3241415</v>
      </c>
      <c r="BS12" s="113">
        <v>5623876</v>
      </c>
      <c r="BT12" s="110">
        <v>0</v>
      </c>
      <c r="BU12" s="114">
        <v>17162694</v>
      </c>
      <c r="BV12" s="114">
        <v>21847279</v>
      </c>
      <c r="BW12" s="114">
        <v>22858489</v>
      </c>
      <c r="BX12" s="114">
        <v>19780908</v>
      </c>
      <c r="BY12" s="114">
        <v>15083280</v>
      </c>
      <c r="BZ12" s="113">
        <v>96732650</v>
      </c>
      <c r="CA12" s="116">
        <v>102356526</v>
      </c>
      <c r="CB12" s="110">
        <v>1715195</v>
      </c>
      <c r="CC12" s="114">
        <v>7117986</v>
      </c>
      <c r="CD12" s="113">
        <v>8833181</v>
      </c>
      <c r="CE12" s="110">
        <v>0</v>
      </c>
      <c r="CF12" s="114">
        <v>93643386</v>
      </c>
      <c r="CG12" s="114">
        <v>145771819</v>
      </c>
      <c r="CH12" s="114">
        <v>121806522</v>
      </c>
      <c r="CI12" s="114">
        <v>86119811</v>
      </c>
      <c r="CJ12" s="114">
        <v>43857858</v>
      </c>
      <c r="CK12" s="113">
        <v>491199396</v>
      </c>
      <c r="CL12" s="116">
        <v>500032577</v>
      </c>
      <c r="CM12" s="110">
        <v>0</v>
      </c>
      <c r="CN12" s="114">
        <v>0</v>
      </c>
      <c r="CO12" s="113">
        <v>0</v>
      </c>
      <c r="CP12" s="111">
        <v>0</v>
      </c>
      <c r="CQ12" s="114">
        <v>86626576</v>
      </c>
      <c r="CR12" s="114">
        <v>124591957</v>
      </c>
      <c r="CS12" s="114">
        <v>104550068</v>
      </c>
      <c r="CT12" s="114">
        <v>71987104</v>
      </c>
      <c r="CU12" s="114">
        <v>39142367</v>
      </c>
      <c r="CV12" s="113">
        <v>426898072</v>
      </c>
      <c r="CW12" s="116">
        <v>426898072</v>
      </c>
      <c r="CX12" s="110">
        <v>1715195</v>
      </c>
      <c r="CY12" s="114">
        <v>7117986</v>
      </c>
      <c r="CZ12" s="113">
        <v>8833181</v>
      </c>
      <c r="DA12" s="110">
        <v>0</v>
      </c>
      <c r="DB12" s="114">
        <v>7016810</v>
      </c>
      <c r="DC12" s="114">
        <v>21179862</v>
      </c>
      <c r="DD12" s="114">
        <v>17256454</v>
      </c>
      <c r="DE12" s="114">
        <v>14132707</v>
      </c>
      <c r="DF12" s="114">
        <v>4715491</v>
      </c>
      <c r="DG12" s="113">
        <v>64301324</v>
      </c>
      <c r="DH12" s="116">
        <v>73134505</v>
      </c>
      <c r="DI12" s="110">
        <v>50921</v>
      </c>
      <c r="DJ12" s="114">
        <v>942953</v>
      </c>
      <c r="DK12" s="112">
        <v>993874</v>
      </c>
      <c r="DL12" s="111">
        <v>0</v>
      </c>
      <c r="DM12" s="114">
        <v>7154279</v>
      </c>
      <c r="DN12" s="114">
        <v>22630171</v>
      </c>
      <c r="DO12" s="114">
        <v>44000543</v>
      </c>
      <c r="DP12" s="114">
        <v>34799973</v>
      </c>
      <c r="DQ12" s="114">
        <v>20953061</v>
      </c>
      <c r="DR12" s="113">
        <v>129538027</v>
      </c>
      <c r="DS12" s="116">
        <v>130531901</v>
      </c>
      <c r="DT12" s="110">
        <v>50921</v>
      </c>
      <c r="DU12" s="114">
        <v>942953</v>
      </c>
      <c r="DV12" s="113">
        <v>993874</v>
      </c>
      <c r="DW12" s="110">
        <v>0</v>
      </c>
      <c r="DX12" s="114">
        <v>7101948</v>
      </c>
      <c r="DY12" s="114">
        <v>21988627</v>
      </c>
      <c r="DZ12" s="114">
        <v>43090725</v>
      </c>
      <c r="EA12" s="114">
        <v>34372251</v>
      </c>
      <c r="EB12" s="114">
        <v>20205265</v>
      </c>
      <c r="EC12" s="113">
        <v>126758816</v>
      </c>
      <c r="ED12" s="116">
        <v>127752690</v>
      </c>
      <c r="EE12" s="110">
        <v>0</v>
      </c>
      <c r="EF12" s="112">
        <v>0</v>
      </c>
      <c r="EG12" s="113">
        <v>0</v>
      </c>
      <c r="EH12" s="110">
        <v>0</v>
      </c>
      <c r="EI12" s="114">
        <v>52331</v>
      </c>
      <c r="EJ12" s="114">
        <v>641544</v>
      </c>
      <c r="EK12" s="114">
        <v>909818</v>
      </c>
      <c r="EL12" s="114">
        <v>427722</v>
      </c>
      <c r="EM12" s="114">
        <v>747796</v>
      </c>
      <c r="EN12" s="112">
        <v>2779211</v>
      </c>
      <c r="EO12" s="116">
        <v>2779211</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8"/>
      <c r="FE12" s="114">
        <v>0</v>
      </c>
      <c r="FF12" s="114">
        <v>0</v>
      </c>
      <c r="FG12" s="114">
        <v>0</v>
      </c>
      <c r="FH12" s="114">
        <v>0</v>
      </c>
      <c r="FI12" s="114">
        <v>0</v>
      </c>
      <c r="FJ12" s="113">
        <v>0</v>
      </c>
      <c r="FK12" s="116">
        <v>0</v>
      </c>
      <c r="FL12" s="110">
        <v>8454729</v>
      </c>
      <c r="FM12" s="114">
        <v>21137491</v>
      </c>
      <c r="FN12" s="113">
        <v>29592220</v>
      </c>
      <c r="FO12" s="110">
        <v>0</v>
      </c>
      <c r="FP12" s="114">
        <v>17838956</v>
      </c>
      <c r="FQ12" s="114">
        <v>52483508</v>
      </c>
      <c r="FR12" s="114">
        <v>40069448</v>
      </c>
      <c r="FS12" s="114">
        <v>34497912</v>
      </c>
      <c r="FT12" s="114">
        <v>23989607</v>
      </c>
      <c r="FU12" s="113">
        <v>168879431</v>
      </c>
      <c r="FV12" s="116">
        <v>198471651</v>
      </c>
      <c r="FW12" s="115">
        <v>4431115</v>
      </c>
      <c r="FX12" s="114">
        <v>15676593</v>
      </c>
      <c r="FY12" s="112">
        <v>20107708</v>
      </c>
      <c r="FZ12" s="111">
        <v>0</v>
      </c>
      <c r="GA12" s="114">
        <v>14219725</v>
      </c>
      <c r="GB12" s="114">
        <v>47080755</v>
      </c>
      <c r="GC12" s="114">
        <v>36123160</v>
      </c>
      <c r="GD12" s="114">
        <v>31670920</v>
      </c>
      <c r="GE12" s="114">
        <v>22780172</v>
      </c>
      <c r="GF12" s="113">
        <v>151874732</v>
      </c>
      <c r="GG12" s="319">
        <v>171982440</v>
      </c>
      <c r="GH12" s="115">
        <v>202449</v>
      </c>
      <c r="GI12" s="114">
        <v>970605</v>
      </c>
      <c r="GJ12" s="112">
        <v>1173054</v>
      </c>
      <c r="GK12" s="111">
        <v>0</v>
      </c>
      <c r="GL12" s="114">
        <v>927263</v>
      </c>
      <c r="GM12" s="114">
        <v>1644310</v>
      </c>
      <c r="GN12" s="114">
        <v>1082419</v>
      </c>
      <c r="GO12" s="114">
        <v>877349</v>
      </c>
      <c r="GP12" s="114">
        <v>461904</v>
      </c>
      <c r="GQ12" s="113">
        <v>4993245</v>
      </c>
      <c r="GR12" s="116">
        <v>6166299</v>
      </c>
      <c r="GS12" s="110">
        <v>3821165</v>
      </c>
      <c r="GT12" s="114">
        <v>4490293</v>
      </c>
      <c r="GU12" s="113">
        <v>8311458</v>
      </c>
      <c r="GV12" s="110">
        <v>0</v>
      </c>
      <c r="GW12" s="114">
        <v>2691968</v>
      </c>
      <c r="GX12" s="114">
        <v>3758443</v>
      </c>
      <c r="GY12" s="114">
        <v>2863869</v>
      </c>
      <c r="GZ12" s="114">
        <v>1949643</v>
      </c>
      <c r="HA12" s="114">
        <v>747531</v>
      </c>
      <c r="HB12" s="112">
        <v>12011454</v>
      </c>
      <c r="HC12" s="116">
        <v>20322912</v>
      </c>
      <c r="HD12" s="110">
        <v>7890794</v>
      </c>
      <c r="HE12" s="114">
        <v>11253441</v>
      </c>
      <c r="HF12" s="112">
        <v>19144235</v>
      </c>
      <c r="HG12" s="111">
        <v>0</v>
      </c>
      <c r="HH12" s="114">
        <v>56263390</v>
      </c>
      <c r="HI12" s="114">
        <v>54797587</v>
      </c>
      <c r="HJ12" s="114">
        <v>56321645</v>
      </c>
      <c r="HK12" s="114">
        <v>64324294</v>
      </c>
      <c r="HL12" s="114">
        <v>44620859</v>
      </c>
      <c r="HM12" s="113">
        <v>276327775</v>
      </c>
      <c r="HN12" s="109">
        <v>295472010</v>
      </c>
      <c r="HO12" s="115">
        <v>4654570</v>
      </c>
      <c r="HP12" s="114">
        <v>12203902</v>
      </c>
      <c r="HQ12" s="113">
        <v>16858472</v>
      </c>
      <c r="HR12" s="110">
        <v>0</v>
      </c>
      <c r="HS12" s="114">
        <v>54345931</v>
      </c>
      <c r="HT12" s="114">
        <v>68429833</v>
      </c>
      <c r="HU12" s="114">
        <v>48525722</v>
      </c>
      <c r="HV12" s="114">
        <v>31926374</v>
      </c>
      <c r="HW12" s="114">
        <v>18697066</v>
      </c>
      <c r="HX12" s="112">
        <v>221924926</v>
      </c>
      <c r="HY12" s="116">
        <v>238783398</v>
      </c>
      <c r="HZ12" s="131">
        <v>760464</v>
      </c>
      <c r="IA12" s="132">
        <v>2536197</v>
      </c>
      <c r="IB12" s="133">
        <v>3296661</v>
      </c>
      <c r="IC12" s="134">
        <v>0</v>
      </c>
      <c r="ID12" s="135">
        <v>131525953</v>
      </c>
      <c r="IE12" s="136">
        <v>174253399</v>
      </c>
      <c r="IF12" s="137">
        <v>189510573</v>
      </c>
      <c r="IG12" s="135">
        <v>135871232</v>
      </c>
      <c r="IH12" s="137">
        <v>82331183</v>
      </c>
      <c r="II12" s="138">
        <v>713492340</v>
      </c>
      <c r="IJ12" s="139">
        <v>716789001</v>
      </c>
      <c r="IK12" s="232">
        <v>0</v>
      </c>
      <c r="IL12" s="236">
        <v>0</v>
      </c>
      <c r="IM12" s="237">
        <v>0</v>
      </c>
      <c r="IN12" s="140"/>
      <c r="IO12" s="119">
        <v>1568303</v>
      </c>
      <c r="IP12" s="119">
        <v>1422817</v>
      </c>
      <c r="IQ12" s="119">
        <v>3941205</v>
      </c>
      <c r="IR12" s="119">
        <v>3885897</v>
      </c>
      <c r="IS12" s="119">
        <v>3235249</v>
      </c>
      <c r="IT12" s="141">
        <v>14053471</v>
      </c>
      <c r="IU12" s="321">
        <v>14053471</v>
      </c>
      <c r="IV12" s="142">
        <v>0</v>
      </c>
      <c r="IW12" s="119">
        <v>0</v>
      </c>
      <c r="IX12" s="120">
        <v>0</v>
      </c>
      <c r="IY12" s="144"/>
      <c r="IZ12" s="119">
        <v>22730</v>
      </c>
      <c r="JA12" s="119">
        <v>22730</v>
      </c>
      <c r="JB12" s="119">
        <v>34095</v>
      </c>
      <c r="JC12" s="119">
        <v>20204</v>
      </c>
      <c r="JD12" s="119">
        <v>253176</v>
      </c>
      <c r="JE12" s="120">
        <v>352935</v>
      </c>
      <c r="JF12" s="121">
        <v>352935</v>
      </c>
      <c r="JG12" s="142">
        <v>0</v>
      </c>
      <c r="JH12" s="119">
        <v>0</v>
      </c>
      <c r="JI12" s="141">
        <v>0</v>
      </c>
      <c r="JJ12" s="118">
        <v>0</v>
      </c>
      <c r="JK12" s="119">
        <v>46050971</v>
      </c>
      <c r="JL12" s="119">
        <v>61455982</v>
      </c>
      <c r="JM12" s="119">
        <v>50077109</v>
      </c>
      <c r="JN12" s="119">
        <v>32315922</v>
      </c>
      <c r="JO12" s="119">
        <v>16685536</v>
      </c>
      <c r="JP12" s="120">
        <v>206585520</v>
      </c>
      <c r="JQ12" s="321">
        <v>206585520</v>
      </c>
      <c r="JR12" s="142">
        <v>33847</v>
      </c>
      <c r="JS12" s="119">
        <v>0</v>
      </c>
      <c r="JT12" s="141">
        <v>33847</v>
      </c>
      <c r="JU12" s="118">
        <v>0</v>
      </c>
      <c r="JV12" s="119">
        <v>1423237</v>
      </c>
      <c r="JW12" s="119">
        <v>2471535</v>
      </c>
      <c r="JX12" s="119">
        <v>4874587</v>
      </c>
      <c r="JY12" s="119">
        <v>2351937</v>
      </c>
      <c r="JZ12" s="119">
        <v>4420801</v>
      </c>
      <c r="KA12" s="120">
        <v>15542097</v>
      </c>
      <c r="KB12" s="321">
        <v>15575944</v>
      </c>
      <c r="KC12" s="234">
        <v>726617</v>
      </c>
      <c r="KD12" s="230">
        <v>2140775</v>
      </c>
      <c r="KE12" s="120">
        <v>2867392</v>
      </c>
      <c r="KF12" s="118">
        <v>0</v>
      </c>
      <c r="KG12" s="119">
        <v>15744869</v>
      </c>
      <c r="KH12" s="119">
        <v>27553748</v>
      </c>
      <c r="KI12" s="119">
        <v>30095797</v>
      </c>
      <c r="KJ12" s="119">
        <v>23953488</v>
      </c>
      <c r="KK12" s="119">
        <v>7269167</v>
      </c>
      <c r="KL12" s="120">
        <v>104617069</v>
      </c>
      <c r="KM12" s="143">
        <v>107484461</v>
      </c>
      <c r="KN12" s="232">
        <v>0</v>
      </c>
      <c r="KO12" s="236">
        <v>395422</v>
      </c>
      <c r="KP12" s="237">
        <v>395422</v>
      </c>
      <c r="KQ12" s="140"/>
      <c r="KR12" s="119">
        <v>65364763</v>
      </c>
      <c r="KS12" s="119">
        <v>77684243</v>
      </c>
      <c r="KT12" s="119">
        <v>93229583</v>
      </c>
      <c r="KU12" s="119">
        <v>60436221</v>
      </c>
      <c r="KV12" s="119">
        <v>43616368</v>
      </c>
      <c r="KW12" s="120">
        <v>340331178</v>
      </c>
      <c r="KX12" s="321">
        <v>340726600</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416135</v>
      </c>
      <c r="LP12" s="119">
        <v>4334720</v>
      </c>
      <c r="LQ12" s="119">
        <v>8366704</v>
      </c>
      <c r="LR12" s="119">
        <v>2875451</v>
      </c>
      <c r="LS12" s="120">
        <v>15993010</v>
      </c>
      <c r="LT12" s="321">
        <v>15993010</v>
      </c>
      <c r="LU12" s="142">
        <v>0</v>
      </c>
      <c r="LV12" s="119">
        <v>0</v>
      </c>
      <c r="LW12" s="120">
        <v>0</v>
      </c>
      <c r="LX12" s="145"/>
      <c r="LY12" s="119">
        <v>1351080</v>
      </c>
      <c r="LZ12" s="119">
        <v>3226209</v>
      </c>
      <c r="MA12" s="119">
        <v>2923477</v>
      </c>
      <c r="MB12" s="119">
        <v>4540859</v>
      </c>
      <c r="MC12" s="119">
        <v>3975435</v>
      </c>
      <c r="MD12" s="120">
        <v>16017060</v>
      </c>
      <c r="ME12" s="121">
        <v>16017060</v>
      </c>
      <c r="MF12" s="142">
        <v>0</v>
      </c>
      <c r="MG12" s="119">
        <v>0</v>
      </c>
      <c r="MH12" s="120">
        <v>0</v>
      </c>
      <c r="MI12" s="145"/>
      <c r="MJ12" s="119">
        <v>24214088</v>
      </c>
      <c r="MK12" s="119">
        <v>69818784</v>
      </c>
      <c r="ML12" s="119">
        <v>312303478</v>
      </c>
      <c r="MM12" s="119">
        <v>514379643</v>
      </c>
      <c r="MN12" s="119">
        <v>343418033</v>
      </c>
      <c r="MO12" s="120">
        <v>1264134026</v>
      </c>
      <c r="MP12" s="143">
        <v>1264134026</v>
      </c>
      <c r="MQ12" s="142">
        <v>0</v>
      </c>
      <c r="MR12" s="119">
        <v>0</v>
      </c>
      <c r="MS12" s="120">
        <v>0</v>
      </c>
      <c r="MT12" s="145"/>
      <c r="MU12" s="119">
        <v>2565177</v>
      </c>
      <c r="MV12" s="119">
        <v>14248878</v>
      </c>
      <c r="MW12" s="119">
        <v>220937559</v>
      </c>
      <c r="MX12" s="119">
        <v>357235262</v>
      </c>
      <c r="MY12" s="119">
        <v>235689383</v>
      </c>
      <c r="MZ12" s="120">
        <v>830676259</v>
      </c>
      <c r="NA12" s="143">
        <v>830676259</v>
      </c>
      <c r="NB12" s="142">
        <v>0</v>
      </c>
      <c r="NC12" s="119">
        <v>0</v>
      </c>
      <c r="ND12" s="120">
        <v>0</v>
      </c>
      <c r="NE12" s="145"/>
      <c r="NF12" s="119">
        <v>21648911</v>
      </c>
      <c r="NG12" s="119">
        <v>55569906</v>
      </c>
      <c r="NH12" s="119">
        <v>88023781</v>
      </c>
      <c r="NI12" s="119">
        <v>120868402</v>
      </c>
      <c r="NJ12" s="119">
        <v>66954699</v>
      </c>
      <c r="NK12" s="120">
        <v>353065699</v>
      </c>
      <c r="NL12" s="321">
        <v>353065699</v>
      </c>
      <c r="NM12" s="142">
        <v>0</v>
      </c>
      <c r="NN12" s="119">
        <v>0</v>
      </c>
      <c r="NO12" s="120">
        <v>0</v>
      </c>
      <c r="NP12" s="145"/>
      <c r="NQ12" s="119">
        <v>0</v>
      </c>
      <c r="NR12" s="119">
        <v>0</v>
      </c>
      <c r="NS12" s="119">
        <v>299472</v>
      </c>
      <c r="NT12" s="119">
        <v>7514446</v>
      </c>
      <c r="NU12" s="119">
        <v>7834478</v>
      </c>
      <c r="NV12" s="120">
        <v>15648396</v>
      </c>
      <c r="NW12" s="121">
        <v>15648396</v>
      </c>
      <c r="NX12" s="142">
        <v>0</v>
      </c>
      <c r="NY12" s="119">
        <v>0</v>
      </c>
      <c r="NZ12" s="120">
        <v>0</v>
      </c>
      <c r="OA12" s="145"/>
      <c r="OB12" s="119">
        <v>0</v>
      </c>
      <c r="OC12" s="119">
        <v>0</v>
      </c>
      <c r="OD12" s="119">
        <v>3042666</v>
      </c>
      <c r="OE12" s="119">
        <v>28761533</v>
      </c>
      <c r="OF12" s="119">
        <v>32939473</v>
      </c>
      <c r="OG12" s="120">
        <v>64743672</v>
      </c>
      <c r="OH12" s="121">
        <v>64743672</v>
      </c>
      <c r="OI12" s="142">
        <v>28751542</v>
      </c>
      <c r="OJ12" s="119">
        <v>71145089</v>
      </c>
      <c r="OK12" s="141">
        <v>99896631</v>
      </c>
      <c r="OL12" s="118">
        <v>0</v>
      </c>
      <c r="OM12" s="119">
        <v>474756621</v>
      </c>
      <c r="ON12" s="119">
        <v>738549486</v>
      </c>
      <c r="OO12" s="119">
        <v>955832680</v>
      </c>
      <c r="OP12" s="119">
        <v>1045466998</v>
      </c>
      <c r="OQ12" s="119">
        <v>721808783</v>
      </c>
      <c r="OR12" s="120">
        <v>3936414568</v>
      </c>
      <c r="OS12" s="143">
        <v>4036311199</v>
      </c>
    </row>
    <row r="13" spans="1:409" ht="18.75" customHeight="1" x14ac:dyDescent="0.2">
      <c r="B13" s="62" t="s">
        <v>7</v>
      </c>
      <c r="C13" s="110">
        <v>13121746</v>
      </c>
      <c r="D13" s="114">
        <v>17654407</v>
      </c>
      <c r="E13" s="113">
        <v>30776153</v>
      </c>
      <c r="F13" s="109">
        <v>0</v>
      </c>
      <c r="G13" s="114">
        <v>343541632</v>
      </c>
      <c r="H13" s="114">
        <v>317117531</v>
      </c>
      <c r="I13" s="114">
        <v>264044947</v>
      </c>
      <c r="J13" s="114">
        <v>277722898</v>
      </c>
      <c r="K13" s="114">
        <v>199569658</v>
      </c>
      <c r="L13" s="109">
        <v>1401996666</v>
      </c>
      <c r="M13" s="116">
        <v>1432772819</v>
      </c>
      <c r="N13" s="110">
        <v>1887934</v>
      </c>
      <c r="O13" s="114">
        <v>2008433</v>
      </c>
      <c r="P13" s="113">
        <v>3896367</v>
      </c>
      <c r="Q13" s="110">
        <v>0</v>
      </c>
      <c r="R13" s="114">
        <v>76915461</v>
      </c>
      <c r="S13" s="114">
        <v>89638828</v>
      </c>
      <c r="T13" s="114">
        <v>83961921</v>
      </c>
      <c r="U13" s="114">
        <v>122942457</v>
      </c>
      <c r="V13" s="114">
        <v>113157089</v>
      </c>
      <c r="W13" s="113">
        <v>486615756</v>
      </c>
      <c r="X13" s="116">
        <v>490512123</v>
      </c>
      <c r="Y13" s="110">
        <v>0</v>
      </c>
      <c r="Z13" s="114">
        <v>0</v>
      </c>
      <c r="AA13" s="113">
        <v>0</v>
      </c>
      <c r="AB13" s="110">
        <v>0</v>
      </c>
      <c r="AC13" s="114">
        <v>42718669</v>
      </c>
      <c r="AD13" s="114">
        <v>50891876</v>
      </c>
      <c r="AE13" s="114">
        <v>53508083</v>
      </c>
      <c r="AF13" s="114">
        <v>83065261</v>
      </c>
      <c r="AG13" s="114">
        <v>76676429</v>
      </c>
      <c r="AH13" s="113">
        <v>306860318</v>
      </c>
      <c r="AI13" s="116">
        <v>306860318</v>
      </c>
      <c r="AJ13" s="110">
        <v>0</v>
      </c>
      <c r="AK13" s="114">
        <v>0</v>
      </c>
      <c r="AL13" s="113">
        <v>0</v>
      </c>
      <c r="AM13" s="110">
        <v>0</v>
      </c>
      <c r="AN13" s="114">
        <v>536009</v>
      </c>
      <c r="AO13" s="114">
        <v>2226838</v>
      </c>
      <c r="AP13" s="114">
        <v>2803055</v>
      </c>
      <c r="AQ13" s="114">
        <v>7788835</v>
      </c>
      <c r="AR13" s="114">
        <v>10882161</v>
      </c>
      <c r="AS13" s="113">
        <v>24236898</v>
      </c>
      <c r="AT13" s="116">
        <v>24236898</v>
      </c>
      <c r="AU13" s="110">
        <v>375863</v>
      </c>
      <c r="AV13" s="114">
        <v>771477</v>
      </c>
      <c r="AW13" s="113">
        <v>1147340</v>
      </c>
      <c r="AX13" s="110">
        <v>0</v>
      </c>
      <c r="AY13" s="114">
        <v>18015507</v>
      </c>
      <c r="AZ13" s="114">
        <v>22389387</v>
      </c>
      <c r="BA13" s="114">
        <v>14709333</v>
      </c>
      <c r="BB13" s="114">
        <v>17617149</v>
      </c>
      <c r="BC13" s="114">
        <v>16282132</v>
      </c>
      <c r="BD13" s="113">
        <v>89013508</v>
      </c>
      <c r="BE13" s="116">
        <v>90160848</v>
      </c>
      <c r="BF13" s="110">
        <v>111506</v>
      </c>
      <c r="BG13" s="114">
        <v>152542</v>
      </c>
      <c r="BH13" s="112">
        <v>264048</v>
      </c>
      <c r="BI13" s="111">
        <v>0</v>
      </c>
      <c r="BJ13" s="114">
        <v>1558846</v>
      </c>
      <c r="BK13" s="114">
        <v>2183158</v>
      </c>
      <c r="BL13" s="114">
        <v>1401787</v>
      </c>
      <c r="BM13" s="114">
        <v>1526769</v>
      </c>
      <c r="BN13" s="114">
        <v>1025500</v>
      </c>
      <c r="BO13" s="113">
        <v>7696060</v>
      </c>
      <c r="BP13" s="116">
        <v>7960108</v>
      </c>
      <c r="BQ13" s="110">
        <v>1400565</v>
      </c>
      <c r="BR13" s="114">
        <v>1084414</v>
      </c>
      <c r="BS13" s="113">
        <v>2484979</v>
      </c>
      <c r="BT13" s="110">
        <v>0</v>
      </c>
      <c r="BU13" s="114">
        <v>14086430</v>
      </c>
      <c r="BV13" s="114">
        <v>11947569</v>
      </c>
      <c r="BW13" s="114">
        <v>11539663</v>
      </c>
      <c r="BX13" s="114">
        <v>12944443</v>
      </c>
      <c r="BY13" s="114">
        <v>8290867</v>
      </c>
      <c r="BZ13" s="113">
        <v>58808972</v>
      </c>
      <c r="CA13" s="116">
        <v>61293951</v>
      </c>
      <c r="CB13" s="110">
        <v>824593</v>
      </c>
      <c r="CC13" s="114">
        <v>1742739</v>
      </c>
      <c r="CD13" s="113">
        <v>2567332</v>
      </c>
      <c r="CE13" s="110">
        <v>0</v>
      </c>
      <c r="CF13" s="114">
        <v>91610341</v>
      </c>
      <c r="CG13" s="114">
        <v>80123346</v>
      </c>
      <c r="CH13" s="114">
        <v>53952311</v>
      </c>
      <c r="CI13" s="114">
        <v>35836356</v>
      </c>
      <c r="CJ13" s="114">
        <v>14736728</v>
      </c>
      <c r="CK13" s="113">
        <v>276259082</v>
      </c>
      <c r="CL13" s="116">
        <v>278826414</v>
      </c>
      <c r="CM13" s="110">
        <v>0</v>
      </c>
      <c r="CN13" s="114">
        <v>0</v>
      </c>
      <c r="CO13" s="113">
        <v>0</v>
      </c>
      <c r="CP13" s="111">
        <v>0</v>
      </c>
      <c r="CQ13" s="114">
        <v>81121846</v>
      </c>
      <c r="CR13" s="114">
        <v>68199633</v>
      </c>
      <c r="CS13" s="114">
        <v>44655777</v>
      </c>
      <c r="CT13" s="114">
        <v>30945279</v>
      </c>
      <c r="CU13" s="114">
        <v>13019753</v>
      </c>
      <c r="CV13" s="113">
        <v>237942288</v>
      </c>
      <c r="CW13" s="116">
        <v>237942288</v>
      </c>
      <c r="CX13" s="110">
        <v>824593</v>
      </c>
      <c r="CY13" s="114">
        <v>1742739</v>
      </c>
      <c r="CZ13" s="113">
        <v>2567332</v>
      </c>
      <c r="DA13" s="110">
        <v>0</v>
      </c>
      <c r="DB13" s="114">
        <v>10488495</v>
      </c>
      <c r="DC13" s="114">
        <v>11923713</v>
      </c>
      <c r="DD13" s="114">
        <v>9296534</v>
      </c>
      <c r="DE13" s="114">
        <v>4891077</v>
      </c>
      <c r="DF13" s="114">
        <v>1716975</v>
      </c>
      <c r="DG13" s="113">
        <v>38316794</v>
      </c>
      <c r="DH13" s="116">
        <v>40884126</v>
      </c>
      <c r="DI13" s="110">
        <v>32605</v>
      </c>
      <c r="DJ13" s="114">
        <v>88900</v>
      </c>
      <c r="DK13" s="112">
        <v>121505</v>
      </c>
      <c r="DL13" s="111">
        <v>0</v>
      </c>
      <c r="DM13" s="114">
        <v>11685108</v>
      </c>
      <c r="DN13" s="114">
        <v>19294287</v>
      </c>
      <c r="DO13" s="114">
        <v>26040029</v>
      </c>
      <c r="DP13" s="114">
        <v>18519246</v>
      </c>
      <c r="DQ13" s="114">
        <v>11171157</v>
      </c>
      <c r="DR13" s="113">
        <v>86709827</v>
      </c>
      <c r="DS13" s="116">
        <v>86831332</v>
      </c>
      <c r="DT13" s="110">
        <v>32605</v>
      </c>
      <c r="DU13" s="114">
        <v>88900</v>
      </c>
      <c r="DV13" s="113">
        <v>121505</v>
      </c>
      <c r="DW13" s="110">
        <v>0</v>
      </c>
      <c r="DX13" s="114">
        <v>11137731</v>
      </c>
      <c r="DY13" s="114">
        <v>18116993</v>
      </c>
      <c r="DZ13" s="114">
        <v>24121941</v>
      </c>
      <c r="EA13" s="114">
        <v>17222452</v>
      </c>
      <c r="EB13" s="114">
        <v>10461465</v>
      </c>
      <c r="EC13" s="113">
        <v>81060582</v>
      </c>
      <c r="ED13" s="116">
        <v>81182087</v>
      </c>
      <c r="EE13" s="110">
        <v>0</v>
      </c>
      <c r="EF13" s="112">
        <v>0</v>
      </c>
      <c r="EG13" s="113">
        <v>0</v>
      </c>
      <c r="EH13" s="110">
        <v>0</v>
      </c>
      <c r="EI13" s="114">
        <v>547377</v>
      </c>
      <c r="EJ13" s="114">
        <v>1177294</v>
      </c>
      <c r="EK13" s="114">
        <v>1918088</v>
      </c>
      <c r="EL13" s="114">
        <v>1296794</v>
      </c>
      <c r="EM13" s="114">
        <v>709692</v>
      </c>
      <c r="EN13" s="112">
        <v>5649245</v>
      </c>
      <c r="EO13" s="116">
        <v>5649245</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8"/>
      <c r="FE13" s="114">
        <v>0</v>
      </c>
      <c r="FF13" s="114">
        <v>0</v>
      </c>
      <c r="FG13" s="114">
        <v>0</v>
      </c>
      <c r="FH13" s="114">
        <v>0</v>
      </c>
      <c r="FI13" s="114">
        <v>0</v>
      </c>
      <c r="FJ13" s="113">
        <v>0</v>
      </c>
      <c r="FK13" s="116">
        <v>0</v>
      </c>
      <c r="FL13" s="110">
        <v>2878069</v>
      </c>
      <c r="FM13" s="114">
        <v>5069523</v>
      </c>
      <c r="FN13" s="113">
        <v>7947592</v>
      </c>
      <c r="FO13" s="110">
        <v>0</v>
      </c>
      <c r="FP13" s="114">
        <v>15138893</v>
      </c>
      <c r="FQ13" s="114">
        <v>31215259</v>
      </c>
      <c r="FR13" s="114">
        <v>20950200</v>
      </c>
      <c r="FS13" s="114">
        <v>19288392</v>
      </c>
      <c r="FT13" s="114">
        <v>12910280</v>
      </c>
      <c r="FU13" s="113">
        <v>99503024</v>
      </c>
      <c r="FV13" s="116">
        <v>107450616</v>
      </c>
      <c r="FW13" s="115">
        <v>1311404</v>
      </c>
      <c r="FX13" s="114">
        <v>3065905</v>
      </c>
      <c r="FY13" s="112">
        <v>4377309</v>
      </c>
      <c r="FZ13" s="111">
        <v>0</v>
      </c>
      <c r="GA13" s="114">
        <v>10760325</v>
      </c>
      <c r="GB13" s="114">
        <v>28752804</v>
      </c>
      <c r="GC13" s="114">
        <v>19205468</v>
      </c>
      <c r="GD13" s="114">
        <v>18138698</v>
      </c>
      <c r="GE13" s="114">
        <v>12477488</v>
      </c>
      <c r="GF13" s="113">
        <v>89334783</v>
      </c>
      <c r="GG13" s="319">
        <v>93712092</v>
      </c>
      <c r="GH13" s="115">
        <v>275631</v>
      </c>
      <c r="GI13" s="114">
        <v>231201</v>
      </c>
      <c r="GJ13" s="112">
        <v>506832</v>
      </c>
      <c r="GK13" s="111">
        <v>0</v>
      </c>
      <c r="GL13" s="114">
        <v>655618</v>
      </c>
      <c r="GM13" s="114">
        <v>764740</v>
      </c>
      <c r="GN13" s="114">
        <v>685812</v>
      </c>
      <c r="GO13" s="114">
        <v>402892</v>
      </c>
      <c r="GP13" s="114">
        <v>152192</v>
      </c>
      <c r="GQ13" s="113">
        <v>2661254</v>
      </c>
      <c r="GR13" s="116">
        <v>3168086</v>
      </c>
      <c r="GS13" s="110">
        <v>1291034</v>
      </c>
      <c r="GT13" s="114">
        <v>1772417</v>
      </c>
      <c r="GU13" s="113">
        <v>3063451</v>
      </c>
      <c r="GV13" s="110">
        <v>0</v>
      </c>
      <c r="GW13" s="114">
        <v>3722950</v>
      </c>
      <c r="GX13" s="114">
        <v>1697715</v>
      </c>
      <c r="GY13" s="114">
        <v>1058920</v>
      </c>
      <c r="GZ13" s="114">
        <v>746802</v>
      </c>
      <c r="HA13" s="114">
        <v>280600</v>
      </c>
      <c r="HB13" s="112">
        <v>7506987</v>
      </c>
      <c r="HC13" s="116">
        <v>10570438</v>
      </c>
      <c r="HD13" s="110">
        <v>5609135</v>
      </c>
      <c r="HE13" s="114">
        <v>5170152</v>
      </c>
      <c r="HF13" s="112">
        <v>10779287</v>
      </c>
      <c r="HG13" s="111">
        <v>0</v>
      </c>
      <c r="HH13" s="114">
        <v>81909222</v>
      </c>
      <c r="HI13" s="114">
        <v>50184576</v>
      </c>
      <c r="HJ13" s="114">
        <v>49708888</v>
      </c>
      <c r="HK13" s="114">
        <v>60012733</v>
      </c>
      <c r="HL13" s="114">
        <v>35908918</v>
      </c>
      <c r="HM13" s="113">
        <v>277724337</v>
      </c>
      <c r="HN13" s="109">
        <v>288503624</v>
      </c>
      <c r="HO13" s="115">
        <v>1889410</v>
      </c>
      <c r="HP13" s="114">
        <v>3574660</v>
      </c>
      <c r="HQ13" s="113">
        <v>5464070</v>
      </c>
      <c r="HR13" s="110">
        <v>0</v>
      </c>
      <c r="HS13" s="114">
        <v>66282607</v>
      </c>
      <c r="HT13" s="114">
        <v>46661235</v>
      </c>
      <c r="HU13" s="114">
        <v>29431598</v>
      </c>
      <c r="HV13" s="114">
        <v>21123714</v>
      </c>
      <c r="HW13" s="114">
        <v>11685486</v>
      </c>
      <c r="HX13" s="112">
        <v>175184640</v>
      </c>
      <c r="HY13" s="116">
        <v>180648710</v>
      </c>
      <c r="HZ13" s="131">
        <v>372761</v>
      </c>
      <c r="IA13" s="132">
        <v>1010680</v>
      </c>
      <c r="IB13" s="133">
        <v>1383441</v>
      </c>
      <c r="IC13" s="146">
        <v>0</v>
      </c>
      <c r="ID13" s="132">
        <v>90706231</v>
      </c>
      <c r="IE13" s="147">
        <v>97322556</v>
      </c>
      <c r="IF13" s="133">
        <v>108059818</v>
      </c>
      <c r="IG13" s="132">
        <v>67178167</v>
      </c>
      <c r="IH13" s="133">
        <v>39981857</v>
      </c>
      <c r="II13" s="148">
        <v>403248629</v>
      </c>
      <c r="IJ13" s="139">
        <v>404632070</v>
      </c>
      <c r="IK13" s="232">
        <v>0</v>
      </c>
      <c r="IL13" s="236">
        <v>0</v>
      </c>
      <c r="IM13" s="237">
        <v>0</v>
      </c>
      <c r="IN13" s="140"/>
      <c r="IO13" s="119">
        <v>186365</v>
      </c>
      <c r="IP13" s="119">
        <v>1050383</v>
      </c>
      <c r="IQ13" s="119">
        <v>1675108</v>
      </c>
      <c r="IR13" s="119">
        <v>1927839</v>
      </c>
      <c r="IS13" s="119">
        <v>1556105</v>
      </c>
      <c r="IT13" s="141">
        <v>6395800</v>
      </c>
      <c r="IU13" s="321">
        <v>6395800</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45281147</v>
      </c>
      <c r="JL13" s="119">
        <v>37496098</v>
      </c>
      <c r="JM13" s="119">
        <v>27627923</v>
      </c>
      <c r="JN13" s="119">
        <v>11768316</v>
      </c>
      <c r="JO13" s="119">
        <v>6305848</v>
      </c>
      <c r="JP13" s="120">
        <v>128479332</v>
      </c>
      <c r="JQ13" s="321">
        <v>128479332</v>
      </c>
      <c r="JR13" s="142">
        <v>0</v>
      </c>
      <c r="JS13" s="119">
        <v>0</v>
      </c>
      <c r="JT13" s="141">
        <v>0</v>
      </c>
      <c r="JU13" s="118">
        <v>0</v>
      </c>
      <c r="JV13" s="119">
        <v>8008316</v>
      </c>
      <c r="JW13" s="119">
        <v>10130108</v>
      </c>
      <c r="JX13" s="119">
        <v>15373938</v>
      </c>
      <c r="JY13" s="119">
        <v>4624892</v>
      </c>
      <c r="JZ13" s="119">
        <v>3058600</v>
      </c>
      <c r="KA13" s="120">
        <v>41195854</v>
      </c>
      <c r="KB13" s="321">
        <v>41195854</v>
      </c>
      <c r="KC13" s="234">
        <v>372761</v>
      </c>
      <c r="KD13" s="230">
        <v>1010680</v>
      </c>
      <c r="KE13" s="120">
        <v>1383441</v>
      </c>
      <c r="KF13" s="118">
        <v>0</v>
      </c>
      <c r="KG13" s="119">
        <v>7206222</v>
      </c>
      <c r="KH13" s="119">
        <v>7726770</v>
      </c>
      <c r="KI13" s="119">
        <v>8139497</v>
      </c>
      <c r="KJ13" s="119">
        <v>4890762</v>
      </c>
      <c r="KK13" s="119">
        <v>925646</v>
      </c>
      <c r="KL13" s="120">
        <v>28888897</v>
      </c>
      <c r="KM13" s="143">
        <v>30272338</v>
      </c>
      <c r="KN13" s="232">
        <v>0</v>
      </c>
      <c r="KO13" s="236">
        <v>0</v>
      </c>
      <c r="KP13" s="237">
        <v>0</v>
      </c>
      <c r="KQ13" s="140"/>
      <c r="KR13" s="119">
        <v>29102814</v>
      </c>
      <c r="KS13" s="119">
        <v>38229153</v>
      </c>
      <c r="KT13" s="119">
        <v>52389154</v>
      </c>
      <c r="KU13" s="119">
        <v>41128937</v>
      </c>
      <c r="KV13" s="119">
        <v>20605688</v>
      </c>
      <c r="KW13" s="120">
        <v>181455746</v>
      </c>
      <c r="KX13" s="321">
        <v>181455746</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1">
        <v>0</v>
      </c>
      <c r="LU13" s="142">
        <v>0</v>
      </c>
      <c r="LV13" s="119">
        <v>0</v>
      </c>
      <c r="LW13" s="120">
        <v>0</v>
      </c>
      <c r="LX13" s="145"/>
      <c r="LY13" s="119">
        <v>921367</v>
      </c>
      <c r="LZ13" s="119">
        <v>2690044</v>
      </c>
      <c r="MA13" s="119">
        <v>2854198</v>
      </c>
      <c r="MB13" s="119">
        <v>2837421</v>
      </c>
      <c r="MC13" s="119">
        <v>7529970</v>
      </c>
      <c r="MD13" s="120">
        <v>16833000</v>
      </c>
      <c r="ME13" s="121">
        <v>16833000</v>
      </c>
      <c r="MF13" s="142">
        <v>0</v>
      </c>
      <c r="MG13" s="119">
        <v>0</v>
      </c>
      <c r="MH13" s="120">
        <v>0</v>
      </c>
      <c r="MI13" s="145"/>
      <c r="MJ13" s="119">
        <v>47132122</v>
      </c>
      <c r="MK13" s="119">
        <v>70927943</v>
      </c>
      <c r="ML13" s="119">
        <v>219325110</v>
      </c>
      <c r="MM13" s="119">
        <v>358938405</v>
      </c>
      <c r="MN13" s="119">
        <v>214143164</v>
      </c>
      <c r="MO13" s="120">
        <v>910466744</v>
      </c>
      <c r="MP13" s="143">
        <v>910466744</v>
      </c>
      <c r="MQ13" s="142">
        <v>0</v>
      </c>
      <c r="MR13" s="119">
        <v>0</v>
      </c>
      <c r="MS13" s="120">
        <v>0</v>
      </c>
      <c r="MT13" s="145"/>
      <c r="MU13" s="119">
        <v>4939923</v>
      </c>
      <c r="MV13" s="119">
        <v>11088197</v>
      </c>
      <c r="MW13" s="119">
        <v>148016371</v>
      </c>
      <c r="MX13" s="119">
        <v>262871296</v>
      </c>
      <c r="MY13" s="119">
        <v>176823684</v>
      </c>
      <c r="MZ13" s="120">
        <v>603739471</v>
      </c>
      <c r="NA13" s="143">
        <v>603739471</v>
      </c>
      <c r="NB13" s="142">
        <v>0</v>
      </c>
      <c r="NC13" s="119">
        <v>0</v>
      </c>
      <c r="ND13" s="120">
        <v>0</v>
      </c>
      <c r="NE13" s="145"/>
      <c r="NF13" s="119">
        <v>42192199</v>
      </c>
      <c r="NG13" s="119">
        <v>59839746</v>
      </c>
      <c r="NH13" s="119">
        <v>70603616</v>
      </c>
      <c r="NI13" s="119">
        <v>95001915</v>
      </c>
      <c r="NJ13" s="119">
        <v>34340435</v>
      </c>
      <c r="NK13" s="120">
        <v>301977911</v>
      </c>
      <c r="NL13" s="321">
        <v>301977911</v>
      </c>
      <c r="NM13" s="142">
        <v>0</v>
      </c>
      <c r="NN13" s="119">
        <v>0</v>
      </c>
      <c r="NO13" s="120">
        <v>0</v>
      </c>
      <c r="NP13" s="145"/>
      <c r="NQ13" s="119">
        <v>0</v>
      </c>
      <c r="NR13" s="119">
        <v>0</v>
      </c>
      <c r="NS13" s="119">
        <v>0</v>
      </c>
      <c r="NT13" s="119">
        <v>681777</v>
      </c>
      <c r="NU13" s="119">
        <v>1675003</v>
      </c>
      <c r="NV13" s="120">
        <v>2356780</v>
      </c>
      <c r="NW13" s="121">
        <v>2356780</v>
      </c>
      <c r="NX13" s="142">
        <v>0</v>
      </c>
      <c r="NY13" s="119">
        <v>0</v>
      </c>
      <c r="NZ13" s="120">
        <v>0</v>
      </c>
      <c r="OA13" s="145"/>
      <c r="OB13" s="119">
        <v>0</v>
      </c>
      <c r="OC13" s="119">
        <v>0</v>
      </c>
      <c r="OD13" s="119">
        <v>705123</v>
      </c>
      <c r="OE13" s="119">
        <v>383417</v>
      </c>
      <c r="OF13" s="119">
        <v>1304042</v>
      </c>
      <c r="OG13" s="120">
        <v>2392582</v>
      </c>
      <c r="OH13" s="121">
        <v>2392582</v>
      </c>
      <c r="OI13" s="142">
        <v>13494507</v>
      </c>
      <c r="OJ13" s="119">
        <v>18665087</v>
      </c>
      <c r="OK13" s="141">
        <v>32159594</v>
      </c>
      <c r="OL13" s="118">
        <v>0</v>
      </c>
      <c r="OM13" s="119">
        <v>481379985</v>
      </c>
      <c r="ON13" s="119">
        <v>485368030</v>
      </c>
      <c r="OO13" s="119">
        <v>591429875</v>
      </c>
      <c r="OP13" s="119">
        <v>703839470</v>
      </c>
      <c r="OQ13" s="119">
        <v>453694679</v>
      </c>
      <c r="OR13" s="120">
        <v>2715712039</v>
      </c>
      <c r="OS13" s="143">
        <v>2747871633</v>
      </c>
    </row>
    <row r="14" spans="1:409" ht="18.75" customHeight="1" x14ac:dyDescent="0.2">
      <c r="B14" s="62" t="s">
        <v>8</v>
      </c>
      <c r="C14" s="110">
        <v>12119302</v>
      </c>
      <c r="D14" s="114">
        <v>14334493</v>
      </c>
      <c r="E14" s="113">
        <v>26453795</v>
      </c>
      <c r="F14" s="109">
        <v>0</v>
      </c>
      <c r="G14" s="114">
        <v>140864468</v>
      </c>
      <c r="H14" s="114">
        <v>194357404</v>
      </c>
      <c r="I14" s="114">
        <v>179757793</v>
      </c>
      <c r="J14" s="114">
        <v>151427282</v>
      </c>
      <c r="K14" s="114">
        <v>134463566</v>
      </c>
      <c r="L14" s="109">
        <v>800870513</v>
      </c>
      <c r="M14" s="116">
        <v>827324308</v>
      </c>
      <c r="N14" s="110">
        <v>2154114</v>
      </c>
      <c r="O14" s="114">
        <v>2376688</v>
      </c>
      <c r="P14" s="113">
        <v>4530802</v>
      </c>
      <c r="Q14" s="110">
        <v>0</v>
      </c>
      <c r="R14" s="114">
        <v>37464552</v>
      </c>
      <c r="S14" s="114">
        <v>59615161</v>
      </c>
      <c r="T14" s="114">
        <v>57420321</v>
      </c>
      <c r="U14" s="114">
        <v>59307413</v>
      </c>
      <c r="V14" s="114">
        <v>69799446</v>
      </c>
      <c r="W14" s="113">
        <v>283606893</v>
      </c>
      <c r="X14" s="116">
        <v>288137695</v>
      </c>
      <c r="Y14" s="110">
        <v>0</v>
      </c>
      <c r="Z14" s="114">
        <v>0</v>
      </c>
      <c r="AA14" s="113">
        <v>0</v>
      </c>
      <c r="AB14" s="110">
        <v>0</v>
      </c>
      <c r="AC14" s="114">
        <v>20848305</v>
      </c>
      <c r="AD14" s="114">
        <v>35027031</v>
      </c>
      <c r="AE14" s="114">
        <v>36947796</v>
      </c>
      <c r="AF14" s="114">
        <v>38164679</v>
      </c>
      <c r="AG14" s="114">
        <v>45479535</v>
      </c>
      <c r="AH14" s="113">
        <v>176467346</v>
      </c>
      <c r="AI14" s="116">
        <v>176467346</v>
      </c>
      <c r="AJ14" s="110">
        <v>0</v>
      </c>
      <c r="AK14" s="114">
        <v>0</v>
      </c>
      <c r="AL14" s="113">
        <v>0</v>
      </c>
      <c r="AM14" s="110">
        <v>0</v>
      </c>
      <c r="AN14" s="114">
        <v>104647</v>
      </c>
      <c r="AO14" s="114">
        <v>921932</v>
      </c>
      <c r="AP14" s="114">
        <v>1913128</v>
      </c>
      <c r="AQ14" s="114">
        <v>3324559</v>
      </c>
      <c r="AR14" s="114">
        <v>7437828</v>
      </c>
      <c r="AS14" s="113">
        <v>13702094</v>
      </c>
      <c r="AT14" s="116">
        <v>13702094</v>
      </c>
      <c r="AU14" s="110">
        <v>1090183</v>
      </c>
      <c r="AV14" s="114">
        <v>1572821</v>
      </c>
      <c r="AW14" s="113">
        <v>2663004</v>
      </c>
      <c r="AX14" s="110">
        <v>0</v>
      </c>
      <c r="AY14" s="114">
        <v>9517468</v>
      </c>
      <c r="AZ14" s="114">
        <v>14526228</v>
      </c>
      <c r="BA14" s="114">
        <v>10223277</v>
      </c>
      <c r="BB14" s="114">
        <v>9960492</v>
      </c>
      <c r="BC14" s="114">
        <v>11140947</v>
      </c>
      <c r="BD14" s="113">
        <v>55368412</v>
      </c>
      <c r="BE14" s="116">
        <v>58031416</v>
      </c>
      <c r="BF14" s="110">
        <v>214178</v>
      </c>
      <c r="BG14" s="114">
        <v>322542</v>
      </c>
      <c r="BH14" s="112">
        <v>536720</v>
      </c>
      <c r="BI14" s="111">
        <v>0</v>
      </c>
      <c r="BJ14" s="114">
        <v>1734902</v>
      </c>
      <c r="BK14" s="114">
        <v>2643713</v>
      </c>
      <c r="BL14" s="114">
        <v>2234663</v>
      </c>
      <c r="BM14" s="114">
        <v>1318305</v>
      </c>
      <c r="BN14" s="114">
        <v>809206</v>
      </c>
      <c r="BO14" s="113">
        <v>8740789</v>
      </c>
      <c r="BP14" s="116">
        <v>9277509</v>
      </c>
      <c r="BQ14" s="110">
        <v>849753</v>
      </c>
      <c r="BR14" s="114">
        <v>481325</v>
      </c>
      <c r="BS14" s="113">
        <v>1331078</v>
      </c>
      <c r="BT14" s="110">
        <v>0</v>
      </c>
      <c r="BU14" s="114">
        <v>5259230</v>
      </c>
      <c r="BV14" s="114">
        <v>6496257</v>
      </c>
      <c r="BW14" s="114">
        <v>6101457</v>
      </c>
      <c r="BX14" s="114">
        <v>6539378</v>
      </c>
      <c r="BY14" s="114">
        <v>4931930</v>
      </c>
      <c r="BZ14" s="113">
        <v>29328252</v>
      </c>
      <c r="CA14" s="116">
        <v>30659330</v>
      </c>
      <c r="CB14" s="110">
        <v>1290215</v>
      </c>
      <c r="CC14" s="114">
        <v>2656614</v>
      </c>
      <c r="CD14" s="113">
        <v>3946829</v>
      </c>
      <c r="CE14" s="110">
        <v>0</v>
      </c>
      <c r="CF14" s="114">
        <v>39277520</v>
      </c>
      <c r="CG14" s="114">
        <v>54176354</v>
      </c>
      <c r="CH14" s="114">
        <v>43142896</v>
      </c>
      <c r="CI14" s="114">
        <v>25897867</v>
      </c>
      <c r="CJ14" s="114">
        <v>17665480</v>
      </c>
      <c r="CK14" s="113">
        <v>180160117</v>
      </c>
      <c r="CL14" s="116">
        <v>184106946</v>
      </c>
      <c r="CM14" s="110">
        <v>0</v>
      </c>
      <c r="CN14" s="114">
        <v>0</v>
      </c>
      <c r="CO14" s="113">
        <v>0</v>
      </c>
      <c r="CP14" s="111">
        <v>0</v>
      </c>
      <c r="CQ14" s="114">
        <v>33623336</v>
      </c>
      <c r="CR14" s="114">
        <v>44123333</v>
      </c>
      <c r="CS14" s="114">
        <v>36277174</v>
      </c>
      <c r="CT14" s="114">
        <v>21216121</v>
      </c>
      <c r="CU14" s="114">
        <v>16235984</v>
      </c>
      <c r="CV14" s="113">
        <v>151475948</v>
      </c>
      <c r="CW14" s="116">
        <v>151475948</v>
      </c>
      <c r="CX14" s="110">
        <v>1290215</v>
      </c>
      <c r="CY14" s="114">
        <v>2656614</v>
      </c>
      <c r="CZ14" s="113">
        <v>3946829</v>
      </c>
      <c r="DA14" s="110">
        <v>0</v>
      </c>
      <c r="DB14" s="114">
        <v>5654184</v>
      </c>
      <c r="DC14" s="114">
        <v>10053021</v>
      </c>
      <c r="DD14" s="114">
        <v>6865722</v>
      </c>
      <c r="DE14" s="114">
        <v>4681746</v>
      </c>
      <c r="DF14" s="114">
        <v>1429496</v>
      </c>
      <c r="DG14" s="113">
        <v>28684169</v>
      </c>
      <c r="DH14" s="116">
        <v>32630998</v>
      </c>
      <c r="DI14" s="110">
        <v>64516</v>
      </c>
      <c r="DJ14" s="114">
        <v>198138</v>
      </c>
      <c r="DK14" s="112">
        <v>262654</v>
      </c>
      <c r="DL14" s="111">
        <v>0</v>
      </c>
      <c r="DM14" s="114">
        <v>4677161</v>
      </c>
      <c r="DN14" s="114">
        <v>10735640</v>
      </c>
      <c r="DO14" s="114">
        <v>23890705</v>
      </c>
      <c r="DP14" s="114">
        <v>16366590</v>
      </c>
      <c r="DQ14" s="114">
        <v>10089508</v>
      </c>
      <c r="DR14" s="113">
        <v>65759604</v>
      </c>
      <c r="DS14" s="116">
        <v>66022258</v>
      </c>
      <c r="DT14" s="110">
        <v>64516</v>
      </c>
      <c r="DU14" s="114">
        <v>198138</v>
      </c>
      <c r="DV14" s="113">
        <v>262654</v>
      </c>
      <c r="DW14" s="110">
        <v>0</v>
      </c>
      <c r="DX14" s="114">
        <v>4518443</v>
      </c>
      <c r="DY14" s="114">
        <v>10297813</v>
      </c>
      <c r="DZ14" s="114">
        <v>23309321</v>
      </c>
      <c r="EA14" s="114">
        <v>15877073</v>
      </c>
      <c r="EB14" s="114">
        <v>9993035</v>
      </c>
      <c r="EC14" s="113">
        <v>63995685</v>
      </c>
      <c r="ED14" s="116">
        <v>64258339</v>
      </c>
      <c r="EE14" s="110">
        <v>0</v>
      </c>
      <c r="EF14" s="112">
        <v>0</v>
      </c>
      <c r="EG14" s="113">
        <v>0</v>
      </c>
      <c r="EH14" s="110">
        <v>0</v>
      </c>
      <c r="EI14" s="114">
        <v>158718</v>
      </c>
      <c r="EJ14" s="114">
        <v>437827</v>
      </c>
      <c r="EK14" s="114">
        <v>581384</v>
      </c>
      <c r="EL14" s="114">
        <v>489517</v>
      </c>
      <c r="EM14" s="114">
        <v>96473</v>
      </c>
      <c r="EN14" s="112">
        <v>1763919</v>
      </c>
      <c r="EO14" s="116">
        <v>1763919</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8"/>
      <c r="FE14" s="114">
        <v>0</v>
      </c>
      <c r="FF14" s="114">
        <v>0</v>
      </c>
      <c r="FG14" s="114">
        <v>0</v>
      </c>
      <c r="FH14" s="114">
        <v>0</v>
      </c>
      <c r="FI14" s="114">
        <v>0</v>
      </c>
      <c r="FJ14" s="113">
        <v>0</v>
      </c>
      <c r="FK14" s="116">
        <v>0</v>
      </c>
      <c r="FL14" s="110">
        <v>2993373</v>
      </c>
      <c r="FM14" s="114">
        <v>4387100</v>
      </c>
      <c r="FN14" s="113">
        <v>7380473</v>
      </c>
      <c r="FO14" s="110">
        <v>0</v>
      </c>
      <c r="FP14" s="114">
        <v>8087400</v>
      </c>
      <c r="FQ14" s="114">
        <v>20552602</v>
      </c>
      <c r="FR14" s="114">
        <v>15147728</v>
      </c>
      <c r="FS14" s="114">
        <v>12016525</v>
      </c>
      <c r="FT14" s="114">
        <v>9669268</v>
      </c>
      <c r="FU14" s="113">
        <v>65473523</v>
      </c>
      <c r="FV14" s="116">
        <v>72853996</v>
      </c>
      <c r="FW14" s="115">
        <v>2062781</v>
      </c>
      <c r="FX14" s="114">
        <v>3597445</v>
      </c>
      <c r="FY14" s="112">
        <v>5660226</v>
      </c>
      <c r="FZ14" s="111">
        <v>0</v>
      </c>
      <c r="GA14" s="114">
        <v>7030477</v>
      </c>
      <c r="GB14" s="114">
        <v>19188049</v>
      </c>
      <c r="GC14" s="114">
        <v>13737455</v>
      </c>
      <c r="GD14" s="114">
        <v>11225344</v>
      </c>
      <c r="GE14" s="114">
        <v>9451920</v>
      </c>
      <c r="GF14" s="113">
        <v>60633245</v>
      </c>
      <c r="GG14" s="319">
        <v>66293471</v>
      </c>
      <c r="GH14" s="115">
        <v>259576</v>
      </c>
      <c r="GI14" s="114">
        <v>215106</v>
      </c>
      <c r="GJ14" s="112">
        <v>474682</v>
      </c>
      <c r="GK14" s="111">
        <v>0</v>
      </c>
      <c r="GL14" s="114">
        <v>364578</v>
      </c>
      <c r="GM14" s="114">
        <v>548673</v>
      </c>
      <c r="GN14" s="114">
        <v>588123</v>
      </c>
      <c r="GO14" s="114">
        <v>442309</v>
      </c>
      <c r="GP14" s="114">
        <v>217348</v>
      </c>
      <c r="GQ14" s="113">
        <v>2161031</v>
      </c>
      <c r="GR14" s="116">
        <v>2635713</v>
      </c>
      <c r="GS14" s="110">
        <v>671016</v>
      </c>
      <c r="GT14" s="114">
        <v>574549</v>
      </c>
      <c r="GU14" s="113">
        <v>1245565</v>
      </c>
      <c r="GV14" s="110">
        <v>0</v>
      </c>
      <c r="GW14" s="114">
        <v>692345</v>
      </c>
      <c r="GX14" s="114">
        <v>815880</v>
      </c>
      <c r="GY14" s="114">
        <v>822150</v>
      </c>
      <c r="GZ14" s="114">
        <v>348872</v>
      </c>
      <c r="HA14" s="114">
        <v>0</v>
      </c>
      <c r="HB14" s="112">
        <v>2679247</v>
      </c>
      <c r="HC14" s="116">
        <v>3924812</v>
      </c>
      <c r="HD14" s="110">
        <v>3277863</v>
      </c>
      <c r="HE14" s="114">
        <v>1680806</v>
      </c>
      <c r="HF14" s="112">
        <v>4958669</v>
      </c>
      <c r="HG14" s="111">
        <v>0</v>
      </c>
      <c r="HH14" s="114">
        <v>25480044</v>
      </c>
      <c r="HI14" s="114">
        <v>21767257</v>
      </c>
      <c r="HJ14" s="114">
        <v>20766721</v>
      </c>
      <c r="HK14" s="114">
        <v>26183154</v>
      </c>
      <c r="HL14" s="114">
        <v>19419560</v>
      </c>
      <c r="HM14" s="113">
        <v>113616736</v>
      </c>
      <c r="HN14" s="109">
        <v>118575405</v>
      </c>
      <c r="HO14" s="115">
        <v>2339221</v>
      </c>
      <c r="HP14" s="114">
        <v>3035147</v>
      </c>
      <c r="HQ14" s="113">
        <v>5374368</v>
      </c>
      <c r="HR14" s="110">
        <v>0</v>
      </c>
      <c r="HS14" s="114">
        <v>25877791</v>
      </c>
      <c r="HT14" s="114">
        <v>27510390</v>
      </c>
      <c r="HU14" s="114">
        <v>19389422</v>
      </c>
      <c r="HV14" s="114">
        <v>11655733</v>
      </c>
      <c r="HW14" s="114">
        <v>7820304</v>
      </c>
      <c r="HX14" s="112">
        <v>92253640</v>
      </c>
      <c r="HY14" s="116">
        <v>97628008</v>
      </c>
      <c r="HZ14" s="131">
        <v>360117</v>
      </c>
      <c r="IA14" s="132">
        <v>845437</v>
      </c>
      <c r="IB14" s="133">
        <v>1205554</v>
      </c>
      <c r="IC14" s="134">
        <v>0</v>
      </c>
      <c r="ID14" s="135">
        <v>58504086</v>
      </c>
      <c r="IE14" s="136">
        <v>68980154</v>
      </c>
      <c r="IF14" s="137">
        <v>70075120</v>
      </c>
      <c r="IG14" s="135">
        <v>50072708</v>
      </c>
      <c r="IH14" s="137">
        <v>31182843</v>
      </c>
      <c r="II14" s="138">
        <v>278814911</v>
      </c>
      <c r="IJ14" s="139">
        <v>280020465</v>
      </c>
      <c r="IK14" s="232">
        <v>0</v>
      </c>
      <c r="IL14" s="236">
        <v>0</v>
      </c>
      <c r="IM14" s="237">
        <v>0</v>
      </c>
      <c r="IN14" s="140"/>
      <c r="IO14" s="119">
        <v>242587</v>
      </c>
      <c r="IP14" s="119">
        <v>1135185</v>
      </c>
      <c r="IQ14" s="119">
        <v>807888</v>
      </c>
      <c r="IR14" s="119">
        <v>1048622</v>
      </c>
      <c r="IS14" s="119">
        <v>602153</v>
      </c>
      <c r="IT14" s="141">
        <v>3836435</v>
      </c>
      <c r="IU14" s="321">
        <v>3836435</v>
      </c>
      <c r="IV14" s="142">
        <v>0</v>
      </c>
      <c r="IW14" s="119">
        <v>0</v>
      </c>
      <c r="IX14" s="120">
        <v>0</v>
      </c>
      <c r="IY14" s="144"/>
      <c r="IZ14" s="119">
        <v>55698</v>
      </c>
      <c r="JA14" s="119">
        <v>92752</v>
      </c>
      <c r="JB14" s="119">
        <v>0</v>
      </c>
      <c r="JC14" s="119">
        <v>74264</v>
      </c>
      <c r="JD14" s="119">
        <v>276964</v>
      </c>
      <c r="JE14" s="120">
        <v>499678</v>
      </c>
      <c r="JF14" s="121">
        <v>499678</v>
      </c>
      <c r="JG14" s="142">
        <v>0</v>
      </c>
      <c r="JH14" s="119">
        <v>0</v>
      </c>
      <c r="JI14" s="141">
        <v>0</v>
      </c>
      <c r="JJ14" s="118">
        <v>0</v>
      </c>
      <c r="JK14" s="119">
        <v>27601166</v>
      </c>
      <c r="JL14" s="119">
        <v>33347310</v>
      </c>
      <c r="JM14" s="119">
        <v>24147425</v>
      </c>
      <c r="JN14" s="119">
        <v>13167424</v>
      </c>
      <c r="JO14" s="119">
        <v>5763073</v>
      </c>
      <c r="JP14" s="120">
        <v>104026398</v>
      </c>
      <c r="JQ14" s="321">
        <v>104026398</v>
      </c>
      <c r="JR14" s="142">
        <v>0</v>
      </c>
      <c r="JS14" s="119">
        <v>0</v>
      </c>
      <c r="JT14" s="141">
        <v>0</v>
      </c>
      <c r="JU14" s="118">
        <v>0</v>
      </c>
      <c r="JV14" s="119">
        <v>455057</v>
      </c>
      <c r="JW14" s="119">
        <v>1152780</v>
      </c>
      <c r="JX14" s="119">
        <v>1163906</v>
      </c>
      <c r="JY14" s="119">
        <v>661417</v>
      </c>
      <c r="JZ14" s="119">
        <v>955219</v>
      </c>
      <c r="KA14" s="120">
        <v>4388379</v>
      </c>
      <c r="KB14" s="321">
        <v>4388379</v>
      </c>
      <c r="KC14" s="234">
        <v>360117</v>
      </c>
      <c r="KD14" s="230">
        <v>845437</v>
      </c>
      <c r="KE14" s="120">
        <v>1205554</v>
      </c>
      <c r="KF14" s="118">
        <v>0</v>
      </c>
      <c r="KG14" s="119">
        <v>10817589</v>
      </c>
      <c r="KH14" s="119">
        <v>9287632</v>
      </c>
      <c r="KI14" s="119">
        <v>13275025</v>
      </c>
      <c r="KJ14" s="119">
        <v>7133575</v>
      </c>
      <c r="KK14" s="119">
        <v>2767194</v>
      </c>
      <c r="KL14" s="120">
        <v>43281015</v>
      </c>
      <c r="KM14" s="143">
        <v>44486569</v>
      </c>
      <c r="KN14" s="232">
        <v>0</v>
      </c>
      <c r="KO14" s="236">
        <v>0</v>
      </c>
      <c r="KP14" s="237">
        <v>0</v>
      </c>
      <c r="KQ14" s="140"/>
      <c r="KR14" s="119">
        <v>16510135</v>
      </c>
      <c r="KS14" s="119">
        <v>19213149</v>
      </c>
      <c r="KT14" s="119">
        <v>19925336</v>
      </c>
      <c r="KU14" s="119">
        <v>16464133</v>
      </c>
      <c r="KV14" s="119">
        <v>11931814</v>
      </c>
      <c r="KW14" s="120">
        <v>84044567</v>
      </c>
      <c r="KX14" s="321">
        <v>84044567</v>
      </c>
      <c r="KY14" s="142">
        <v>0</v>
      </c>
      <c r="KZ14" s="119">
        <v>0</v>
      </c>
      <c r="LA14" s="120">
        <v>0</v>
      </c>
      <c r="LB14" s="145"/>
      <c r="LC14" s="119">
        <v>914557</v>
      </c>
      <c r="LD14" s="119">
        <v>1388378</v>
      </c>
      <c r="LE14" s="119">
        <v>2697481</v>
      </c>
      <c r="LF14" s="119">
        <v>3780308</v>
      </c>
      <c r="LG14" s="119">
        <v>1576619</v>
      </c>
      <c r="LH14" s="120">
        <v>10357343</v>
      </c>
      <c r="LI14" s="121">
        <v>10357343</v>
      </c>
      <c r="LJ14" s="142">
        <v>0</v>
      </c>
      <c r="LK14" s="119">
        <v>0</v>
      </c>
      <c r="LL14" s="120">
        <v>0</v>
      </c>
      <c r="LM14" s="145"/>
      <c r="LN14" s="119">
        <v>0</v>
      </c>
      <c r="LO14" s="119">
        <v>460994</v>
      </c>
      <c r="LP14" s="119">
        <v>4084772</v>
      </c>
      <c r="LQ14" s="119">
        <v>4948686</v>
      </c>
      <c r="LR14" s="119">
        <v>4063293</v>
      </c>
      <c r="LS14" s="120">
        <v>13557745</v>
      </c>
      <c r="LT14" s="321">
        <v>13557745</v>
      </c>
      <c r="LU14" s="142">
        <v>0</v>
      </c>
      <c r="LV14" s="119">
        <v>0</v>
      </c>
      <c r="LW14" s="120">
        <v>0</v>
      </c>
      <c r="LX14" s="145"/>
      <c r="LY14" s="119">
        <v>1907297</v>
      </c>
      <c r="LZ14" s="119">
        <v>2901974</v>
      </c>
      <c r="MA14" s="119">
        <v>3973287</v>
      </c>
      <c r="MB14" s="119">
        <v>2794279</v>
      </c>
      <c r="MC14" s="119">
        <v>3246514</v>
      </c>
      <c r="MD14" s="120">
        <v>14823351</v>
      </c>
      <c r="ME14" s="121">
        <v>14823351</v>
      </c>
      <c r="MF14" s="142">
        <v>0</v>
      </c>
      <c r="MG14" s="119">
        <v>0</v>
      </c>
      <c r="MH14" s="120">
        <v>0</v>
      </c>
      <c r="MI14" s="145"/>
      <c r="MJ14" s="119">
        <v>20142751</v>
      </c>
      <c r="MK14" s="119">
        <v>42219083</v>
      </c>
      <c r="ML14" s="119">
        <v>140680686</v>
      </c>
      <c r="MM14" s="119">
        <v>152037778</v>
      </c>
      <c r="MN14" s="119">
        <v>94378748</v>
      </c>
      <c r="MO14" s="120">
        <v>449459046</v>
      </c>
      <c r="MP14" s="143">
        <v>449459046</v>
      </c>
      <c r="MQ14" s="142">
        <v>0</v>
      </c>
      <c r="MR14" s="119">
        <v>0</v>
      </c>
      <c r="MS14" s="120">
        <v>0</v>
      </c>
      <c r="MT14" s="145"/>
      <c r="MU14" s="119">
        <v>5343369</v>
      </c>
      <c r="MV14" s="119">
        <v>13971537</v>
      </c>
      <c r="MW14" s="119">
        <v>91792307</v>
      </c>
      <c r="MX14" s="119">
        <v>106545002</v>
      </c>
      <c r="MY14" s="119">
        <v>67534014</v>
      </c>
      <c r="MZ14" s="120">
        <v>285186229</v>
      </c>
      <c r="NA14" s="143">
        <v>285186229</v>
      </c>
      <c r="NB14" s="142">
        <v>0</v>
      </c>
      <c r="NC14" s="119">
        <v>0</v>
      </c>
      <c r="ND14" s="120">
        <v>0</v>
      </c>
      <c r="NE14" s="145"/>
      <c r="NF14" s="119">
        <v>14575642</v>
      </c>
      <c r="NG14" s="119">
        <v>28247546</v>
      </c>
      <c r="NH14" s="119">
        <v>48512757</v>
      </c>
      <c r="NI14" s="119">
        <v>42250101</v>
      </c>
      <c r="NJ14" s="119">
        <v>23143642</v>
      </c>
      <c r="NK14" s="120">
        <v>156729688</v>
      </c>
      <c r="NL14" s="321">
        <v>156729688</v>
      </c>
      <c r="NM14" s="142">
        <v>0</v>
      </c>
      <c r="NN14" s="119">
        <v>0</v>
      </c>
      <c r="NO14" s="120">
        <v>0</v>
      </c>
      <c r="NP14" s="145"/>
      <c r="NQ14" s="119">
        <v>0</v>
      </c>
      <c r="NR14" s="119">
        <v>0</v>
      </c>
      <c r="NS14" s="119">
        <v>0</v>
      </c>
      <c r="NT14" s="119">
        <v>688246</v>
      </c>
      <c r="NU14" s="119">
        <v>0</v>
      </c>
      <c r="NV14" s="120">
        <v>688246</v>
      </c>
      <c r="NW14" s="121">
        <v>688246</v>
      </c>
      <c r="NX14" s="142">
        <v>0</v>
      </c>
      <c r="NY14" s="119">
        <v>0</v>
      </c>
      <c r="NZ14" s="120">
        <v>0</v>
      </c>
      <c r="OA14" s="145"/>
      <c r="OB14" s="119">
        <v>223740</v>
      </c>
      <c r="OC14" s="119">
        <v>0</v>
      </c>
      <c r="OD14" s="119">
        <v>375622</v>
      </c>
      <c r="OE14" s="119">
        <v>2554429</v>
      </c>
      <c r="OF14" s="119">
        <v>3701092</v>
      </c>
      <c r="OG14" s="120">
        <v>6854883</v>
      </c>
      <c r="OH14" s="121">
        <v>6854883</v>
      </c>
      <c r="OI14" s="142">
        <v>12479419</v>
      </c>
      <c r="OJ14" s="119">
        <v>15179930</v>
      </c>
      <c r="OK14" s="141">
        <v>27659349</v>
      </c>
      <c r="OL14" s="118">
        <v>0</v>
      </c>
      <c r="OM14" s="119">
        <v>219511305</v>
      </c>
      <c r="ON14" s="119">
        <v>305556641</v>
      </c>
      <c r="OO14" s="119">
        <v>390513599</v>
      </c>
      <c r="OP14" s="119">
        <v>353537768</v>
      </c>
      <c r="OQ14" s="119">
        <v>260025157</v>
      </c>
      <c r="OR14" s="120">
        <v>1529144470</v>
      </c>
      <c r="OS14" s="143">
        <v>1556803819</v>
      </c>
    </row>
    <row r="15" spans="1:409" ht="18.75" customHeight="1" x14ac:dyDescent="0.2">
      <c r="B15" s="62" t="s">
        <v>9</v>
      </c>
      <c r="C15" s="110">
        <v>12283137</v>
      </c>
      <c r="D15" s="114">
        <v>14539650</v>
      </c>
      <c r="E15" s="113">
        <v>26822787</v>
      </c>
      <c r="F15" s="111">
        <v>0</v>
      </c>
      <c r="G15" s="114">
        <v>147381277</v>
      </c>
      <c r="H15" s="114">
        <v>152146087</v>
      </c>
      <c r="I15" s="114">
        <v>145774521</v>
      </c>
      <c r="J15" s="114">
        <v>162736568</v>
      </c>
      <c r="K15" s="114">
        <v>129593553</v>
      </c>
      <c r="L15" s="109">
        <v>737632006</v>
      </c>
      <c r="M15" s="116">
        <v>764454793</v>
      </c>
      <c r="N15" s="110">
        <v>1578774</v>
      </c>
      <c r="O15" s="114">
        <v>2801515</v>
      </c>
      <c r="P15" s="113">
        <v>4380289</v>
      </c>
      <c r="Q15" s="110">
        <v>0</v>
      </c>
      <c r="R15" s="114">
        <v>43890586</v>
      </c>
      <c r="S15" s="114">
        <v>48318568</v>
      </c>
      <c r="T15" s="114">
        <v>49941151</v>
      </c>
      <c r="U15" s="114">
        <v>69827036</v>
      </c>
      <c r="V15" s="114">
        <v>68461845</v>
      </c>
      <c r="W15" s="113">
        <v>280439186</v>
      </c>
      <c r="X15" s="116">
        <v>284819475</v>
      </c>
      <c r="Y15" s="110">
        <v>0</v>
      </c>
      <c r="Z15" s="114">
        <v>0</v>
      </c>
      <c r="AA15" s="113">
        <v>0</v>
      </c>
      <c r="AB15" s="110">
        <v>0</v>
      </c>
      <c r="AC15" s="114">
        <v>21051213</v>
      </c>
      <c r="AD15" s="114">
        <v>25923365</v>
      </c>
      <c r="AE15" s="114">
        <v>28736386</v>
      </c>
      <c r="AF15" s="114">
        <v>45763842</v>
      </c>
      <c r="AG15" s="114">
        <v>43262282</v>
      </c>
      <c r="AH15" s="113">
        <v>164737088</v>
      </c>
      <c r="AI15" s="116">
        <v>164737088</v>
      </c>
      <c r="AJ15" s="110">
        <v>0</v>
      </c>
      <c r="AK15" s="114">
        <v>0</v>
      </c>
      <c r="AL15" s="113">
        <v>0</v>
      </c>
      <c r="AM15" s="110">
        <v>0</v>
      </c>
      <c r="AN15" s="114">
        <v>363030</v>
      </c>
      <c r="AO15" s="114">
        <v>353336</v>
      </c>
      <c r="AP15" s="114">
        <v>1056526</v>
      </c>
      <c r="AQ15" s="114">
        <v>3274701</v>
      </c>
      <c r="AR15" s="114">
        <v>6807162</v>
      </c>
      <c r="AS15" s="113">
        <v>11854755</v>
      </c>
      <c r="AT15" s="116">
        <v>11854755</v>
      </c>
      <c r="AU15" s="110">
        <v>610795</v>
      </c>
      <c r="AV15" s="114">
        <v>1665572</v>
      </c>
      <c r="AW15" s="113">
        <v>2276367</v>
      </c>
      <c r="AX15" s="110">
        <v>0</v>
      </c>
      <c r="AY15" s="114">
        <v>13995063</v>
      </c>
      <c r="AZ15" s="114">
        <v>13144026</v>
      </c>
      <c r="BA15" s="114">
        <v>10596498</v>
      </c>
      <c r="BB15" s="114">
        <v>10891141</v>
      </c>
      <c r="BC15" s="114">
        <v>11250128</v>
      </c>
      <c r="BD15" s="113">
        <v>59876856</v>
      </c>
      <c r="BE15" s="116">
        <v>62153223</v>
      </c>
      <c r="BF15" s="110">
        <v>54913</v>
      </c>
      <c r="BG15" s="114">
        <v>411224</v>
      </c>
      <c r="BH15" s="112">
        <v>466137</v>
      </c>
      <c r="BI15" s="111">
        <v>0</v>
      </c>
      <c r="BJ15" s="114">
        <v>1639267</v>
      </c>
      <c r="BK15" s="114">
        <v>1672295</v>
      </c>
      <c r="BL15" s="114">
        <v>1668811</v>
      </c>
      <c r="BM15" s="114">
        <v>1676982</v>
      </c>
      <c r="BN15" s="114">
        <v>1289621</v>
      </c>
      <c r="BO15" s="113">
        <v>7946976</v>
      </c>
      <c r="BP15" s="116">
        <v>8413113</v>
      </c>
      <c r="BQ15" s="110">
        <v>913066</v>
      </c>
      <c r="BR15" s="114">
        <v>724719</v>
      </c>
      <c r="BS15" s="113">
        <v>1637785</v>
      </c>
      <c r="BT15" s="110">
        <v>0</v>
      </c>
      <c r="BU15" s="114">
        <v>6842013</v>
      </c>
      <c r="BV15" s="114">
        <v>7225546</v>
      </c>
      <c r="BW15" s="114">
        <v>7882930</v>
      </c>
      <c r="BX15" s="114">
        <v>8220370</v>
      </c>
      <c r="BY15" s="114">
        <v>5852652</v>
      </c>
      <c r="BZ15" s="113">
        <v>36023511</v>
      </c>
      <c r="CA15" s="116">
        <v>37661296</v>
      </c>
      <c r="CB15" s="110">
        <v>855731</v>
      </c>
      <c r="CC15" s="114">
        <v>2296951</v>
      </c>
      <c r="CD15" s="113">
        <v>3152682</v>
      </c>
      <c r="CE15" s="110">
        <v>0</v>
      </c>
      <c r="CF15" s="114">
        <v>32726237</v>
      </c>
      <c r="CG15" s="114">
        <v>31682962</v>
      </c>
      <c r="CH15" s="114">
        <v>25543436</v>
      </c>
      <c r="CI15" s="114">
        <v>20068951</v>
      </c>
      <c r="CJ15" s="114">
        <v>7548981</v>
      </c>
      <c r="CK15" s="113">
        <v>117570567</v>
      </c>
      <c r="CL15" s="116">
        <v>120723249</v>
      </c>
      <c r="CM15" s="110">
        <v>0</v>
      </c>
      <c r="CN15" s="114">
        <v>0</v>
      </c>
      <c r="CO15" s="113">
        <v>0</v>
      </c>
      <c r="CP15" s="111">
        <v>0</v>
      </c>
      <c r="CQ15" s="114">
        <v>27411239</v>
      </c>
      <c r="CR15" s="114">
        <v>25486530</v>
      </c>
      <c r="CS15" s="114">
        <v>21226138</v>
      </c>
      <c r="CT15" s="114">
        <v>14876866</v>
      </c>
      <c r="CU15" s="114">
        <v>6298973</v>
      </c>
      <c r="CV15" s="113">
        <v>95299746</v>
      </c>
      <c r="CW15" s="116">
        <v>95299746</v>
      </c>
      <c r="CX15" s="110">
        <v>855731</v>
      </c>
      <c r="CY15" s="114">
        <v>2296951</v>
      </c>
      <c r="CZ15" s="113">
        <v>3152682</v>
      </c>
      <c r="DA15" s="110">
        <v>0</v>
      </c>
      <c r="DB15" s="114">
        <v>5314998</v>
      </c>
      <c r="DC15" s="114">
        <v>6196432</v>
      </c>
      <c r="DD15" s="114">
        <v>4317298</v>
      </c>
      <c r="DE15" s="114">
        <v>5192085</v>
      </c>
      <c r="DF15" s="114">
        <v>1250008</v>
      </c>
      <c r="DG15" s="113">
        <v>22270821</v>
      </c>
      <c r="DH15" s="116">
        <v>25423503</v>
      </c>
      <c r="DI15" s="110">
        <v>93934</v>
      </c>
      <c r="DJ15" s="114">
        <v>67846</v>
      </c>
      <c r="DK15" s="112">
        <v>161780</v>
      </c>
      <c r="DL15" s="111">
        <v>0</v>
      </c>
      <c r="DM15" s="114">
        <v>3421911</v>
      </c>
      <c r="DN15" s="114">
        <v>9184129</v>
      </c>
      <c r="DO15" s="114">
        <v>14759608</v>
      </c>
      <c r="DP15" s="114">
        <v>15085968</v>
      </c>
      <c r="DQ15" s="114">
        <v>8393999</v>
      </c>
      <c r="DR15" s="113">
        <v>50845615</v>
      </c>
      <c r="DS15" s="116">
        <v>51007395</v>
      </c>
      <c r="DT15" s="110">
        <v>66050</v>
      </c>
      <c r="DU15" s="114">
        <v>67846</v>
      </c>
      <c r="DV15" s="113">
        <v>133896</v>
      </c>
      <c r="DW15" s="110">
        <v>0</v>
      </c>
      <c r="DX15" s="114">
        <v>3226743</v>
      </c>
      <c r="DY15" s="114">
        <v>7810914</v>
      </c>
      <c r="DZ15" s="114">
        <v>12810513</v>
      </c>
      <c r="EA15" s="114">
        <v>13467712</v>
      </c>
      <c r="EB15" s="114">
        <v>7449604</v>
      </c>
      <c r="EC15" s="113">
        <v>44765486</v>
      </c>
      <c r="ED15" s="116">
        <v>44899382</v>
      </c>
      <c r="EE15" s="110">
        <v>27884</v>
      </c>
      <c r="EF15" s="112">
        <v>0</v>
      </c>
      <c r="EG15" s="113">
        <v>27884</v>
      </c>
      <c r="EH15" s="110">
        <v>0</v>
      </c>
      <c r="EI15" s="114">
        <v>195168</v>
      </c>
      <c r="EJ15" s="114">
        <v>1373215</v>
      </c>
      <c r="EK15" s="114">
        <v>1949095</v>
      </c>
      <c r="EL15" s="114">
        <v>1618256</v>
      </c>
      <c r="EM15" s="114">
        <v>944395</v>
      </c>
      <c r="EN15" s="112">
        <v>6080129</v>
      </c>
      <c r="EO15" s="116">
        <v>6108013</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8"/>
      <c r="FE15" s="114">
        <v>0</v>
      </c>
      <c r="FF15" s="114">
        <v>0</v>
      </c>
      <c r="FG15" s="114">
        <v>0</v>
      </c>
      <c r="FH15" s="114">
        <v>0</v>
      </c>
      <c r="FI15" s="114">
        <v>0</v>
      </c>
      <c r="FJ15" s="113">
        <v>0</v>
      </c>
      <c r="FK15" s="116">
        <v>0</v>
      </c>
      <c r="FL15" s="110">
        <v>5018703</v>
      </c>
      <c r="FM15" s="114">
        <v>4095923</v>
      </c>
      <c r="FN15" s="113">
        <v>9114626</v>
      </c>
      <c r="FO15" s="110">
        <v>0</v>
      </c>
      <c r="FP15" s="114">
        <v>10908366</v>
      </c>
      <c r="FQ15" s="114">
        <v>13874946</v>
      </c>
      <c r="FR15" s="114">
        <v>10863429</v>
      </c>
      <c r="FS15" s="114">
        <v>12044308</v>
      </c>
      <c r="FT15" s="114">
        <v>8579551</v>
      </c>
      <c r="FU15" s="113">
        <v>56270600</v>
      </c>
      <c r="FV15" s="116">
        <v>65385226</v>
      </c>
      <c r="FW15" s="115">
        <v>1851198</v>
      </c>
      <c r="FX15" s="114">
        <v>2609820</v>
      </c>
      <c r="FY15" s="112">
        <v>4461018</v>
      </c>
      <c r="FZ15" s="111">
        <v>0</v>
      </c>
      <c r="GA15" s="114">
        <v>7576255</v>
      </c>
      <c r="GB15" s="114">
        <v>12175368</v>
      </c>
      <c r="GC15" s="114">
        <v>10043590</v>
      </c>
      <c r="GD15" s="114">
        <v>11254641</v>
      </c>
      <c r="GE15" s="114">
        <v>8128193</v>
      </c>
      <c r="GF15" s="113">
        <v>49178047</v>
      </c>
      <c r="GG15" s="319">
        <v>53639065</v>
      </c>
      <c r="GH15" s="115">
        <v>1069895</v>
      </c>
      <c r="GI15" s="114">
        <v>528603</v>
      </c>
      <c r="GJ15" s="112">
        <v>1598498</v>
      </c>
      <c r="GK15" s="111">
        <v>0</v>
      </c>
      <c r="GL15" s="114">
        <v>385383</v>
      </c>
      <c r="GM15" s="114">
        <v>292438</v>
      </c>
      <c r="GN15" s="114">
        <v>246129</v>
      </c>
      <c r="GO15" s="114">
        <v>332017</v>
      </c>
      <c r="GP15" s="114">
        <v>228908</v>
      </c>
      <c r="GQ15" s="113">
        <v>1484875</v>
      </c>
      <c r="GR15" s="116">
        <v>3083373</v>
      </c>
      <c r="GS15" s="110">
        <v>2097610</v>
      </c>
      <c r="GT15" s="114">
        <v>957500</v>
      </c>
      <c r="GU15" s="113">
        <v>3055110</v>
      </c>
      <c r="GV15" s="110">
        <v>0</v>
      </c>
      <c r="GW15" s="114">
        <v>2946728</v>
      </c>
      <c r="GX15" s="114">
        <v>1407140</v>
      </c>
      <c r="GY15" s="114">
        <v>573710</v>
      </c>
      <c r="GZ15" s="114">
        <v>457650</v>
      </c>
      <c r="HA15" s="114">
        <v>222450</v>
      </c>
      <c r="HB15" s="112">
        <v>5607678</v>
      </c>
      <c r="HC15" s="116">
        <v>8662788</v>
      </c>
      <c r="HD15" s="110">
        <v>2721972</v>
      </c>
      <c r="HE15" s="114">
        <v>2581274</v>
      </c>
      <c r="HF15" s="112">
        <v>5303246</v>
      </c>
      <c r="HG15" s="111">
        <v>0</v>
      </c>
      <c r="HH15" s="114">
        <v>30362038</v>
      </c>
      <c r="HI15" s="114">
        <v>29818080</v>
      </c>
      <c r="HJ15" s="114">
        <v>31026870</v>
      </c>
      <c r="HK15" s="114">
        <v>34809794</v>
      </c>
      <c r="HL15" s="114">
        <v>29476798</v>
      </c>
      <c r="HM15" s="113">
        <v>155493580</v>
      </c>
      <c r="HN15" s="109">
        <v>160796826</v>
      </c>
      <c r="HO15" s="115">
        <v>2014023</v>
      </c>
      <c r="HP15" s="114">
        <v>2696141</v>
      </c>
      <c r="HQ15" s="113">
        <v>4710164</v>
      </c>
      <c r="HR15" s="110">
        <v>0</v>
      </c>
      <c r="HS15" s="114">
        <v>26072139</v>
      </c>
      <c r="HT15" s="114">
        <v>19267402</v>
      </c>
      <c r="HU15" s="114">
        <v>13640027</v>
      </c>
      <c r="HV15" s="114">
        <v>10900511</v>
      </c>
      <c r="HW15" s="114">
        <v>7132379</v>
      </c>
      <c r="HX15" s="112">
        <v>77012458</v>
      </c>
      <c r="HY15" s="116">
        <v>81722622</v>
      </c>
      <c r="HZ15" s="128">
        <v>123339</v>
      </c>
      <c r="IA15" s="149">
        <v>764160</v>
      </c>
      <c r="IB15" s="129">
        <v>887499</v>
      </c>
      <c r="IC15" s="146">
        <v>0</v>
      </c>
      <c r="ID15" s="132">
        <v>35015485</v>
      </c>
      <c r="IE15" s="147">
        <v>39826322</v>
      </c>
      <c r="IF15" s="133">
        <v>56474419</v>
      </c>
      <c r="IG15" s="132">
        <v>39920468</v>
      </c>
      <c r="IH15" s="133">
        <v>19595767</v>
      </c>
      <c r="II15" s="148">
        <v>190832461</v>
      </c>
      <c r="IJ15" s="130">
        <v>191719960</v>
      </c>
      <c r="IK15" s="232">
        <v>0</v>
      </c>
      <c r="IL15" s="236">
        <v>0</v>
      </c>
      <c r="IM15" s="237">
        <v>0</v>
      </c>
      <c r="IN15" s="140"/>
      <c r="IO15" s="119">
        <v>69791</v>
      </c>
      <c r="IP15" s="119">
        <v>751114</v>
      </c>
      <c r="IQ15" s="119">
        <v>709391</v>
      </c>
      <c r="IR15" s="119">
        <v>2775234</v>
      </c>
      <c r="IS15" s="119">
        <v>1846178</v>
      </c>
      <c r="IT15" s="141">
        <v>6151708</v>
      </c>
      <c r="IU15" s="321">
        <v>6151708</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7302552</v>
      </c>
      <c r="JL15" s="119">
        <v>17384396</v>
      </c>
      <c r="JM15" s="119">
        <v>15542575</v>
      </c>
      <c r="JN15" s="119">
        <v>7667640</v>
      </c>
      <c r="JO15" s="119">
        <v>3561703</v>
      </c>
      <c r="JP15" s="120">
        <v>61458866</v>
      </c>
      <c r="JQ15" s="321">
        <v>61458866</v>
      </c>
      <c r="JR15" s="142">
        <v>0</v>
      </c>
      <c r="JS15" s="119">
        <v>0</v>
      </c>
      <c r="JT15" s="141">
        <v>0</v>
      </c>
      <c r="JU15" s="118">
        <v>0</v>
      </c>
      <c r="JV15" s="119">
        <v>703097</v>
      </c>
      <c r="JW15" s="119">
        <v>491384</v>
      </c>
      <c r="JX15" s="119">
        <v>1135802</v>
      </c>
      <c r="JY15" s="119">
        <v>593652</v>
      </c>
      <c r="JZ15" s="119">
        <v>579109</v>
      </c>
      <c r="KA15" s="120">
        <v>3503044</v>
      </c>
      <c r="KB15" s="321">
        <v>3503044</v>
      </c>
      <c r="KC15" s="234">
        <v>123339</v>
      </c>
      <c r="KD15" s="230">
        <v>510644</v>
      </c>
      <c r="KE15" s="120">
        <v>633983</v>
      </c>
      <c r="KF15" s="118">
        <v>0</v>
      </c>
      <c r="KG15" s="119">
        <v>5058670</v>
      </c>
      <c r="KH15" s="119">
        <v>6649461</v>
      </c>
      <c r="KI15" s="119">
        <v>5323628</v>
      </c>
      <c r="KJ15" s="119">
        <v>7322740</v>
      </c>
      <c r="KK15" s="119">
        <v>1273075</v>
      </c>
      <c r="KL15" s="120">
        <v>25627574</v>
      </c>
      <c r="KM15" s="143">
        <v>26261557</v>
      </c>
      <c r="KN15" s="232">
        <v>0</v>
      </c>
      <c r="KO15" s="236">
        <v>253516</v>
      </c>
      <c r="KP15" s="237">
        <v>253516</v>
      </c>
      <c r="KQ15" s="140"/>
      <c r="KR15" s="119">
        <v>9962598</v>
      </c>
      <c r="KS15" s="119">
        <v>13141428</v>
      </c>
      <c r="KT15" s="119">
        <v>29168351</v>
      </c>
      <c r="KU15" s="119">
        <v>15915579</v>
      </c>
      <c r="KV15" s="119">
        <v>7575204</v>
      </c>
      <c r="KW15" s="120">
        <v>75763160</v>
      </c>
      <c r="KX15" s="321">
        <v>76016676</v>
      </c>
      <c r="KY15" s="142">
        <v>0</v>
      </c>
      <c r="KZ15" s="119">
        <v>0</v>
      </c>
      <c r="LA15" s="120">
        <v>0</v>
      </c>
      <c r="LB15" s="145"/>
      <c r="LC15" s="119">
        <v>704686</v>
      </c>
      <c r="LD15" s="119">
        <v>1016517</v>
      </c>
      <c r="LE15" s="119">
        <v>902612</v>
      </c>
      <c r="LF15" s="119">
        <v>1180383</v>
      </c>
      <c r="LG15" s="119">
        <v>1333843</v>
      </c>
      <c r="LH15" s="120">
        <v>5138041</v>
      </c>
      <c r="LI15" s="121">
        <v>5138041</v>
      </c>
      <c r="LJ15" s="142">
        <v>0</v>
      </c>
      <c r="LK15" s="119">
        <v>0</v>
      </c>
      <c r="LL15" s="120">
        <v>0</v>
      </c>
      <c r="LM15" s="145"/>
      <c r="LN15" s="119">
        <v>0</v>
      </c>
      <c r="LO15" s="119">
        <v>0</v>
      </c>
      <c r="LP15" s="119">
        <v>0</v>
      </c>
      <c r="LQ15" s="119">
        <v>325122</v>
      </c>
      <c r="LR15" s="119">
        <v>0</v>
      </c>
      <c r="LS15" s="120">
        <v>325122</v>
      </c>
      <c r="LT15" s="321">
        <v>325122</v>
      </c>
      <c r="LU15" s="142">
        <v>0</v>
      </c>
      <c r="LV15" s="119">
        <v>0</v>
      </c>
      <c r="LW15" s="120">
        <v>0</v>
      </c>
      <c r="LX15" s="145"/>
      <c r="LY15" s="119">
        <v>1214091</v>
      </c>
      <c r="LZ15" s="119">
        <v>392022</v>
      </c>
      <c r="MA15" s="119">
        <v>3692060</v>
      </c>
      <c r="MB15" s="119">
        <v>4140118</v>
      </c>
      <c r="MC15" s="119">
        <v>3426655</v>
      </c>
      <c r="MD15" s="120">
        <v>12864946</v>
      </c>
      <c r="ME15" s="121">
        <v>12864946</v>
      </c>
      <c r="MF15" s="142">
        <v>0</v>
      </c>
      <c r="MG15" s="119">
        <v>0</v>
      </c>
      <c r="MH15" s="120">
        <v>0</v>
      </c>
      <c r="MI15" s="145"/>
      <c r="MJ15" s="119">
        <v>8349274</v>
      </c>
      <c r="MK15" s="119">
        <v>21133443</v>
      </c>
      <c r="ML15" s="119">
        <v>78386206</v>
      </c>
      <c r="MM15" s="119">
        <v>154293337</v>
      </c>
      <c r="MN15" s="119">
        <v>109477279</v>
      </c>
      <c r="MO15" s="120">
        <v>371639539</v>
      </c>
      <c r="MP15" s="143">
        <v>371639539</v>
      </c>
      <c r="MQ15" s="142">
        <v>0</v>
      </c>
      <c r="MR15" s="119">
        <v>0</v>
      </c>
      <c r="MS15" s="120">
        <v>0</v>
      </c>
      <c r="MT15" s="145"/>
      <c r="MU15" s="119">
        <v>1750977</v>
      </c>
      <c r="MV15" s="119">
        <v>739773</v>
      </c>
      <c r="MW15" s="119">
        <v>51129140</v>
      </c>
      <c r="MX15" s="119">
        <v>108514937</v>
      </c>
      <c r="MY15" s="119">
        <v>86503416</v>
      </c>
      <c r="MZ15" s="120">
        <v>248638243</v>
      </c>
      <c r="NA15" s="143">
        <v>248638243</v>
      </c>
      <c r="NB15" s="142">
        <v>0</v>
      </c>
      <c r="NC15" s="119">
        <v>0</v>
      </c>
      <c r="ND15" s="120">
        <v>0</v>
      </c>
      <c r="NE15" s="145"/>
      <c r="NF15" s="119">
        <v>6598297</v>
      </c>
      <c r="NG15" s="119">
        <v>20150487</v>
      </c>
      <c r="NH15" s="119">
        <v>26574979</v>
      </c>
      <c r="NI15" s="119">
        <v>44326727</v>
      </c>
      <c r="NJ15" s="119">
        <v>21334208</v>
      </c>
      <c r="NK15" s="120">
        <v>118984698</v>
      </c>
      <c r="NL15" s="321">
        <v>118984698</v>
      </c>
      <c r="NM15" s="142">
        <v>0</v>
      </c>
      <c r="NN15" s="119">
        <v>0</v>
      </c>
      <c r="NO15" s="120">
        <v>0</v>
      </c>
      <c r="NP15" s="145"/>
      <c r="NQ15" s="119">
        <v>0</v>
      </c>
      <c r="NR15" s="119">
        <v>0</v>
      </c>
      <c r="NS15" s="119">
        <v>0</v>
      </c>
      <c r="NT15" s="119">
        <v>687986</v>
      </c>
      <c r="NU15" s="119">
        <v>0</v>
      </c>
      <c r="NV15" s="120">
        <v>687986</v>
      </c>
      <c r="NW15" s="121">
        <v>687986</v>
      </c>
      <c r="NX15" s="142">
        <v>0</v>
      </c>
      <c r="NY15" s="119">
        <v>0</v>
      </c>
      <c r="NZ15" s="120">
        <v>0</v>
      </c>
      <c r="OA15" s="145"/>
      <c r="OB15" s="119">
        <v>0</v>
      </c>
      <c r="OC15" s="119">
        <v>243183</v>
      </c>
      <c r="OD15" s="119">
        <v>682087</v>
      </c>
      <c r="OE15" s="119">
        <v>763687</v>
      </c>
      <c r="OF15" s="119">
        <v>1639655</v>
      </c>
      <c r="OG15" s="120">
        <v>3328612</v>
      </c>
      <c r="OH15" s="121">
        <v>3328612</v>
      </c>
      <c r="OI15" s="142">
        <v>12406476</v>
      </c>
      <c r="OJ15" s="119">
        <v>15303810</v>
      </c>
      <c r="OK15" s="141">
        <v>27710286</v>
      </c>
      <c r="OL15" s="118">
        <v>0</v>
      </c>
      <c r="OM15" s="119">
        <v>190746036</v>
      </c>
      <c r="ON15" s="119">
        <v>213105852</v>
      </c>
      <c r="OO15" s="119">
        <v>280635146</v>
      </c>
      <c r="OP15" s="119">
        <v>356950373</v>
      </c>
      <c r="OQ15" s="119">
        <v>258666599</v>
      </c>
      <c r="OR15" s="120">
        <v>1300104006</v>
      </c>
      <c r="OS15" s="143">
        <v>1327814292</v>
      </c>
    </row>
    <row r="16" spans="1:409" ht="18.75" customHeight="1" x14ac:dyDescent="0.2">
      <c r="B16" s="62" t="s">
        <v>10</v>
      </c>
      <c r="C16" s="110">
        <v>22856508</v>
      </c>
      <c r="D16" s="114">
        <v>41588724</v>
      </c>
      <c r="E16" s="113">
        <v>64445232</v>
      </c>
      <c r="F16" s="172">
        <v>0</v>
      </c>
      <c r="G16" s="114">
        <v>327638105</v>
      </c>
      <c r="H16" s="114">
        <v>259538448</v>
      </c>
      <c r="I16" s="114">
        <v>235231755</v>
      </c>
      <c r="J16" s="114">
        <v>233486827</v>
      </c>
      <c r="K16" s="114">
        <v>192389001</v>
      </c>
      <c r="L16" s="109">
        <v>1248284136</v>
      </c>
      <c r="M16" s="116">
        <v>1312729368</v>
      </c>
      <c r="N16" s="110">
        <v>5496743</v>
      </c>
      <c r="O16" s="114">
        <v>13066412</v>
      </c>
      <c r="P16" s="113">
        <v>18563155</v>
      </c>
      <c r="Q16" s="110">
        <v>0</v>
      </c>
      <c r="R16" s="114">
        <v>102077493</v>
      </c>
      <c r="S16" s="114">
        <v>86342877</v>
      </c>
      <c r="T16" s="114">
        <v>77128949</v>
      </c>
      <c r="U16" s="114">
        <v>101120947</v>
      </c>
      <c r="V16" s="114">
        <v>102965488</v>
      </c>
      <c r="W16" s="113">
        <v>469635754</v>
      </c>
      <c r="X16" s="116">
        <v>488198909</v>
      </c>
      <c r="Y16" s="110">
        <v>0</v>
      </c>
      <c r="Z16" s="114">
        <v>0</v>
      </c>
      <c r="AA16" s="113">
        <v>0</v>
      </c>
      <c r="AB16" s="110">
        <v>0</v>
      </c>
      <c r="AC16" s="114">
        <v>51441404</v>
      </c>
      <c r="AD16" s="114">
        <v>45405983</v>
      </c>
      <c r="AE16" s="114">
        <v>46972413</v>
      </c>
      <c r="AF16" s="114">
        <v>66439416</v>
      </c>
      <c r="AG16" s="114">
        <v>62115509</v>
      </c>
      <c r="AH16" s="113">
        <v>272374725</v>
      </c>
      <c r="AI16" s="116">
        <v>272374725</v>
      </c>
      <c r="AJ16" s="110">
        <v>0</v>
      </c>
      <c r="AK16" s="114">
        <v>0</v>
      </c>
      <c r="AL16" s="113">
        <v>0</v>
      </c>
      <c r="AM16" s="110">
        <v>0</v>
      </c>
      <c r="AN16" s="114">
        <v>325687</v>
      </c>
      <c r="AO16" s="114">
        <v>1409651</v>
      </c>
      <c r="AP16" s="114">
        <v>2184489</v>
      </c>
      <c r="AQ16" s="114">
        <v>5666270</v>
      </c>
      <c r="AR16" s="114">
        <v>10560888</v>
      </c>
      <c r="AS16" s="113">
        <v>20146985</v>
      </c>
      <c r="AT16" s="116">
        <v>20146985</v>
      </c>
      <c r="AU16" s="110">
        <v>2994613</v>
      </c>
      <c r="AV16" s="114">
        <v>9017340</v>
      </c>
      <c r="AW16" s="113">
        <v>12011953</v>
      </c>
      <c r="AX16" s="110">
        <v>0</v>
      </c>
      <c r="AY16" s="114">
        <v>30491930</v>
      </c>
      <c r="AZ16" s="114">
        <v>22284755</v>
      </c>
      <c r="BA16" s="114">
        <v>15272295</v>
      </c>
      <c r="BB16" s="114">
        <v>14730274</v>
      </c>
      <c r="BC16" s="114">
        <v>18062105</v>
      </c>
      <c r="BD16" s="113">
        <v>100841359</v>
      </c>
      <c r="BE16" s="116">
        <v>112853312</v>
      </c>
      <c r="BF16" s="110">
        <v>560595</v>
      </c>
      <c r="BG16" s="114">
        <v>1374093</v>
      </c>
      <c r="BH16" s="112">
        <v>1934688</v>
      </c>
      <c r="BI16" s="111">
        <v>0</v>
      </c>
      <c r="BJ16" s="114">
        <v>3434776</v>
      </c>
      <c r="BK16" s="114">
        <v>3348834</v>
      </c>
      <c r="BL16" s="114">
        <v>1468984</v>
      </c>
      <c r="BM16" s="114">
        <v>1415116</v>
      </c>
      <c r="BN16" s="114">
        <v>1637931</v>
      </c>
      <c r="BO16" s="113">
        <v>11305641</v>
      </c>
      <c r="BP16" s="116">
        <v>13240329</v>
      </c>
      <c r="BQ16" s="110">
        <v>1941535</v>
      </c>
      <c r="BR16" s="114">
        <v>2674979</v>
      </c>
      <c r="BS16" s="113">
        <v>4616514</v>
      </c>
      <c r="BT16" s="110">
        <v>0</v>
      </c>
      <c r="BU16" s="114">
        <v>16383696</v>
      </c>
      <c r="BV16" s="114">
        <v>13893654</v>
      </c>
      <c r="BW16" s="114">
        <v>11230768</v>
      </c>
      <c r="BX16" s="114">
        <v>12869871</v>
      </c>
      <c r="BY16" s="114">
        <v>10589055</v>
      </c>
      <c r="BZ16" s="113">
        <v>64967044</v>
      </c>
      <c r="CA16" s="116">
        <v>69583558</v>
      </c>
      <c r="CB16" s="110">
        <v>1527060</v>
      </c>
      <c r="CC16" s="114">
        <v>3570866</v>
      </c>
      <c r="CD16" s="113">
        <v>5097926</v>
      </c>
      <c r="CE16" s="110">
        <v>0</v>
      </c>
      <c r="CF16" s="114">
        <v>95296882</v>
      </c>
      <c r="CG16" s="114">
        <v>67716550</v>
      </c>
      <c r="CH16" s="114">
        <v>53713947</v>
      </c>
      <c r="CI16" s="114">
        <v>33122645</v>
      </c>
      <c r="CJ16" s="114">
        <v>18154763</v>
      </c>
      <c r="CK16" s="113">
        <v>268004787</v>
      </c>
      <c r="CL16" s="116">
        <v>273102713</v>
      </c>
      <c r="CM16" s="110">
        <v>0</v>
      </c>
      <c r="CN16" s="114">
        <v>0</v>
      </c>
      <c r="CO16" s="113">
        <v>0</v>
      </c>
      <c r="CP16" s="111">
        <v>0</v>
      </c>
      <c r="CQ16" s="114">
        <v>82467208</v>
      </c>
      <c r="CR16" s="114">
        <v>57787073</v>
      </c>
      <c r="CS16" s="114">
        <v>46645079</v>
      </c>
      <c r="CT16" s="114">
        <v>28438324</v>
      </c>
      <c r="CU16" s="114">
        <v>16118273</v>
      </c>
      <c r="CV16" s="113">
        <v>231455957</v>
      </c>
      <c r="CW16" s="116">
        <v>231455957</v>
      </c>
      <c r="CX16" s="110">
        <v>1527060</v>
      </c>
      <c r="CY16" s="114">
        <v>3570866</v>
      </c>
      <c r="CZ16" s="113">
        <v>5097926</v>
      </c>
      <c r="DA16" s="110">
        <v>0</v>
      </c>
      <c r="DB16" s="114">
        <v>12829674</v>
      </c>
      <c r="DC16" s="114">
        <v>9929477</v>
      </c>
      <c r="DD16" s="114">
        <v>7068868</v>
      </c>
      <c r="DE16" s="114">
        <v>4684321</v>
      </c>
      <c r="DF16" s="114">
        <v>2036490</v>
      </c>
      <c r="DG16" s="113">
        <v>36548830</v>
      </c>
      <c r="DH16" s="116">
        <v>41646756</v>
      </c>
      <c r="DI16" s="110">
        <v>162841</v>
      </c>
      <c r="DJ16" s="114">
        <v>910517</v>
      </c>
      <c r="DK16" s="112">
        <v>1073358</v>
      </c>
      <c r="DL16" s="111">
        <v>0</v>
      </c>
      <c r="DM16" s="114">
        <v>10722522</v>
      </c>
      <c r="DN16" s="114">
        <v>13367858</v>
      </c>
      <c r="DO16" s="114">
        <v>24266340</v>
      </c>
      <c r="DP16" s="114">
        <v>17955150</v>
      </c>
      <c r="DQ16" s="114">
        <v>13196515</v>
      </c>
      <c r="DR16" s="113">
        <v>79508385</v>
      </c>
      <c r="DS16" s="116">
        <v>80581743</v>
      </c>
      <c r="DT16" s="110">
        <v>162841</v>
      </c>
      <c r="DU16" s="114">
        <v>837475</v>
      </c>
      <c r="DV16" s="113">
        <v>1000316</v>
      </c>
      <c r="DW16" s="110">
        <v>0</v>
      </c>
      <c r="DX16" s="114">
        <v>10075570</v>
      </c>
      <c r="DY16" s="114">
        <v>12038268</v>
      </c>
      <c r="DZ16" s="114">
        <v>22819228</v>
      </c>
      <c r="EA16" s="114">
        <v>17026634</v>
      </c>
      <c r="EB16" s="114">
        <v>12500051</v>
      </c>
      <c r="EC16" s="113">
        <v>74459751</v>
      </c>
      <c r="ED16" s="116">
        <v>75460067</v>
      </c>
      <c r="EE16" s="110">
        <v>0</v>
      </c>
      <c r="EF16" s="112">
        <v>73042</v>
      </c>
      <c r="EG16" s="113">
        <v>73042</v>
      </c>
      <c r="EH16" s="110">
        <v>0</v>
      </c>
      <c r="EI16" s="114">
        <v>646952</v>
      </c>
      <c r="EJ16" s="114">
        <v>1329590</v>
      </c>
      <c r="EK16" s="114">
        <v>1447112</v>
      </c>
      <c r="EL16" s="114">
        <v>928516</v>
      </c>
      <c r="EM16" s="114">
        <v>696464</v>
      </c>
      <c r="EN16" s="112">
        <v>5048634</v>
      </c>
      <c r="EO16" s="116">
        <v>5121676</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8"/>
      <c r="FE16" s="114">
        <v>0</v>
      </c>
      <c r="FF16" s="114">
        <v>0</v>
      </c>
      <c r="FG16" s="114">
        <v>0</v>
      </c>
      <c r="FH16" s="114">
        <v>0</v>
      </c>
      <c r="FI16" s="114">
        <v>0</v>
      </c>
      <c r="FJ16" s="113">
        <v>0</v>
      </c>
      <c r="FK16" s="116">
        <v>0</v>
      </c>
      <c r="FL16" s="110">
        <v>6106238</v>
      </c>
      <c r="FM16" s="114">
        <v>9723489</v>
      </c>
      <c r="FN16" s="113">
        <v>15829727</v>
      </c>
      <c r="FO16" s="110">
        <v>0</v>
      </c>
      <c r="FP16" s="114">
        <v>19559742</v>
      </c>
      <c r="FQ16" s="114">
        <v>24444505</v>
      </c>
      <c r="FR16" s="114">
        <v>18024388</v>
      </c>
      <c r="FS16" s="114">
        <v>16787023</v>
      </c>
      <c r="FT16" s="114">
        <v>13721402</v>
      </c>
      <c r="FU16" s="113">
        <v>92537060</v>
      </c>
      <c r="FV16" s="116">
        <v>108366787</v>
      </c>
      <c r="FW16" s="115">
        <v>4125685</v>
      </c>
      <c r="FX16" s="114">
        <v>8055950</v>
      </c>
      <c r="FY16" s="112">
        <v>12181635</v>
      </c>
      <c r="FZ16" s="111">
        <v>0</v>
      </c>
      <c r="GA16" s="114">
        <v>16196849</v>
      </c>
      <c r="GB16" s="114">
        <v>22509242</v>
      </c>
      <c r="GC16" s="114">
        <v>17225990</v>
      </c>
      <c r="GD16" s="114">
        <v>15623921</v>
      </c>
      <c r="GE16" s="114">
        <v>13452166</v>
      </c>
      <c r="GF16" s="113">
        <v>85008168</v>
      </c>
      <c r="GG16" s="319">
        <v>97189803</v>
      </c>
      <c r="GH16" s="115">
        <v>393507</v>
      </c>
      <c r="GI16" s="114">
        <v>427835</v>
      </c>
      <c r="GJ16" s="112">
        <v>821342</v>
      </c>
      <c r="GK16" s="111">
        <v>0</v>
      </c>
      <c r="GL16" s="114">
        <v>1197533</v>
      </c>
      <c r="GM16" s="114">
        <v>586273</v>
      </c>
      <c r="GN16" s="114">
        <v>432298</v>
      </c>
      <c r="GO16" s="114">
        <v>652712</v>
      </c>
      <c r="GP16" s="114">
        <v>99736</v>
      </c>
      <c r="GQ16" s="113">
        <v>2968552</v>
      </c>
      <c r="GR16" s="116">
        <v>3789894</v>
      </c>
      <c r="GS16" s="110">
        <v>1587046</v>
      </c>
      <c r="GT16" s="114">
        <v>1239704</v>
      </c>
      <c r="GU16" s="113">
        <v>2826750</v>
      </c>
      <c r="GV16" s="110">
        <v>0</v>
      </c>
      <c r="GW16" s="114">
        <v>2165360</v>
      </c>
      <c r="GX16" s="114">
        <v>1348990</v>
      </c>
      <c r="GY16" s="114">
        <v>366100</v>
      </c>
      <c r="GZ16" s="114">
        <v>510390</v>
      </c>
      <c r="HA16" s="114">
        <v>169500</v>
      </c>
      <c r="HB16" s="112">
        <v>4560340</v>
      </c>
      <c r="HC16" s="116">
        <v>7387090</v>
      </c>
      <c r="HD16" s="110">
        <v>4345111</v>
      </c>
      <c r="HE16" s="114">
        <v>7298979</v>
      </c>
      <c r="HF16" s="112">
        <v>11644090</v>
      </c>
      <c r="HG16" s="111">
        <v>0</v>
      </c>
      <c r="HH16" s="114">
        <v>48166718</v>
      </c>
      <c r="HI16" s="114">
        <v>39451708</v>
      </c>
      <c r="HJ16" s="114">
        <v>41894764</v>
      </c>
      <c r="HK16" s="114">
        <v>49950811</v>
      </c>
      <c r="HL16" s="114">
        <v>33742256</v>
      </c>
      <c r="HM16" s="113">
        <v>213206257</v>
      </c>
      <c r="HN16" s="109">
        <v>224850347</v>
      </c>
      <c r="HO16" s="115">
        <v>5218515</v>
      </c>
      <c r="HP16" s="114">
        <v>7018461</v>
      </c>
      <c r="HQ16" s="113">
        <v>12236976</v>
      </c>
      <c r="HR16" s="110">
        <v>0</v>
      </c>
      <c r="HS16" s="114">
        <v>51814748</v>
      </c>
      <c r="HT16" s="114">
        <v>28214950</v>
      </c>
      <c r="HU16" s="114">
        <v>20203367</v>
      </c>
      <c r="HV16" s="114">
        <v>14550251</v>
      </c>
      <c r="HW16" s="114">
        <v>10608577</v>
      </c>
      <c r="HX16" s="112">
        <v>125391893</v>
      </c>
      <c r="HY16" s="116">
        <v>137628869</v>
      </c>
      <c r="HZ16" s="150">
        <v>527634</v>
      </c>
      <c r="IA16" s="135">
        <v>2775338</v>
      </c>
      <c r="IB16" s="150">
        <v>3302972</v>
      </c>
      <c r="IC16" s="134">
        <v>0</v>
      </c>
      <c r="ID16" s="135">
        <v>78394774</v>
      </c>
      <c r="IE16" s="136">
        <v>82218636</v>
      </c>
      <c r="IF16" s="137">
        <v>76420974</v>
      </c>
      <c r="IG16" s="135">
        <v>72134927</v>
      </c>
      <c r="IH16" s="137">
        <v>69261865</v>
      </c>
      <c r="II16" s="138">
        <v>378431176</v>
      </c>
      <c r="IJ16" s="150">
        <v>381734148</v>
      </c>
      <c r="IK16" s="232">
        <v>0</v>
      </c>
      <c r="IL16" s="236">
        <v>0</v>
      </c>
      <c r="IM16" s="237">
        <v>0</v>
      </c>
      <c r="IN16" s="140"/>
      <c r="IO16" s="119">
        <v>1937799</v>
      </c>
      <c r="IP16" s="119">
        <v>1697760</v>
      </c>
      <c r="IQ16" s="119">
        <v>2237710</v>
      </c>
      <c r="IR16" s="119">
        <v>4879086</v>
      </c>
      <c r="IS16" s="119">
        <v>3725717</v>
      </c>
      <c r="IT16" s="141">
        <v>14478072</v>
      </c>
      <c r="IU16" s="321">
        <v>14478072</v>
      </c>
      <c r="IV16" s="142">
        <v>0</v>
      </c>
      <c r="IW16" s="119">
        <v>0</v>
      </c>
      <c r="IX16" s="120">
        <v>0</v>
      </c>
      <c r="IY16" s="144"/>
      <c r="IZ16" s="119">
        <v>149369</v>
      </c>
      <c r="JA16" s="119">
        <v>162048</v>
      </c>
      <c r="JB16" s="119">
        <v>320582</v>
      </c>
      <c r="JC16" s="119">
        <v>294237</v>
      </c>
      <c r="JD16" s="119">
        <v>112717</v>
      </c>
      <c r="JE16" s="120">
        <v>1038953</v>
      </c>
      <c r="JF16" s="121">
        <v>1038953</v>
      </c>
      <c r="JG16" s="142">
        <v>0</v>
      </c>
      <c r="JH16" s="119">
        <v>0</v>
      </c>
      <c r="JI16" s="141">
        <v>0</v>
      </c>
      <c r="JJ16" s="118">
        <v>0</v>
      </c>
      <c r="JK16" s="119">
        <v>25958130</v>
      </c>
      <c r="JL16" s="119">
        <v>16461863</v>
      </c>
      <c r="JM16" s="119">
        <v>9886066</v>
      </c>
      <c r="JN16" s="119">
        <v>6734818</v>
      </c>
      <c r="JO16" s="119">
        <v>4127401</v>
      </c>
      <c r="JP16" s="120">
        <v>63168278</v>
      </c>
      <c r="JQ16" s="321">
        <v>63168278</v>
      </c>
      <c r="JR16" s="142">
        <v>0</v>
      </c>
      <c r="JS16" s="119">
        <v>45331</v>
      </c>
      <c r="JT16" s="141">
        <v>45331</v>
      </c>
      <c r="JU16" s="118">
        <v>0</v>
      </c>
      <c r="JV16" s="119">
        <v>1139385</v>
      </c>
      <c r="JW16" s="119">
        <v>1818091</v>
      </c>
      <c r="JX16" s="119">
        <v>2443695</v>
      </c>
      <c r="JY16" s="119">
        <v>1228255</v>
      </c>
      <c r="JZ16" s="119">
        <v>1766802</v>
      </c>
      <c r="KA16" s="120">
        <v>8396228</v>
      </c>
      <c r="KB16" s="321">
        <v>8441559</v>
      </c>
      <c r="KC16" s="234">
        <v>527634</v>
      </c>
      <c r="KD16" s="230">
        <v>1981279</v>
      </c>
      <c r="KE16" s="120">
        <v>2508913</v>
      </c>
      <c r="KF16" s="118">
        <v>0</v>
      </c>
      <c r="KG16" s="119">
        <v>12172386</v>
      </c>
      <c r="KH16" s="119">
        <v>14038320</v>
      </c>
      <c r="KI16" s="119">
        <v>20193861</v>
      </c>
      <c r="KJ16" s="119">
        <v>13900536</v>
      </c>
      <c r="KK16" s="119">
        <v>11656895</v>
      </c>
      <c r="KL16" s="120">
        <v>71961998</v>
      </c>
      <c r="KM16" s="143">
        <v>74470911</v>
      </c>
      <c r="KN16" s="232">
        <v>0</v>
      </c>
      <c r="KO16" s="236">
        <v>748728</v>
      </c>
      <c r="KP16" s="237">
        <v>748728</v>
      </c>
      <c r="KQ16" s="140"/>
      <c r="KR16" s="119">
        <v>30373392</v>
      </c>
      <c r="KS16" s="119">
        <v>34704182</v>
      </c>
      <c r="KT16" s="119">
        <v>25341648</v>
      </c>
      <c r="KU16" s="119">
        <v>23657299</v>
      </c>
      <c r="KV16" s="119">
        <v>24646980</v>
      </c>
      <c r="KW16" s="120">
        <v>138723501</v>
      </c>
      <c r="KX16" s="321">
        <v>139472229</v>
      </c>
      <c r="KY16" s="142">
        <v>0</v>
      </c>
      <c r="KZ16" s="119">
        <v>0</v>
      </c>
      <c r="LA16" s="120">
        <v>0</v>
      </c>
      <c r="LB16" s="145"/>
      <c r="LC16" s="119">
        <v>4099925</v>
      </c>
      <c r="LD16" s="119">
        <v>5556936</v>
      </c>
      <c r="LE16" s="119">
        <v>6710929</v>
      </c>
      <c r="LF16" s="119">
        <v>6394619</v>
      </c>
      <c r="LG16" s="119">
        <v>8016223</v>
      </c>
      <c r="LH16" s="120">
        <v>30778632</v>
      </c>
      <c r="LI16" s="121">
        <v>30778632</v>
      </c>
      <c r="LJ16" s="142">
        <v>0</v>
      </c>
      <c r="LK16" s="119">
        <v>0</v>
      </c>
      <c r="LL16" s="120">
        <v>0</v>
      </c>
      <c r="LM16" s="145"/>
      <c r="LN16" s="119">
        <v>0</v>
      </c>
      <c r="LO16" s="119">
        <v>0</v>
      </c>
      <c r="LP16" s="119">
        <v>1302196</v>
      </c>
      <c r="LQ16" s="119">
        <v>5354907</v>
      </c>
      <c r="LR16" s="119">
        <v>5341485</v>
      </c>
      <c r="LS16" s="120">
        <v>11998588</v>
      </c>
      <c r="LT16" s="321">
        <v>11998588</v>
      </c>
      <c r="LU16" s="142">
        <v>0</v>
      </c>
      <c r="LV16" s="119">
        <v>0</v>
      </c>
      <c r="LW16" s="120">
        <v>0</v>
      </c>
      <c r="LX16" s="145"/>
      <c r="LY16" s="119">
        <v>2564388</v>
      </c>
      <c r="LZ16" s="119">
        <v>7779436</v>
      </c>
      <c r="MA16" s="119">
        <v>7984287</v>
      </c>
      <c r="MB16" s="119">
        <v>9691170</v>
      </c>
      <c r="MC16" s="119">
        <v>9867645</v>
      </c>
      <c r="MD16" s="120">
        <v>37886926</v>
      </c>
      <c r="ME16" s="121">
        <v>37886926</v>
      </c>
      <c r="MF16" s="142">
        <v>0</v>
      </c>
      <c r="MG16" s="119">
        <v>0</v>
      </c>
      <c r="MH16" s="120">
        <v>0</v>
      </c>
      <c r="MI16" s="145"/>
      <c r="MJ16" s="119">
        <v>30711930</v>
      </c>
      <c r="MK16" s="119">
        <v>47746506</v>
      </c>
      <c r="ML16" s="119">
        <v>149425434</v>
      </c>
      <c r="MM16" s="119">
        <v>204495769</v>
      </c>
      <c r="MN16" s="119">
        <v>194352475</v>
      </c>
      <c r="MO16" s="120">
        <v>626732114</v>
      </c>
      <c r="MP16" s="143">
        <v>626732114</v>
      </c>
      <c r="MQ16" s="142">
        <v>0</v>
      </c>
      <c r="MR16" s="119">
        <v>0</v>
      </c>
      <c r="MS16" s="120">
        <v>0</v>
      </c>
      <c r="MT16" s="145"/>
      <c r="MU16" s="119">
        <v>3716721</v>
      </c>
      <c r="MV16" s="119">
        <v>11431674</v>
      </c>
      <c r="MW16" s="119">
        <v>99540732</v>
      </c>
      <c r="MX16" s="119">
        <v>147148009</v>
      </c>
      <c r="MY16" s="119">
        <v>146728965</v>
      </c>
      <c r="MZ16" s="120">
        <v>408566101</v>
      </c>
      <c r="NA16" s="143">
        <v>408566101</v>
      </c>
      <c r="NB16" s="142">
        <v>0</v>
      </c>
      <c r="NC16" s="119">
        <v>0</v>
      </c>
      <c r="ND16" s="120">
        <v>0</v>
      </c>
      <c r="NE16" s="145"/>
      <c r="NF16" s="119">
        <v>26789415</v>
      </c>
      <c r="NG16" s="119">
        <v>36046675</v>
      </c>
      <c r="NH16" s="119">
        <v>49884702</v>
      </c>
      <c r="NI16" s="119">
        <v>55876983</v>
      </c>
      <c r="NJ16" s="119">
        <v>33700311</v>
      </c>
      <c r="NK16" s="120">
        <v>202298086</v>
      </c>
      <c r="NL16" s="321">
        <v>202298086</v>
      </c>
      <c r="NM16" s="142">
        <v>0</v>
      </c>
      <c r="NN16" s="119">
        <v>0</v>
      </c>
      <c r="NO16" s="120">
        <v>0</v>
      </c>
      <c r="NP16" s="145"/>
      <c r="NQ16" s="119">
        <v>0</v>
      </c>
      <c r="NR16" s="119">
        <v>0</v>
      </c>
      <c r="NS16" s="119">
        <v>0</v>
      </c>
      <c r="NT16" s="119">
        <v>0</v>
      </c>
      <c r="NU16" s="119">
        <v>796477</v>
      </c>
      <c r="NV16" s="120">
        <v>796477</v>
      </c>
      <c r="NW16" s="121">
        <v>796477</v>
      </c>
      <c r="NX16" s="142">
        <v>0</v>
      </c>
      <c r="NY16" s="119">
        <v>0</v>
      </c>
      <c r="NZ16" s="120">
        <v>0</v>
      </c>
      <c r="OA16" s="145"/>
      <c r="OB16" s="119">
        <v>205794</v>
      </c>
      <c r="OC16" s="119">
        <v>268157</v>
      </c>
      <c r="OD16" s="119">
        <v>0</v>
      </c>
      <c r="OE16" s="119">
        <v>1470777</v>
      </c>
      <c r="OF16" s="119">
        <v>13126722</v>
      </c>
      <c r="OG16" s="120">
        <v>15071450</v>
      </c>
      <c r="OH16" s="121">
        <v>15071450</v>
      </c>
      <c r="OI16" s="142">
        <v>23384142</v>
      </c>
      <c r="OJ16" s="119">
        <v>44364062</v>
      </c>
      <c r="OK16" s="141">
        <v>67748204</v>
      </c>
      <c r="OL16" s="118">
        <v>0</v>
      </c>
      <c r="OM16" s="119">
        <v>436744809</v>
      </c>
      <c r="ON16" s="119">
        <v>389503590</v>
      </c>
      <c r="OO16" s="119">
        <v>461078163</v>
      </c>
      <c r="OP16" s="119">
        <v>510117523</v>
      </c>
      <c r="OQ16" s="119">
        <v>456003341</v>
      </c>
      <c r="OR16" s="120">
        <v>2253447426</v>
      </c>
      <c r="OS16" s="143">
        <v>2321195630</v>
      </c>
    </row>
    <row r="17" spans="2:409" ht="18.75" customHeight="1" x14ac:dyDescent="0.2">
      <c r="B17" s="62" t="s">
        <v>11</v>
      </c>
      <c r="C17" s="110">
        <v>10976127</v>
      </c>
      <c r="D17" s="114">
        <v>15594675</v>
      </c>
      <c r="E17" s="171">
        <v>26570802</v>
      </c>
      <c r="F17" s="111">
        <v>0</v>
      </c>
      <c r="G17" s="114">
        <v>164024044</v>
      </c>
      <c r="H17" s="114">
        <v>131801913</v>
      </c>
      <c r="I17" s="114">
        <v>130238739</v>
      </c>
      <c r="J17" s="114">
        <v>131512599</v>
      </c>
      <c r="K17" s="114">
        <v>89405329</v>
      </c>
      <c r="L17" s="109">
        <v>646982624</v>
      </c>
      <c r="M17" s="116">
        <v>673553426</v>
      </c>
      <c r="N17" s="110">
        <v>1523316</v>
      </c>
      <c r="O17" s="114">
        <v>2870465</v>
      </c>
      <c r="P17" s="113">
        <v>4393781</v>
      </c>
      <c r="Q17" s="110">
        <v>0</v>
      </c>
      <c r="R17" s="114">
        <v>39219659</v>
      </c>
      <c r="S17" s="114">
        <v>37778747</v>
      </c>
      <c r="T17" s="114">
        <v>38749042</v>
      </c>
      <c r="U17" s="114">
        <v>43811455</v>
      </c>
      <c r="V17" s="114">
        <v>42568576</v>
      </c>
      <c r="W17" s="113">
        <v>202127479</v>
      </c>
      <c r="X17" s="116">
        <v>206521260</v>
      </c>
      <c r="Y17" s="110">
        <v>0</v>
      </c>
      <c r="Z17" s="114">
        <v>0</v>
      </c>
      <c r="AA17" s="113">
        <v>0</v>
      </c>
      <c r="AB17" s="110">
        <v>0</v>
      </c>
      <c r="AC17" s="114">
        <v>20360678</v>
      </c>
      <c r="AD17" s="114">
        <v>20861885</v>
      </c>
      <c r="AE17" s="114">
        <v>22530627</v>
      </c>
      <c r="AF17" s="114">
        <v>27000274</v>
      </c>
      <c r="AG17" s="114">
        <v>26243306</v>
      </c>
      <c r="AH17" s="113">
        <v>116996770</v>
      </c>
      <c r="AI17" s="116">
        <v>116996770</v>
      </c>
      <c r="AJ17" s="110">
        <v>0</v>
      </c>
      <c r="AK17" s="114">
        <v>26405</v>
      </c>
      <c r="AL17" s="113">
        <v>26405</v>
      </c>
      <c r="AM17" s="110">
        <v>0</v>
      </c>
      <c r="AN17" s="114">
        <v>152059</v>
      </c>
      <c r="AO17" s="114">
        <v>898552</v>
      </c>
      <c r="AP17" s="114">
        <v>1640555</v>
      </c>
      <c r="AQ17" s="114">
        <v>2916251</v>
      </c>
      <c r="AR17" s="114">
        <v>4330958</v>
      </c>
      <c r="AS17" s="113">
        <v>9938375</v>
      </c>
      <c r="AT17" s="116">
        <v>9964780</v>
      </c>
      <c r="AU17" s="110">
        <v>905537</v>
      </c>
      <c r="AV17" s="114">
        <v>2039031</v>
      </c>
      <c r="AW17" s="113">
        <v>2944568</v>
      </c>
      <c r="AX17" s="110">
        <v>0</v>
      </c>
      <c r="AY17" s="114">
        <v>11619518</v>
      </c>
      <c r="AZ17" s="114">
        <v>9792947</v>
      </c>
      <c r="BA17" s="114">
        <v>8600875</v>
      </c>
      <c r="BB17" s="114">
        <v>7923896</v>
      </c>
      <c r="BC17" s="114">
        <v>8311501</v>
      </c>
      <c r="BD17" s="113">
        <v>46248737</v>
      </c>
      <c r="BE17" s="116">
        <v>49193305</v>
      </c>
      <c r="BF17" s="110">
        <v>62068</v>
      </c>
      <c r="BG17" s="114">
        <v>276904</v>
      </c>
      <c r="BH17" s="112">
        <v>338972</v>
      </c>
      <c r="BI17" s="111">
        <v>0</v>
      </c>
      <c r="BJ17" s="114">
        <v>1496642</v>
      </c>
      <c r="BK17" s="114">
        <v>1029815</v>
      </c>
      <c r="BL17" s="114">
        <v>850357</v>
      </c>
      <c r="BM17" s="114">
        <v>722402</v>
      </c>
      <c r="BN17" s="114">
        <v>166115</v>
      </c>
      <c r="BO17" s="113">
        <v>4265331</v>
      </c>
      <c r="BP17" s="116">
        <v>4604303</v>
      </c>
      <c r="BQ17" s="110">
        <v>555711</v>
      </c>
      <c r="BR17" s="114">
        <v>528125</v>
      </c>
      <c r="BS17" s="113">
        <v>1083836</v>
      </c>
      <c r="BT17" s="110">
        <v>0</v>
      </c>
      <c r="BU17" s="114">
        <v>5590762</v>
      </c>
      <c r="BV17" s="114">
        <v>5195548</v>
      </c>
      <c r="BW17" s="114">
        <v>5126628</v>
      </c>
      <c r="BX17" s="114">
        <v>5248632</v>
      </c>
      <c r="BY17" s="114">
        <v>3516696</v>
      </c>
      <c r="BZ17" s="113">
        <v>24678266</v>
      </c>
      <c r="CA17" s="116">
        <v>25762102</v>
      </c>
      <c r="CB17" s="110">
        <v>1954488</v>
      </c>
      <c r="CC17" s="114">
        <v>3255652</v>
      </c>
      <c r="CD17" s="113">
        <v>5210140</v>
      </c>
      <c r="CE17" s="110">
        <v>0</v>
      </c>
      <c r="CF17" s="114">
        <v>51405920</v>
      </c>
      <c r="CG17" s="114">
        <v>35376890</v>
      </c>
      <c r="CH17" s="114">
        <v>30635584</v>
      </c>
      <c r="CI17" s="114">
        <v>21743661</v>
      </c>
      <c r="CJ17" s="114">
        <v>10444105</v>
      </c>
      <c r="CK17" s="113">
        <v>149606160</v>
      </c>
      <c r="CL17" s="116">
        <v>154816300</v>
      </c>
      <c r="CM17" s="110">
        <v>0</v>
      </c>
      <c r="CN17" s="114">
        <v>0</v>
      </c>
      <c r="CO17" s="113">
        <v>0</v>
      </c>
      <c r="CP17" s="111">
        <v>0</v>
      </c>
      <c r="CQ17" s="114">
        <v>41113697</v>
      </c>
      <c r="CR17" s="114">
        <v>27932143</v>
      </c>
      <c r="CS17" s="114">
        <v>23802416</v>
      </c>
      <c r="CT17" s="114">
        <v>16376192</v>
      </c>
      <c r="CU17" s="114">
        <v>8885917</v>
      </c>
      <c r="CV17" s="113">
        <v>118110365</v>
      </c>
      <c r="CW17" s="116">
        <v>118110365</v>
      </c>
      <c r="CX17" s="110">
        <v>1954488</v>
      </c>
      <c r="CY17" s="114">
        <v>3255652</v>
      </c>
      <c r="CZ17" s="113">
        <v>5210140</v>
      </c>
      <c r="DA17" s="110">
        <v>0</v>
      </c>
      <c r="DB17" s="114">
        <v>10292223</v>
      </c>
      <c r="DC17" s="114">
        <v>7444747</v>
      </c>
      <c r="DD17" s="114">
        <v>6833168</v>
      </c>
      <c r="DE17" s="114">
        <v>5367469</v>
      </c>
      <c r="DF17" s="114">
        <v>1558188</v>
      </c>
      <c r="DG17" s="113">
        <v>31495795</v>
      </c>
      <c r="DH17" s="116">
        <v>36705935</v>
      </c>
      <c r="DI17" s="110">
        <v>106554</v>
      </c>
      <c r="DJ17" s="114">
        <v>433644</v>
      </c>
      <c r="DK17" s="112">
        <v>540198</v>
      </c>
      <c r="DL17" s="111">
        <v>0</v>
      </c>
      <c r="DM17" s="114">
        <v>5135227</v>
      </c>
      <c r="DN17" s="114">
        <v>6489026</v>
      </c>
      <c r="DO17" s="114">
        <v>12002379</v>
      </c>
      <c r="DP17" s="114">
        <v>9833704</v>
      </c>
      <c r="DQ17" s="114">
        <v>6194013</v>
      </c>
      <c r="DR17" s="113">
        <v>39654349</v>
      </c>
      <c r="DS17" s="116">
        <v>40194547</v>
      </c>
      <c r="DT17" s="110">
        <v>106554</v>
      </c>
      <c r="DU17" s="114">
        <v>347264</v>
      </c>
      <c r="DV17" s="113">
        <v>453818</v>
      </c>
      <c r="DW17" s="110">
        <v>0</v>
      </c>
      <c r="DX17" s="114">
        <v>4784999</v>
      </c>
      <c r="DY17" s="114">
        <v>5913681</v>
      </c>
      <c r="DZ17" s="114">
        <v>10670638</v>
      </c>
      <c r="EA17" s="114">
        <v>9410577</v>
      </c>
      <c r="EB17" s="114">
        <v>5460703</v>
      </c>
      <c r="EC17" s="113">
        <v>36240598</v>
      </c>
      <c r="ED17" s="116">
        <v>36694416</v>
      </c>
      <c r="EE17" s="110">
        <v>0</v>
      </c>
      <c r="EF17" s="112">
        <v>86380</v>
      </c>
      <c r="EG17" s="113">
        <v>86380</v>
      </c>
      <c r="EH17" s="110">
        <v>0</v>
      </c>
      <c r="EI17" s="114">
        <v>350228</v>
      </c>
      <c r="EJ17" s="114">
        <v>575345</v>
      </c>
      <c r="EK17" s="114">
        <v>1331741</v>
      </c>
      <c r="EL17" s="114">
        <v>423127</v>
      </c>
      <c r="EM17" s="114">
        <v>733310</v>
      </c>
      <c r="EN17" s="112">
        <v>3413751</v>
      </c>
      <c r="EO17" s="116">
        <v>3500131</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8"/>
      <c r="FE17" s="114">
        <v>0</v>
      </c>
      <c r="FF17" s="114">
        <v>0</v>
      </c>
      <c r="FG17" s="114">
        <v>0</v>
      </c>
      <c r="FH17" s="114">
        <v>0</v>
      </c>
      <c r="FI17" s="114">
        <v>0</v>
      </c>
      <c r="FJ17" s="113">
        <v>0</v>
      </c>
      <c r="FK17" s="116">
        <v>0</v>
      </c>
      <c r="FL17" s="110">
        <v>2787210</v>
      </c>
      <c r="FM17" s="114">
        <v>3338080</v>
      </c>
      <c r="FN17" s="113">
        <v>6125290</v>
      </c>
      <c r="FO17" s="110">
        <v>0</v>
      </c>
      <c r="FP17" s="114">
        <v>8493884</v>
      </c>
      <c r="FQ17" s="114">
        <v>11343411</v>
      </c>
      <c r="FR17" s="114">
        <v>10447990</v>
      </c>
      <c r="FS17" s="114">
        <v>9473460</v>
      </c>
      <c r="FT17" s="114">
        <v>6462660</v>
      </c>
      <c r="FU17" s="113">
        <v>46221405</v>
      </c>
      <c r="FV17" s="116">
        <v>52346695</v>
      </c>
      <c r="FW17" s="115">
        <v>1848579</v>
      </c>
      <c r="FX17" s="114">
        <v>2708679</v>
      </c>
      <c r="FY17" s="112">
        <v>4557258</v>
      </c>
      <c r="FZ17" s="111">
        <v>0</v>
      </c>
      <c r="GA17" s="114">
        <v>6535608</v>
      </c>
      <c r="GB17" s="114">
        <v>10356887</v>
      </c>
      <c r="GC17" s="114">
        <v>9782757</v>
      </c>
      <c r="GD17" s="114">
        <v>8774165</v>
      </c>
      <c r="GE17" s="114">
        <v>6203955</v>
      </c>
      <c r="GF17" s="113">
        <v>41653372</v>
      </c>
      <c r="GG17" s="319">
        <v>46210630</v>
      </c>
      <c r="GH17" s="115">
        <v>181461</v>
      </c>
      <c r="GI17" s="114">
        <v>65596</v>
      </c>
      <c r="GJ17" s="112">
        <v>247057</v>
      </c>
      <c r="GK17" s="111">
        <v>0</v>
      </c>
      <c r="GL17" s="114">
        <v>399292</v>
      </c>
      <c r="GM17" s="114">
        <v>345673</v>
      </c>
      <c r="GN17" s="114">
        <v>256929</v>
      </c>
      <c r="GO17" s="114">
        <v>289930</v>
      </c>
      <c r="GP17" s="114">
        <v>237105</v>
      </c>
      <c r="GQ17" s="113">
        <v>1528929</v>
      </c>
      <c r="GR17" s="116">
        <v>1775986</v>
      </c>
      <c r="GS17" s="110">
        <v>757170</v>
      </c>
      <c r="GT17" s="114">
        <v>563805</v>
      </c>
      <c r="GU17" s="113">
        <v>1320975</v>
      </c>
      <c r="GV17" s="110">
        <v>0</v>
      </c>
      <c r="GW17" s="114">
        <v>1558984</v>
      </c>
      <c r="GX17" s="114">
        <v>640851</v>
      </c>
      <c r="GY17" s="114">
        <v>408304</v>
      </c>
      <c r="GZ17" s="114">
        <v>409365</v>
      </c>
      <c r="HA17" s="114">
        <v>21600</v>
      </c>
      <c r="HB17" s="112">
        <v>3039104</v>
      </c>
      <c r="HC17" s="116">
        <v>4360079</v>
      </c>
      <c r="HD17" s="110">
        <v>2195214</v>
      </c>
      <c r="HE17" s="114">
        <v>3093460</v>
      </c>
      <c r="HF17" s="112">
        <v>5288674</v>
      </c>
      <c r="HG17" s="111">
        <v>0</v>
      </c>
      <c r="HH17" s="114">
        <v>32040489</v>
      </c>
      <c r="HI17" s="114">
        <v>25423971</v>
      </c>
      <c r="HJ17" s="114">
        <v>25484625</v>
      </c>
      <c r="HK17" s="114">
        <v>37758783</v>
      </c>
      <c r="HL17" s="114">
        <v>18289965</v>
      </c>
      <c r="HM17" s="113">
        <v>138997833</v>
      </c>
      <c r="HN17" s="109">
        <v>144286507</v>
      </c>
      <c r="HO17" s="115">
        <v>2409345</v>
      </c>
      <c r="HP17" s="114">
        <v>2603374</v>
      </c>
      <c r="HQ17" s="113">
        <v>5012719</v>
      </c>
      <c r="HR17" s="110">
        <v>0</v>
      </c>
      <c r="HS17" s="114">
        <v>27728865</v>
      </c>
      <c r="HT17" s="114">
        <v>15389868</v>
      </c>
      <c r="HU17" s="114">
        <v>12919119</v>
      </c>
      <c r="HV17" s="114">
        <v>8891536</v>
      </c>
      <c r="HW17" s="114">
        <v>5446010</v>
      </c>
      <c r="HX17" s="112">
        <v>70375398</v>
      </c>
      <c r="HY17" s="116">
        <v>75388117</v>
      </c>
      <c r="HZ17" s="131">
        <v>239288</v>
      </c>
      <c r="IA17" s="132">
        <v>2172758</v>
      </c>
      <c r="IB17" s="133">
        <v>2412046</v>
      </c>
      <c r="IC17" s="146">
        <v>0</v>
      </c>
      <c r="ID17" s="132">
        <v>53155965</v>
      </c>
      <c r="IE17" s="147">
        <v>53216801</v>
      </c>
      <c r="IF17" s="133">
        <v>46106045</v>
      </c>
      <c r="IG17" s="132">
        <v>32169513</v>
      </c>
      <c r="IH17" s="133">
        <v>19549998</v>
      </c>
      <c r="II17" s="148">
        <v>204198322</v>
      </c>
      <c r="IJ17" s="139">
        <v>206610368</v>
      </c>
      <c r="IK17" s="232">
        <v>0</v>
      </c>
      <c r="IL17" s="236">
        <v>0</v>
      </c>
      <c r="IM17" s="237">
        <v>0</v>
      </c>
      <c r="IN17" s="140"/>
      <c r="IO17" s="119">
        <v>910369</v>
      </c>
      <c r="IP17" s="119">
        <v>765780</v>
      </c>
      <c r="IQ17" s="119">
        <v>980632</v>
      </c>
      <c r="IR17" s="119">
        <v>1573460</v>
      </c>
      <c r="IS17" s="119">
        <v>1958413</v>
      </c>
      <c r="IT17" s="141">
        <v>6188654</v>
      </c>
      <c r="IU17" s="321">
        <v>6188654</v>
      </c>
      <c r="IV17" s="142">
        <v>0</v>
      </c>
      <c r="IW17" s="119">
        <v>0</v>
      </c>
      <c r="IX17" s="120">
        <v>0</v>
      </c>
      <c r="IY17" s="144"/>
      <c r="IZ17" s="119">
        <v>182758</v>
      </c>
      <c r="JA17" s="119">
        <v>319023</v>
      </c>
      <c r="JB17" s="119">
        <v>129962</v>
      </c>
      <c r="JC17" s="119">
        <v>199221</v>
      </c>
      <c r="JD17" s="119">
        <v>148221</v>
      </c>
      <c r="JE17" s="120">
        <v>979185</v>
      </c>
      <c r="JF17" s="121">
        <v>979185</v>
      </c>
      <c r="JG17" s="142">
        <v>0</v>
      </c>
      <c r="JH17" s="119">
        <v>0</v>
      </c>
      <c r="JI17" s="141">
        <v>0</v>
      </c>
      <c r="JJ17" s="118">
        <v>0</v>
      </c>
      <c r="JK17" s="119">
        <v>28027577</v>
      </c>
      <c r="JL17" s="119">
        <v>19187895</v>
      </c>
      <c r="JM17" s="119">
        <v>15500572</v>
      </c>
      <c r="JN17" s="119">
        <v>9698612</v>
      </c>
      <c r="JO17" s="119">
        <v>3780551</v>
      </c>
      <c r="JP17" s="120">
        <v>76195207</v>
      </c>
      <c r="JQ17" s="321">
        <v>76195207</v>
      </c>
      <c r="JR17" s="142">
        <v>0</v>
      </c>
      <c r="JS17" s="119">
        <v>83574</v>
      </c>
      <c r="JT17" s="141">
        <v>83574</v>
      </c>
      <c r="JU17" s="118">
        <v>0</v>
      </c>
      <c r="JV17" s="119">
        <v>1088588</v>
      </c>
      <c r="JW17" s="119">
        <v>1194167</v>
      </c>
      <c r="JX17" s="119">
        <v>1085855</v>
      </c>
      <c r="JY17" s="119">
        <v>140401</v>
      </c>
      <c r="JZ17" s="119">
        <v>128351</v>
      </c>
      <c r="KA17" s="120">
        <v>3637362</v>
      </c>
      <c r="KB17" s="321">
        <v>3720936</v>
      </c>
      <c r="KC17" s="234">
        <v>239288</v>
      </c>
      <c r="KD17" s="230">
        <v>592421</v>
      </c>
      <c r="KE17" s="120">
        <v>831709</v>
      </c>
      <c r="KF17" s="118">
        <v>0</v>
      </c>
      <c r="KG17" s="119">
        <v>5183251</v>
      </c>
      <c r="KH17" s="119">
        <v>7937546</v>
      </c>
      <c r="KI17" s="119">
        <v>8525239</v>
      </c>
      <c r="KJ17" s="119">
        <v>5129061</v>
      </c>
      <c r="KK17" s="119">
        <v>2867523</v>
      </c>
      <c r="KL17" s="120">
        <v>29642620</v>
      </c>
      <c r="KM17" s="143">
        <v>30474329</v>
      </c>
      <c r="KN17" s="232">
        <v>0</v>
      </c>
      <c r="KO17" s="236">
        <v>1496763</v>
      </c>
      <c r="KP17" s="237">
        <v>1496763</v>
      </c>
      <c r="KQ17" s="140"/>
      <c r="KR17" s="119">
        <v>16865012</v>
      </c>
      <c r="KS17" s="119">
        <v>22971656</v>
      </c>
      <c r="KT17" s="119">
        <v>19680271</v>
      </c>
      <c r="KU17" s="119">
        <v>12934252</v>
      </c>
      <c r="KV17" s="119">
        <v>9581996</v>
      </c>
      <c r="KW17" s="120">
        <v>82033187</v>
      </c>
      <c r="KX17" s="321">
        <v>83529950</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243558</v>
      </c>
      <c r="LP17" s="119">
        <v>0</v>
      </c>
      <c r="LQ17" s="119">
        <v>0</v>
      </c>
      <c r="LR17" s="119">
        <v>0</v>
      </c>
      <c r="LS17" s="120">
        <v>243558</v>
      </c>
      <c r="LT17" s="321">
        <v>243558</v>
      </c>
      <c r="LU17" s="142">
        <v>0</v>
      </c>
      <c r="LV17" s="119">
        <v>0</v>
      </c>
      <c r="LW17" s="120">
        <v>0</v>
      </c>
      <c r="LX17" s="145"/>
      <c r="LY17" s="119">
        <v>898410</v>
      </c>
      <c r="LZ17" s="119">
        <v>597176</v>
      </c>
      <c r="MA17" s="119">
        <v>203514</v>
      </c>
      <c r="MB17" s="119">
        <v>2494506</v>
      </c>
      <c r="MC17" s="119">
        <v>1084943</v>
      </c>
      <c r="MD17" s="120">
        <v>5278549</v>
      </c>
      <c r="ME17" s="121">
        <v>5278549</v>
      </c>
      <c r="MF17" s="142">
        <v>0</v>
      </c>
      <c r="MG17" s="119">
        <v>0</v>
      </c>
      <c r="MH17" s="120">
        <v>0</v>
      </c>
      <c r="MI17" s="145"/>
      <c r="MJ17" s="119">
        <v>19453581</v>
      </c>
      <c r="MK17" s="119">
        <v>27840088</v>
      </c>
      <c r="ML17" s="119">
        <v>93251086</v>
      </c>
      <c r="MM17" s="119">
        <v>152878044</v>
      </c>
      <c r="MN17" s="119">
        <v>82766069</v>
      </c>
      <c r="MO17" s="120">
        <v>376188868</v>
      </c>
      <c r="MP17" s="143">
        <v>376188868</v>
      </c>
      <c r="MQ17" s="142">
        <v>0</v>
      </c>
      <c r="MR17" s="119">
        <v>0</v>
      </c>
      <c r="MS17" s="120">
        <v>0</v>
      </c>
      <c r="MT17" s="145"/>
      <c r="MU17" s="119">
        <v>193869</v>
      </c>
      <c r="MV17" s="119">
        <v>1805153</v>
      </c>
      <c r="MW17" s="119">
        <v>54915903</v>
      </c>
      <c r="MX17" s="119">
        <v>95899670</v>
      </c>
      <c r="MY17" s="119">
        <v>54982175</v>
      </c>
      <c r="MZ17" s="120">
        <v>207796770</v>
      </c>
      <c r="NA17" s="143">
        <v>207796770</v>
      </c>
      <c r="NB17" s="142">
        <v>0</v>
      </c>
      <c r="NC17" s="119">
        <v>0</v>
      </c>
      <c r="ND17" s="120">
        <v>0</v>
      </c>
      <c r="NE17" s="145"/>
      <c r="NF17" s="119">
        <v>18528226</v>
      </c>
      <c r="NG17" s="119">
        <v>24747765</v>
      </c>
      <c r="NH17" s="119">
        <v>36711817</v>
      </c>
      <c r="NI17" s="119">
        <v>52600268</v>
      </c>
      <c r="NJ17" s="119">
        <v>19757935</v>
      </c>
      <c r="NK17" s="120">
        <v>152346011</v>
      </c>
      <c r="NL17" s="321">
        <v>152346011</v>
      </c>
      <c r="NM17" s="142">
        <v>0</v>
      </c>
      <c r="NN17" s="119">
        <v>0</v>
      </c>
      <c r="NO17" s="120">
        <v>0</v>
      </c>
      <c r="NP17" s="145"/>
      <c r="NQ17" s="119">
        <v>0</v>
      </c>
      <c r="NR17" s="119">
        <v>0</v>
      </c>
      <c r="NS17" s="119">
        <v>0</v>
      </c>
      <c r="NT17" s="119">
        <v>448306</v>
      </c>
      <c r="NU17" s="119">
        <v>378059</v>
      </c>
      <c r="NV17" s="120">
        <v>826365</v>
      </c>
      <c r="NW17" s="121">
        <v>826365</v>
      </c>
      <c r="NX17" s="142">
        <v>0</v>
      </c>
      <c r="NY17" s="119">
        <v>0</v>
      </c>
      <c r="NZ17" s="120">
        <v>0</v>
      </c>
      <c r="OA17" s="145"/>
      <c r="OB17" s="119">
        <v>731486</v>
      </c>
      <c r="OC17" s="119">
        <v>1287170</v>
      </c>
      <c r="OD17" s="119">
        <v>1623366</v>
      </c>
      <c r="OE17" s="119">
        <v>3929800</v>
      </c>
      <c r="OF17" s="119">
        <v>7647900</v>
      </c>
      <c r="OG17" s="120">
        <v>15219722</v>
      </c>
      <c r="OH17" s="121">
        <v>15219722</v>
      </c>
      <c r="OI17" s="142">
        <v>11215415</v>
      </c>
      <c r="OJ17" s="119">
        <v>17767433</v>
      </c>
      <c r="OK17" s="141">
        <v>28982848</v>
      </c>
      <c r="OL17" s="118">
        <v>0</v>
      </c>
      <c r="OM17" s="119">
        <v>236633590</v>
      </c>
      <c r="ON17" s="119">
        <v>212858802</v>
      </c>
      <c r="OO17" s="119">
        <v>269595870</v>
      </c>
      <c r="OP17" s="119">
        <v>316560156</v>
      </c>
      <c r="OQ17" s="119">
        <v>191721396</v>
      </c>
      <c r="OR17" s="120">
        <v>1227369814</v>
      </c>
      <c r="OS17" s="143">
        <v>1256352662</v>
      </c>
    </row>
    <row r="18" spans="2:409" ht="18.75" customHeight="1" x14ac:dyDescent="0.2">
      <c r="B18" s="62" t="s">
        <v>12</v>
      </c>
      <c r="C18" s="110">
        <v>15477929</v>
      </c>
      <c r="D18" s="114">
        <v>27206175</v>
      </c>
      <c r="E18" s="113">
        <v>42684104</v>
      </c>
      <c r="F18" s="109">
        <v>0</v>
      </c>
      <c r="G18" s="114">
        <v>121422991</v>
      </c>
      <c r="H18" s="170">
        <v>140011493</v>
      </c>
      <c r="I18" s="170">
        <v>140070090</v>
      </c>
      <c r="J18" s="170">
        <v>144613514</v>
      </c>
      <c r="K18" s="170">
        <v>107302482</v>
      </c>
      <c r="L18" s="112">
        <v>653420570</v>
      </c>
      <c r="M18" s="116">
        <v>696104674</v>
      </c>
      <c r="N18" s="110">
        <v>3062840</v>
      </c>
      <c r="O18" s="114">
        <v>6723698</v>
      </c>
      <c r="P18" s="113">
        <v>9786538</v>
      </c>
      <c r="Q18" s="110">
        <v>0</v>
      </c>
      <c r="R18" s="114">
        <v>33180502</v>
      </c>
      <c r="S18" s="114">
        <v>42771670</v>
      </c>
      <c r="T18" s="114">
        <v>41519856</v>
      </c>
      <c r="U18" s="114">
        <v>54285486</v>
      </c>
      <c r="V18" s="114">
        <v>52800936</v>
      </c>
      <c r="W18" s="113">
        <v>224558450</v>
      </c>
      <c r="X18" s="116">
        <v>234344988</v>
      </c>
      <c r="Y18" s="110">
        <v>0</v>
      </c>
      <c r="Z18" s="114">
        <v>0</v>
      </c>
      <c r="AA18" s="113">
        <v>0</v>
      </c>
      <c r="AB18" s="110">
        <v>0</v>
      </c>
      <c r="AC18" s="114">
        <v>19039383</v>
      </c>
      <c r="AD18" s="114">
        <v>24594967</v>
      </c>
      <c r="AE18" s="114">
        <v>26708308</v>
      </c>
      <c r="AF18" s="114">
        <v>36880952</v>
      </c>
      <c r="AG18" s="114">
        <v>35363473</v>
      </c>
      <c r="AH18" s="113">
        <v>142587083</v>
      </c>
      <c r="AI18" s="116">
        <v>142587083</v>
      </c>
      <c r="AJ18" s="110">
        <v>0</v>
      </c>
      <c r="AK18" s="114">
        <v>130704</v>
      </c>
      <c r="AL18" s="113">
        <v>130704</v>
      </c>
      <c r="AM18" s="110">
        <v>0</v>
      </c>
      <c r="AN18" s="114">
        <v>237578</v>
      </c>
      <c r="AO18" s="114">
        <v>770624</v>
      </c>
      <c r="AP18" s="114">
        <v>1076962</v>
      </c>
      <c r="AQ18" s="114">
        <v>3696272</v>
      </c>
      <c r="AR18" s="114">
        <v>4610086</v>
      </c>
      <c r="AS18" s="113">
        <v>10391522</v>
      </c>
      <c r="AT18" s="116">
        <v>10522226</v>
      </c>
      <c r="AU18" s="110">
        <v>2058793</v>
      </c>
      <c r="AV18" s="114">
        <v>4977782</v>
      </c>
      <c r="AW18" s="113">
        <v>7036575</v>
      </c>
      <c r="AX18" s="110">
        <v>0</v>
      </c>
      <c r="AY18" s="114">
        <v>9295198</v>
      </c>
      <c r="AZ18" s="114">
        <v>11695259</v>
      </c>
      <c r="BA18" s="114">
        <v>8345713</v>
      </c>
      <c r="BB18" s="114">
        <v>7836519</v>
      </c>
      <c r="BC18" s="114">
        <v>8094498</v>
      </c>
      <c r="BD18" s="113">
        <v>45267187</v>
      </c>
      <c r="BE18" s="116">
        <v>52303762</v>
      </c>
      <c r="BF18" s="110">
        <v>87845</v>
      </c>
      <c r="BG18" s="114">
        <v>506076</v>
      </c>
      <c r="BH18" s="112">
        <v>593921</v>
      </c>
      <c r="BI18" s="111">
        <v>0</v>
      </c>
      <c r="BJ18" s="114">
        <v>539915</v>
      </c>
      <c r="BK18" s="114">
        <v>1490447</v>
      </c>
      <c r="BL18" s="114">
        <v>881797</v>
      </c>
      <c r="BM18" s="114">
        <v>894754</v>
      </c>
      <c r="BN18" s="114">
        <v>544720</v>
      </c>
      <c r="BO18" s="113">
        <v>4351633</v>
      </c>
      <c r="BP18" s="116">
        <v>4945554</v>
      </c>
      <c r="BQ18" s="110">
        <v>916202</v>
      </c>
      <c r="BR18" s="114">
        <v>1109136</v>
      </c>
      <c r="BS18" s="113">
        <v>2025338</v>
      </c>
      <c r="BT18" s="110">
        <v>0</v>
      </c>
      <c r="BU18" s="114">
        <v>4068428</v>
      </c>
      <c r="BV18" s="114">
        <v>4220373</v>
      </c>
      <c r="BW18" s="114">
        <v>4507076</v>
      </c>
      <c r="BX18" s="114">
        <v>4976989</v>
      </c>
      <c r="BY18" s="114">
        <v>4188159</v>
      </c>
      <c r="BZ18" s="113">
        <v>21961025</v>
      </c>
      <c r="CA18" s="116">
        <v>23986363</v>
      </c>
      <c r="CB18" s="110">
        <v>2526021</v>
      </c>
      <c r="CC18" s="114">
        <v>4874399</v>
      </c>
      <c r="CD18" s="113">
        <v>7400420</v>
      </c>
      <c r="CE18" s="110">
        <v>0</v>
      </c>
      <c r="CF18" s="114">
        <v>38801813</v>
      </c>
      <c r="CG18" s="114">
        <v>39848156</v>
      </c>
      <c r="CH18" s="114">
        <v>38356626</v>
      </c>
      <c r="CI18" s="114">
        <v>27270912</v>
      </c>
      <c r="CJ18" s="114">
        <v>13306858</v>
      </c>
      <c r="CK18" s="113">
        <v>157584365</v>
      </c>
      <c r="CL18" s="116">
        <v>164984785</v>
      </c>
      <c r="CM18" s="110">
        <v>0</v>
      </c>
      <c r="CN18" s="114">
        <v>0</v>
      </c>
      <c r="CO18" s="113">
        <v>0</v>
      </c>
      <c r="CP18" s="111">
        <v>0</v>
      </c>
      <c r="CQ18" s="114">
        <v>33261312</v>
      </c>
      <c r="CR18" s="114">
        <v>29381317</v>
      </c>
      <c r="CS18" s="114">
        <v>30023734</v>
      </c>
      <c r="CT18" s="114">
        <v>21519193</v>
      </c>
      <c r="CU18" s="114">
        <v>9818387</v>
      </c>
      <c r="CV18" s="113">
        <v>124003943</v>
      </c>
      <c r="CW18" s="116">
        <v>124003943</v>
      </c>
      <c r="CX18" s="110">
        <v>2526021</v>
      </c>
      <c r="CY18" s="114">
        <v>4874399</v>
      </c>
      <c r="CZ18" s="113">
        <v>7400420</v>
      </c>
      <c r="DA18" s="110">
        <v>0</v>
      </c>
      <c r="DB18" s="114">
        <v>5540501</v>
      </c>
      <c r="DC18" s="114">
        <v>10466839</v>
      </c>
      <c r="DD18" s="114">
        <v>8332892</v>
      </c>
      <c r="DE18" s="114">
        <v>5751719</v>
      </c>
      <c r="DF18" s="114">
        <v>3488471</v>
      </c>
      <c r="DG18" s="113">
        <v>33580422</v>
      </c>
      <c r="DH18" s="116">
        <v>40980842</v>
      </c>
      <c r="DI18" s="110">
        <v>86328</v>
      </c>
      <c r="DJ18" s="114">
        <v>543947</v>
      </c>
      <c r="DK18" s="112">
        <v>630275</v>
      </c>
      <c r="DL18" s="111">
        <v>0</v>
      </c>
      <c r="DM18" s="114">
        <v>5796616</v>
      </c>
      <c r="DN18" s="114">
        <v>6140728</v>
      </c>
      <c r="DO18" s="114">
        <v>13804957</v>
      </c>
      <c r="DP18" s="114">
        <v>12383756</v>
      </c>
      <c r="DQ18" s="114">
        <v>6489605</v>
      </c>
      <c r="DR18" s="113">
        <v>44615662</v>
      </c>
      <c r="DS18" s="116">
        <v>45245937</v>
      </c>
      <c r="DT18" s="110">
        <v>86328</v>
      </c>
      <c r="DU18" s="114">
        <v>543947</v>
      </c>
      <c r="DV18" s="113">
        <v>630275</v>
      </c>
      <c r="DW18" s="110">
        <v>0</v>
      </c>
      <c r="DX18" s="114">
        <v>5684209</v>
      </c>
      <c r="DY18" s="114">
        <v>5926040</v>
      </c>
      <c r="DZ18" s="114">
        <v>13257297</v>
      </c>
      <c r="EA18" s="114">
        <v>12021267</v>
      </c>
      <c r="EB18" s="114">
        <v>6424222</v>
      </c>
      <c r="EC18" s="113">
        <v>43313035</v>
      </c>
      <c r="ED18" s="116">
        <v>43943310</v>
      </c>
      <c r="EE18" s="110">
        <v>0</v>
      </c>
      <c r="EF18" s="112">
        <v>0</v>
      </c>
      <c r="EG18" s="113">
        <v>0</v>
      </c>
      <c r="EH18" s="110">
        <v>0</v>
      </c>
      <c r="EI18" s="114">
        <v>112407</v>
      </c>
      <c r="EJ18" s="114">
        <v>214688</v>
      </c>
      <c r="EK18" s="114">
        <v>547660</v>
      </c>
      <c r="EL18" s="114">
        <v>362489</v>
      </c>
      <c r="EM18" s="114">
        <v>65383</v>
      </c>
      <c r="EN18" s="112">
        <v>1302627</v>
      </c>
      <c r="EO18" s="116">
        <v>1302627</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8"/>
      <c r="FE18" s="114">
        <v>0</v>
      </c>
      <c r="FF18" s="114">
        <v>0</v>
      </c>
      <c r="FG18" s="114">
        <v>0</v>
      </c>
      <c r="FH18" s="114">
        <v>0</v>
      </c>
      <c r="FI18" s="114">
        <v>0</v>
      </c>
      <c r="FJ18" s="113">
        <v>0</v>
      </c>
      <c r="FK18" s="116">
        <v>0</v>
      </c>
      <c r="FL18" s="110">
        <v>3875799</v>
      </c>
      <c r="FM18" s="114">
        <v>6553993</v>
      </c>
      <c r="FN18" s="113">
        <v>10429792</v>
      </c>
      <c r="FO18" s="110">
        <v>0</v>
      </c>
      <c r="FP18" s="114">
        <v>4575840</v>
      </c>
      <c r="FQ18" s="114">
        <v>13805147</v>
      </c>
      <c r="FR18" s="114">
        <v>11442860</v>
      </c>
      <c r="FS18" s="114">
        <v>12441846</v>
      </c>
      <c r="FT18" s="114">
        <v>7673693</v>
      </c>
      <c r="FU18" s="113">
        <v>49939386</v>
      </c>
      <c r="FV18" s="116">
        <v>60369178</v>
      </c>
      <c r="FW18" s="115">
        <v>2096543</v>
      </c>
      <c r="FX18" s="114">
        <v>4744434</v>
      </c>
      <c r="FY18" s="112">
        <v>6840977</v>
      </c>
      <c r="FZ18" s="111">
        <v>0</v>
      </c>
      <c r="GA18" s="114">
        <v>3552740</v>
      </c>
      <c r="GB18" s="114">
        <v>12358826</v>
      </c>
      <c r="GC18" s="114">
        <v>10672687</v>
      </c>
      <c r="GD18" s="114">
        <v>11941397</v>
      </c>
      <c r="GE18" s="114">
        <v>7262183</v>
      </c>
      <c r="GF18" s="113">
        <v>45787833</v>
      </c>
      <c r="GG18" s="319">
        <v>52628810</v>
      </c>
      <c r="GH18" s="115">
        <v>283266</v>
      </c>
      <c r="GI18" s="114">
        <v>398042</v>
      </c>
      <c r="GJ18" s="112">
        <v>681308</v>
      </c>
      <c r="GK18" s="111">
        <v>0</v>
      </c>
      <c r="GL18" s="114">
        <v>198268</v>
      </c>
      <c r="GM18" s="114">
        <v>579932</v>
      </c>
      <c r="GN18" s="114">
        <v>583955</v>
      </c>
      <c r="GO18" s="114">
        <v>248197</v>
      </c>
      <c r="GP18" s="114">
        <v>53460</v>
      </c>
      <c r="GQ18" s="113">
        <v>1663812</v>
      </c>
      <c r="GR18" s="116">
        <v>2345120</v>
      </c>
      <c r="GS18" s="110">
        <v>1495990</v>
      </c>
      <c r="GT18" s="114">
        <v>1411517</v>
      </c>
      <c r="GU18" s="113">
        <v>2907507</v>
      </c>
      <c r="GV18" s="110">
        <v>0</v>
      </c>
      <c r="GW18" s="114">
        <v>824832</v>
      </c>
      <c r="GX18" s="114">
        <v>866389</v>
      </c>
      <c r="GY18" s="114">
        <v>186218</v>
      </c>
      <c r="GZ18" s="114">
        <v>252252</v>
      </c>
      <c r="HA18" s="114">
        <v>358050</v>
      </c>
      <c r="HB18" s="112">
        <v>2487741</v>
      </c>
      <c r="HC18" s="116">
        <v>5395248</v>
      </c>
      <c r="HD18" s="110">
        <v>3035473</v>
      </c>
      <c r="HE18" s="114">
        <v>4311115</v>
      </c>
      <c r="HF18" s="112">
        <v>7346588</v>
      </c>
      <c r="HG18" s="111">
        <v>0</v>
      </c>
      <c r="HH18" s="114">
        <v>18219021</v>
      </c>
      <c r="HI18" s="114">
        <v>20062732</v>
      </c>
      <c r="HJ18" s="114">
        <v>20499259</v>
      </c>
      <c r="HK18" s="114">
        <v>26884097</v>
      </c>
      <c r="HL18" s="114">
        <v>20758059</v>
      </c>
      <c r="HM18" s="113">
        <v>106423168</v>
      </c>
      <c r="HN18" s="109">
        <v>113769756</v>
      </c>
      <c r="HO18" s="115">
        <v>2891468</v>
      </c>
      <c r="HP18" s="114">
        <v>4199023</v>
      </c>
      <c r="HQ18" s="113">
        <v>7090491</v>
      </c>
      <c r="HR18" s="110">
        <v>0</v>
      </c>
      <c r="HS18" s="114">
        <v>20849199</v>
      </c>
      <c r="HT18" s="114">
        <v>17383060</v>
      </c>
      <c r="HU18" s="114">
        <v>14446532</v>
      </c>
      <c r="HV18" s="114">
        <v>11347417</v>
      </c>
      <c r="HW18" s="114">
        <v>6273331</v>
      </c>
      <c r="HX18" s="112">
        <v>70299539</v>
      </c>
      <c r="HY18" s="116">
        <v>77390030</v>
      </c>
      <c r="HZ18" s="150">
        <v>399896</v>
      </c>
      <c r="IA18" s="135">
        <v>175542</v>
      </c>
      <c r="IB18" s="150">
        <v>575438</v>
      </c>
      <c r="IC18" s="134">
        <v>0</v>
      </c>
      <c r="ID18" s="135">
        <v>37543493</v>
      </c>
      <c r="IE18" s="136">
        <v>35921365</v>
      </c>
      <c r="IF18" s="137">
        <v>51425838</v>
      </c>
      <c r="IG18" s="135">
        <v>44852512</v>
      </c>
      <c r="IH18" s="137">
        <v>29906905</v>
      </c>
      <c r="II18" s="138">
        <v>199650113</v>
      </c>
      <c r="IJ18" s="150">
        <v>200225551</v>
      </c>
      <c r="IK18" s="232">
        <v>0</v>
      </c>
      <c r="IL18" s="236">
        <v>0</v>
      </c>
      <c r="IM18" s="237">
        <v>0</v>
      </c>
      <c r="IN18" s="140"/>
      <c r="IO18" s="119">
        <v>642701</v>
      </c>
      <c r="IP18" s="119">
        <v>480675</v>
      </c>
      <c r="IQ18" s="119">
        <v>816093</v>
      </c>
      <c r="IR18" s="119">
        <v>1119205</v>
      </c>
      <c r="IS18" s="119">
        <v>913084</v>
      </c>
      <c r="IT18" s="141">
        <v>3971758</v>
      </c>
      <c r="IU18" s="321">
        <v>3971758</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20154878</v>
      </c>
      <c r="JL18" s="119">
        <v>15529411</v>
      </c>
      <c r="JM18" s="119">
        <v>15033460</v>
      </c>
      <c r="JN18" s="119">
        <v>8917352</v>
      </c>
      <c r="JO18" s="119">
        <v>4779665</v>
      </c>
      <c r="JP18" s="120">
        <v>64414766</v>
      </c>
      <c r="JQ18" s="321">
        <v>64414766</v>
      </c>
      <c r="JR18" s="142">
        <v>0</v>
      </c>
      <c r="JS18" s="119">
        <v>0</v>
      </c>
      <c r="JT18" s="141">
        <v>0</v>
      </c>
      <c r="JU18" s="118">
        <v>0</v>
      </c>
      <c r="JV18" s="119">
        <v>347977</v>
      </c>
      <c r="JW18" s="119">
        <v>240318</v>
      </c>
      <c r="JX18" s="119">
        <v>75978</v>
      </c>
      <c r="JY18" s="119">
        <v>0</v>
      </c>
      <c r="JZ18" s="119">
        <v>216183</v>
      </c>
      <c r="KA18" s="120">
        <v>880456</v>
      </c>
      <c r="KB18" s="321">
        <v>880456</v>
      </c>
      <c r="KC18" s="234">
        <v>399896</v>
      </c>
      <c r="KD18" s="230">
        <v>175542</v>
      </c>
      <c r="KE18" s="120">
        <v>575438</v>
      </c>
      <c r="KF18" s="118">
        <v>0</v>
      </c>
      <c r="KG18" s="119">
        <v>3396617</v>
      </c>
      <c r="KH18" s="119">
        <v>4825390</v>
      </c>
      <c r="KI18" s="119">
        <v>11364076</v>
      </c>
      <c r="KJ18" s="119">
        <v>13339491</v>
      </c>
      <c r="KK18" s="119">
        <v>6611139</v>
      </c>
      <c r="KL18" s="120">
        <v>39536713</v>
      </c>
      <c r="KM18" s="143">
        <v>40112151</v>
      </c>
      <c r="KN18" s="232">
        <v>0</v>
      </c>
      <c r="KO18" s="236">
        <v>0</v>
      </c>
      <c r="KP18" s="237">
        <v>0</v>
      </c>
      <c r="KQ18" s="140"/>
      <c r="KR18" s="119">
        <v>11051399</v>
      </c>
      <c r="KS18" s="119">
        <v>11028527</v>
      </c>
      <c r="KT18" s="119">
        <v>14512801</v>
      </c>
      <c r="KU18" s="119">
        <v>9219921</v>
      </c>
      <c r="KV18" s="119">
        <v>9815502</v>
      </c>
      <c r="KW18" s="120">
        <v>55628150</v>
      </c>
      <c r="KX18" s="321">
        <v>55628150</v>
      </c>
      <c r="KY18" s="142">
        <v>0</v>
      </c>
      <c r="KZ18" s="119">
        <v>0</v>
      </c>
      <c r="LA18" s="120">
        <v>0</v>
      </c>
      <c r="LB18" s="145"/>
      <c r="LC18" s="119">
        <v>182635</v>
      </c>
      <c r="LD18" s="119">
        <v>1496022</v>
      </c>
      <c r="LE18" s="119">
        <v>905324</v>
      </c>
      <c r="LF18" s="119">
        <v>2243976</v>
      </c>
      <c r="LG18" s="119">
        <v>963154</v>
      </c>
      <c r="LH18" s="120">
        <v>5791111</v>
      </c>
      <c r="LI18" s="121">
        <v>5791111</v>
      </c>
      <c r="LJ18" s="142">
        <v>0</v>
      </c>
      <c r="LK18" s="119">
        <v>0</v>
      </c>
      <c r="LL18" s="120">
        <v>0</v>
      </c>
      <c r="LM18" s="145"/>
      <c r="LN18" s="119">
        <v>238491</v>
      </c>
      <c r="LO18" s="119">
        <v>260828</v>
      </c>
      <c r="LP18" s="119">
        <v>3059375</v>
      </c>
      <c r="LQ18" s="119">
        <v>2611769</v>
      </c>
      <c r="LR18" s="119">
        <v>1537331</v>
      </c>
      <c r="LS18" s="120">
        <v>7707794</v>
      </c>
      <c r="LT18" s="321">
        <v>7707794</v>
      </c>
      <c r="LU18" s="142">
        <v>0</v>
      </c>
      <c r="LV18" s="119">
        <v>0</v>
      </c>
      <c r="LW18" s="120">
        <v>0</v>
      </c>
      <c r="LX18" s="145"/>
      <c r="LY18" s="119">
        <v>1528795</v>
      </c>
      <c r="LZ18" s="119">
        <v>2060194</v>
      </c>
      <c r="MA18" s="119">
        <v>5658731</v>
      </c>
      <c r="MB18" s="119">
        <v>7400798</v>
      </c>
      <c r="MC18" s="119">
        <v>5070847</v>
      </c>
      <c r="MD18" s="120">
        <v>21719365</v>
      </c>
      <c r="ME18" s="121">
        <v>21719365</v>
      </c>
      <c r="MF18" s="142">
        <v>0</v>
      </c>
      <c r="MG18" s="119">
        <v>0</v>
      </c>
      <c r="MH18" s="120">
        <v>0</v>
      </c>
      <c r="MI18" s="145"/>
      <c r="MJ18" s="119">
        <v>12388348</v>
      </c>
      <c r="MK18" s="119">
        <v>27141186</v>
      </c>
      <c r="ML18" s="119">
        <v>92026466</v>
      </c>
      <c r="MM18" s="119">
        <v>141188618</v>
      </c>
      <c r="MN18" s="119">
        <v>98063551</v>
      </c>
      <c r="MO18" s="120">
        <v>370808169</v>
      </c>
      <c r="MP18" s="143">
        <v>370808169</v>
      </c>
      <c r="MQ18" s="142">
        <v>0</v>
      </c>
      <c r="MR18" s="119">
        <v>0</v>
      </c>
      <c r="MS18" s="120">
        <v>0</v>
      </c>
      <c r="MT18" s="145"/>
      <c r="MU18" s="119">
        <v>493902</v>
      </c>
      <c r="MV18" s="119">
        <v>4809544</v>
      </c>
      <c r="MW18" s="119">
        <v>44998861</v>
      </c>
      <c r="MX18" s="119">
        <v>84468070</v>
      </c>
      <c r="MY18" s="119">
        <v>71220011</v>
      </c>
      <c r="MZ18" s="120">
        <v>205990388</v>
      </c>
      <c r="NA18" s="143">
        <v>205990388</v>
      </c>
      <c r="NB18" s="142">
        <v>0</v>
      </c>
      <c r="NC18" s="119">
        <v>0</v>
      </c>
      <c r="ND18" s="120">
        <v>0</v>
      </c>
      <c r="NE18" s="145"/>
      <c r="NF18" s="119">
        <v>11894446</v>
      </c>
      <c r="NG18" s="119">
        <v>22026740</v>
      </c>
      <c r="NH18" s="119">
        <v>46328280</v>
      </c>
      <c r="NI18" s="119">
        <v>50991379</v>
      </c>
      <c r="NJ18" s="119">
        <v>21540584</v>
      </c>
      <c r="NK18" s="120">
        <v>152781429</v>
      </c>
      <c r="NL18" s="321">
        <v>152781429</v>
      </c>
      <c r="NM18" s="142">
        <v>0</v>
      </c>
      <c r="NN18" s="119">
        <v>0</v>
      </c>
      <c r="NO18" s="120">
        <v>0</v>
      </c>
      <c r="NP18" s="145"/>
      <c r="NQ18" s="119">
        <v>0</v>
      </c>
      <c r="NR18" s="119">
        <v>0</v>
      </c>
      <c r="NS18" s="119">
        <v>0</v>
      </c>
      <c r="NT18" s="119">
        <v>0</v>
      </c>
      <c r="NU18" s="119">
        <v>769765</v>
      </c>
      <c r="NV18" s="120">
        <v>769765</v>
      </c>
      <c r="NW18" s="121">
        <v>769765</v>
      </c>
      <c r="NX18" s="142">
        <v>0</v>
      </c>
      <c r="NY18" s="119">
        <v>0</v>
      </c>
      <c r="NZ18" s="120">
        <v>0</v>
      </c>
      <c r="OA18" s="145"/>
      <c r="OB18" s="119">
        <v>0</v>
      </c>
      <c r="OC18" s="119">
        <v>304902</v>
      </c>
      <c r="OD18" s="119">
        <v>699325</v>
      </c>
      <c r="OE18" s="119">
        <v>5729169</v>
      </c>
      <c r="OF18" s="119">
        <v>4533191</v>
      </c>
      <c r="OG18" s="120">
        <v>11266587</v>
      </c>
      <c r="OH18" s="121">
        <v>11266587</v>
      </c>
      <c r="OI18" s="142">
        <v>15877825</v>
      </c>
      <c r="OJ18" s="119">
        <v>27381717</v>
      </c>
      <c r="OK18" s="141">
        <v>43259542</v>
      </c>
      <c r="OL18" s="118">
        <v>0</v>
      </c>
      <c r="OM18" s="119">
        <v>171354832</v>
      </c>
      <c r="ON18" s="119">
        <v>203074044</v>
      </c>
      <c r="OO18" s="119">
        <v>283522394</v>
      </c>
      <c r="OP18" s="119">
        <v>330654644</v>
      </c>
      <c r="OQ18" s="119">
        <v>235272938</v>
      </c>
      <c r="OR18" s="120">
        <v>1223878852</v>
      </c>
      <c r="OS18" s="143">
        <v>1267138394</v>
      </c>
    </row>
    <row r="19" spans="2:409" ht="18.75" customHeight="1" x14ac:dyDescent="0.2">
      <c r="B19" s="62" t="s">
        <v>13</v>
      </c>
      <c r="C19" s="110">
        <v>3788127</v>
      </c>
      <c r="D19" s="114">
        <v>5929479</v>
      </c>
      <c r="E19" s="113">
        <v>9717606</v>
      </c>
      <c r="F19" s="110">
        <v>0</v>
      </c>
      <c r="G19" s="170">
        <v>48455129</v>
      </c>
      <c r="H19" s="114">
        <v>57073430</v>
      </c>
      <c r="I19" s="114">
        <v>58467307</v>
      </c>
      <c r="J19" s="114">
        <v>57413216</v>
      </c>
      <c r="K19" s="114">
        <v>49881849</v>
      </c>
      <c r="L19" s="112">
        <v>271290931</v>
      </c>
      <c r="M19" s="116">
        <v>281008537</v>
      </c>
      <c r="N19" s="110">
        <v>720982</v>
      </c>
      <c r="O19" s="114">
        <v>1133759</v>
      </c>
      <c r="P19" s="113">
        <v>1854741</v>
      </c>
      <c r="Q19" s="110">
        <v>0</v>
      </c>
      <c r="R19" s="114">
        <v>12878390</v>
      </c>
      <c r="S19" s="114">
        <v>18344919</v>
      </c>
      <c r="T19" s="114">
        <v>18206425</v>
      </c>
      <c r="U19" s="114">
        <v>21794118</v>
      </c>
      <c r="V19" s="114">
        <v>25836799</v>
      </c>
      <c r="W19" s="113">
        <v>97060651</v>
      </c>
      <c r="X19" s="116">
        <v>98915392</v>
      </c>
      <c r="Y19" s="110">
        <v>0</v>
      </c>
      <c r="Z19" s="114">
        <v>0</v>
      </c>
      <c r="AA19" s="113">
        <v>0</v>
      </c>
      <c r="AB19" s="110">
        <v>0</v>
      </c>
      <c r="AC19" s="114">
        <v>6171586</v>
      </c>
      <c r="AD19" s="114">
        <v>9845486</v>
      </c>
      <c r="AE19" s="114">
        <v>10656743</v>
      </c>
      <c r="AF19" s="114">
        <v>13484512</v>
      </c>
      <c r="AG19" s="114">
        <v>17300309</v>
      </c>
      <c r="AH19" s="113">
        <v>57458636</v>
      </c>
      <c r="AI19" s="116">
        <v>57458636</v>
      </c>
      <c r="AJ19" s="110">
        <v>0</v>
      </c>
      <c r="AK19" s="114">
        <v>0</v>
      </c>
      <c r="AL19" s="113">
        <v>0</v>
      </c>
      <c r="AM19" s="110">
        <v>0</v>
      </c>
      <c r="AN19" s="114">
        <v>53782</v>
      </c>
      <c r="AO19" s="114">
        <v>183859</v>
      </c>
      <c r="AP19" s="114">
        <v>369843</v>
      </c>
      <c r="AQ19" s="114">
        <v>1106840</v>
      </c>
      <c r="AR19" s="114">
        <v>2076141</v>
      </c>
      <c r="AS19" s="113">
        <v>3790465</v>
      </c>
      <c r="AT19" s="116">
        <v>3790465</v>
      </c>
      <c r="AU19" s="110">
        <v>208386</v>
      </c>
      <c r="AV19" s="114">
        <v>548113</v>
      </c>
      <c r="AW19" s="113">
        <v>756499</v>
      </c>
      <c r="AX19" s="110">
        <v>0</v>
      </c>
      <c r="AY19" s="114">
        <v>3715991</v>
      </c>
      <c r="AZ19" s="114">
        <v>4978861</v>
      </c>
      <c r="BA19" s="114">
        <v>4168700</v>
      </c>
      <c r="BB19" s="114">
        <v>4394240</v>
      </c>
      <c r="BC19" s="114">
        <v>4041810</v>
      </c>
      <c r="BD19" s="113">
        <v>21299602</v>
      </c>
      <c r="BE19" s="116">
        <v>22056101</v>
      </c>
      <c r="BF19" s="110">
        <v>59459</v>
      </c>
      <c r="BG19" s="114">
        <v>133821</v>
      </c>
      <c r="BH19" s="112">
        <v>193280</v>
      </c>
      <c r="BI19" s="111">
        <v>0</v>
      </c>
      <c r="BJ19" s="114">
        <v>508660</v>
      </c>
      <c r="BK19" s="114">
        <v>751838</v>
      </c>
      <c r="BL19" s="114">
        <v>192477</v>
      </c>
      <c r="BM19" s="114">
        <v>372514</v>
      </c>
      <c r="BN19" s="114">
        <v>179236</v>
      </c>
      <c r="BO19" s="113">
        <v>2004725</v>
      </c>
      <c r="BP19" s="116">
        <v>2198005</v>
      </c>
      <c r="BQ19" s="110">
        <v>453137</v>
      </c>
      <c r="BR19" s="114">
        <v>451825</v>
      </c>
      <c r="BS19" s="113">
        <v>904962</v>
      </c>
      <c r="BT19" s="110">
        <v>0</v>
      </c>
      <c r="BU19" s="114">
        <v>2428371</v>
      </c>
      <c r="BV19" s="114">
        <v>2584875</v>
      </c>
      <c r="BW19" s="114">
        <v>2818662</v>
      </c>
      <c r="BX19" s="114">
        <v>2436012</v>
      </c>
      <c r="BY19" s="114">
        <v>2239303</v>
      </c>
      <c r="BZ19" s="113">
        <v>12507223</v>
      </c>
      <c r="CA19" s="116">
        <v>13412185</v>
      </c>
      <c r="CB19" s="110">
        <v>290831</v>
      </c>
      <c r="CC19" s="114">
        <v>989832</v>
      </c>
      <c r="CD19" s="113">
        <v>1280663</v>
      </c>
      <c r="CE19" s="110">
        <v>0</v>
      </c>
      <c r="CF19" s="114">
        <v>9302127</v>
      </c>
      <c r="CG19" s="114">
        <v>11982128</v>
      </c>
      <c r="CH19" s="114">
        <v>10840432</v>
      </c>
      <c r="CI19" s="114">
        <v>8174436</v>
      </c>
      <c r="CJ19" s="114">
        <v>4066241</v>
      </c>
      <c r="CK19" s="113">
        <v>44365364</v>
      </c>
      <c r="CL19" s="116">
        <v>45646027</v>
      </c>
      <c r="CM19" s="110">
        <v>0</v>
      </c>
      <c r="CN19" s="114">
        <v>0</v>
      </c>
      <c r="CO19" s="113">
        <v>0</v>
      </c>
      <c r="CP19" s="111">
        <v>0</v>
      </c>
      <c r="CQ19" s="114">
        <v>8439088</v>
      </c>
      <c r="CR19" s="114">
        <v>10155408</v>
      </c>
      <c r="CS19" s="114">
        <v>9163279</v>
      </c>
      <c r="CT19" s="114">
        <v>6532557</v>
      </c>
      <c r="CU19" s="114">
        <v>3198183</v>
      </c>
      <c r="CV19" s="113">
        <v>37488515</v>
      </c>
      <c r="CW19" s="116">
        <v>37488515</v>
      </c>
      <c r="CX19" s="110">
        <v>290831</v>
      </c>
      <c r="CY19" s="114">
        <v>989832</v>
      </c>
      <c r="CZ19" s="113">
        <v>1280663</v>
      </c>
      <c r="DA19" s="110">
        <v>0</v>
      </c>
      <c r="DB19" s="114">
        <v>863039</v>
      </c>
      <c r="DC19" s="114">
        <v>1826720</v>
      </c>
      <c r="DD19" s="114">
        <v>1677153</v>
      </c>
      <c r="DE19" s="114">
        <v>1641879</v>
      </c>
      <c r="DF19" s="114">
        <v>868058</v>
      </c>
      <c r="DG19" s="113">
        <v>6876849</v>
      </c>
      <c r="DH19" s="116">
        <v>8157512</v>
      </c>
      <c r="DI19" s="110">
        <v>0</v>
      </c>
      <c r="DJ19" s="114">
        <v>0</v>
      </c>
      <c r="DK19" s="112">
        <v>0</v>
      </c>
      <c r="DL19" s="111">
        <v>0</v>
      </c>
      <c r="DM19" s="114">
        <v>1496521</v>
      </c>
      <c r="DN19" s="114">
        <v>1785711</v>
      </c>
      <c r="DO19" s="114">
        <v>5278751</v>
      </c>
      <c r="DP19" s="114">
        <v>6061635</v>
      </c>
      <c r="DQ19" s="114">
        <v>3188832</v>
      </c>
      <c r="DR19" s="113">
        <v>17811450</v>
      </c>
      <c r="DS19" s="116">
        <v>17811450</v>
      </c>
      <c r="DT19" s="110">
        <v>0</v>
      </c>
      <c r="DU19" s="114">
        <v>0</v>
      </c>
      <c r="DV19" s="113">
        <v>0</v>
      </c>
      <c r="DW19" s="110">
        <v>0</v>
      </c>
      <c r="DX19" s="114">
        <v>1496521</v>
      </c>
      <c r="DY19" s="114">
        <v>1477472</v>
      </c>
      <c r="DZ19" s="114">
        <v>4874685</v>
      </c>
      <c r="EA19" s="114">
        <v>5784975</v>
      </c>
      <c r="EB19" s="114">
        <v>3060688</v>
      </c>
      <c r="EC19" s="113">
        <v>16694341</v>
      </c>
      <c r="ED19" s="116">
        <v>16694341</v>
      </c>
      <c r="EE19" s="110">
        <v>0</v>
      </c>
      <c r="EF19" s="112">
        <v>0</v>
      </c>
      <c r="EG19" s="113">
        <v>0</v>
      </c>
      <c r="EH19" s="110">
        <v>0</v>
      </c>
      <c r="EI19" s="114">
        <v>0</v>
      </c>
      <c r="EJ19" s="114">
        <v>308239</v>
      </c>
      <c r="EK19" s="114">
        <v>404066</v>
      </c>
      <c r="EL19" s="114">
        <v>276660</v>
      </c>
      <c r="EM19" s="114">
        <v>128144</v>
      </c>
      <c r="EN19" s="112">
        <v>1117109</v>
      </c>
      <c r="EO19" s="116">
        <v>1117109</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8"/>
      <c r="FE19" s="114">
        <v>0</v>
      </c>
      <c r="FF19" s="114">
        <v>0</v>
      </c>
      <c r="FG19" s="114">
        <v>0</v>
      </c>
      <c r="FH19" s="114">
        <v>0</v>
      </c>
      <c r="FI19" s="114">
        <v>0</v>
      </c>
      <c r="FJ19" s="113">
        <v>0</v>
      </c>
      <c r="FK19" s="116">
        <v>0</v>
      </c>
      <c r="FL19" s="110">
        <v>708912</v>
      </c>
      <c r="FM19" s="114">
        <v>1055892</v>
      </c>
      <c r="FN19" s="113">
        <v>1764804</v>
      </c>
      <c r="FO19" s="110">
        <v>0</v>
      </c>
      <c r="FP19" s="114">
        <v>2248144</v>
      </c>
      <c r="FQ19" s="114">
        <v>5884069</v>
      </c>
      <c r="FR19" s="114">
        <v>3934160</v>
      </c>
      <c r="FS19" s="114">
        <v>3591595</v>
      </c>
      <c r="FT19" s="114">
        <v>2736987</v>
      </c>
      <c r="FU19" s="113">
        <v>18394955</v>
      </c>
      <c r="FV19" s="116">
        <v>20159759</v>
      </c>
      <c r="FW19" s="115">
        <v>340712</v>
      </c>
      <c r="FX19" s="114">
        <v>815440</v>
      </c>
      <c r="FY19" s="112">
        <v>1156152</v>
      </c>
      <c r="FZ19" s="111">
        <v>0</v>
      </c>
      <c r="GA19" s="114">
        <v>1695920</v>
      </c>
      <c r="GB19" s="114">
        <v>5072035</v>
      </c>
      <c r="GC19" s="114">
        <v>3502734</v>
      </c>
      <c r="GD19" s="114">
        <v>3254400</v>
      </c>
      <c r="GE19" s="114">
        <v>2624091</v>
      </c>
      <c r="GF19" s="113">
        <v>16149180</v>
      </c>
      <c r="GG19" s="319">
        <v>17305332</v>
      </c>
      <c r="GH19" s="115">
        <v>0</v>
      </c>
      <c r="GI19" s="114">
        <v>44352</v>
      </c>
      <c r="GJ19" s="112">
        <v>44352</v>
      </c>
      <c r="GK19" s="111">
        <v>0</v>
      </c>
      <c r="GL19" s="114">
        <v>133714</v>
      </c>
      <c r="GM19" s="114">
        <v>139634</v>
      </c>
      <c r="GN19" s="114">
        <v>160565</v>
      </c>
      <c r="GO19" s="114">
        <v>84595</v>
      </c>
      <c r="GP19" s="114">
        <v>49896</v>
      </c>
      <c r="GQ19" s="113">
        <v>568404</v>
      </c>
      <c r="GR19" s="116">
        <v>612756</v>
      </c>
      <c r="GS19" s="110">
        <v>368200</v>
      </c>
      <c r="GT19" s="114">
        <v>196100</v>
      </c>
      <c r="GU19" s="113">
        <v>564300</v>
      </c>
      <c r="GV19" s="110">
        <v>0</v>
      </c>
      <c r="GW19" s="114">
        <v>418510</v>
      </c>
      <c r="GX19" s="114">
        <v>672400</v>
      </c>
      <c r="GY19" s="114">
        <v>270861</v>
      </c>
      <c r="GZ19" s="114">
        <v>252600</v>
      </c>
      <c r="HA19" s="114">
        <v>63000</v>
      </c>
      <c r="HB19" s="112">
        <v>1677371</v>
      </c>
      <c r="HC19" s="116">
        <v>2241671</v>
      </c>
      <c r="HD19" s="110">
        <v>1635071</v>
      </c>
      <c r="HE19" s="114">
        <v>1802798</v>
      </c>
      <c r="HF19" s="112">
        <v>3437869</v>
      </c>
      <c r="HG19" s="111">
        <v>0</v>
      </c>
      <c r="HH19" s="114">
        <v>14707185</v>
      </c>
      <c r="HI19" s="114">
        <v>11513773</v>
      </c>
      <c r="HJ19" s="114">
        <v>14685532</v>
      </c>
      <c r="HK19" s="114">
        <v>13722868</v>
      </c>
      <c r="HL19" s="114">
        <v>11364183</v>
      </c>
      <c r="HM19" s="113">
        <v>65993541</v>
      </c>
      <c r="HN19" s="109">
        <v>69431410</v>
      </c>
      <c r="HO19" s="115">
        <v>432331</v>
      </c>
      <c r="HP19" s="114">
        <v>947198</v>
      </c>
      <c r="HQ19" s="113">
        <v>1379529</v>
      </c>
      <c r="HR19" s="110">
        <v>0</v>
      </c>
      <c r="HS19" s="114">
        <v>7822762</v>
      </c>
      <c r="HT19" s="114">
        <v>7562830</v>
      </c>
      <c r="HU19" s="114">
        <v>5522007</v>
      </c>
      <c r="HV19" s="114">
        <v>4068564</v>
      </c>
      <c r="HW19" s="114">
        <v>2688807</v>
      </c>
      <c r="HX19" s="112">
        <v>27664970</v>
      </c>
      <c r="HY19" s="116">
        <v>29044499</v>
      </c>
      <c r="HZ19" s="131">
        <v>32984</v>
      </c>
      <c r="IA19" s="132">
        <v>133316</v>
      </c>
      <c r="IB19" s="133">
        <v>166300</v>
      </c>
      <c r="IC19" s="146">
        <v>0</v>
      </c>
      <c r="ID19" s="132">
        <v>10691094</v>
      </c>
      <c r="IE19" s="147">
        <v>14654537</v>
      </c>
      <c r="IF19" s="133">
        <v>16037939</v>
      </c>
      <c r="IG19" s="132">
        <v>12187468</v>
      </c>
      <c r="IH19" s="133">
        <v>7318233</v>
      </c>
      <c r="II19" s="148">
        <v>60889271</v>
      </c>
      <c r="IJ19" s="139">
        <v>61055571</v>
      </c>
      <c r="IK19" s="232">
        <v>0</v>
      </c>
      <c r="IL19" s="236">
        <v>0</v>
      </c>
      <c r="IM19" s="237">
        <v>0</v>
      </c>
      <c r="IN19" s="140"/>
      <c r="IO19" s="119">
        <v>0</v>
      </c>
      <c r="IP19" s="119">
        <v>136457</v>
      </c>
      <c r="IQ19" s="119">
        <v>205695</v>
      </c>
      <c r="IR19" s="119">
        <v>0</v>
      </c>
      <c r="IS19" s="119">
        <v>656423</v>
      </c>
      <c r="IT19" s="141">
        <v>998575</v>
      </c>
      <c r="IU19" s="321">
        <v>998575</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6226286</v>
      </c>
      <c r="JL19" s="119">
        <v>7705668</v>
      </c>
      <c r="JM19" s="119">
        <v>5533332</v>
      </c>
      <c r="JN19" s="119">
        <v>3920710</v>
      </c>
      <c r="JO19" s="119">
        <v>993179</v>
      </c>
      <c r="JP19" s="120">
        <v>24379175</v>
      </c>
      <c r="JQ19" s="321">
        <v>24379175</v>
      </c>
      <c r="JR19" s="142">
        <v>0</v>
      </c>
      <c r="JS19" s="119">
        <v>0</v>
      </c>
      <c r="JT19" s="141">
        <v>0</v>
      </c>
      <c r="JU19" s="118">
        <v>0</v>
      </c>
      <c r="JV19" s="119">
        <v>145184</v>
      </c>
      <c r="JW19" s="119">
        <v>308007</v>
      </c>
      <c r="JX19" s="119">
        <v>1070316</v>
      </c>
      <c r="JY19" s="119">
        <v>663293</v>
      </c>
      <c r="JZ19" s="119">
        <v>1254317</v>
      </c>
      <c r="KA19" s="120">
        <v>3441117</v>
      </c>
      <c r="KB19" s="321">
        <v>3441117</v>
      </c>
      <c r="KC19" s="234">
        <v>32984</v>
      </c>
      <c r="KD19" s="230">
        <v>133316</v>
      </c>
      <c r="KE19" s="120">
        <v>166300</v>
      </c>
      <c r="KF19" s="118">
        <v>0</v>
      </c>
      <c r="KG19" s="119">
        <v>1789346</v>
      </c>
      <c r="KH19" s="119">
        <v>2082581</v>
      </c>
      <c r="KI19" s="119">
        <v>1764525</v>
      </c>
      <c r="KJ19" s="119">
        <v>831376</v>
      </c>
      <c r="KK19" s="119">
        <v>319997</v>
      </c>
      <c r="KL19" s="120">
        <v>6787825</v>
      </c>
      <c r="KM19" s="143">
        <v>6954125</v>
      </c>
      <c r="KN19" s="232">
        <v>0</v>
      </c>
      <c r="KO19" s="236">
        <v>0</v>
      </c>
      <c r="KP19" s="237">
        <v>0</v>
      </c>
      <c r="KQ19" s="140"/>
      <c r="KR19" s="119">
        <v>2530278</v>
      </c>
      <c r="KS19" s="119">
        <v>4421824</v>
      </c>
      <c r="KT19" s="119">
        <v>6898774</v>
      </c>
      <c r="KU19" s="119">
        <v>4915912</v>
      </c>
      <c r="KV19" s="119">
        <v>3207900</v>
      </c>
      <c r="KW19" s="120">
        <v>21974688</v>
      </c>
      <c r="KX19" s="321">
        <v>21974688</v>
      </c>
      <c r="KY19" s="142">
        <v>0</v>
      </c>
      <c r="KZ19" s="119">
        <v>0</v>
      </c>
      <c r="LA19" s="120">
        <v>0</v>
      </c>
      <c r="LB19" s="145"/>
      <c r="LC19" s="119">
        <v>0</v>
      </c>
      <c r="LD19" s="119">
        <v>0</v>
      </c>
      <c r="LE19" s="119">
        <v>565297</v>
      </c>
      <c r="LF19" s="119">
        <v>1856177</v>
      </c>
      <c r="LG19" s="119">
        <v>886417</v>
      </c>
      <c r="LH19" s="120">
        <v>3307891</v>
      </c>
      <c r="LI19" s="121">
        <v>3307891</v>
      </c>
      <c r="LJ19" s="142">
        <v>0</v>
      </c>
      <c r="LK19" s="119">
        <v>0</v>
      </c>
      <c r="LL19" s="120">
        <v>0</v>
      </c>
      <c r="LM19" s="145"/>
      <c r="LN19" s="119">
        <v>0</v>
      </c>
      <c r="LO19" s="119">
        <v>0</v>
      </c>
      <c r="LP19" s="119">
        <v>0</v>
      </c>
      <c r="LQ19" s="119">
        <v>0</v>
      </c>
      <c r="LR19" s="119">
        <v>0</v>
      </c>
      <c r="LS19" s="120">
        <v>0</v>
      </c>
      <c r="LT19" s="321">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4670064</v>
      </c>
      <c r="MK19" s="119">
        <v>8605654</v>
      </c>
      <c r="ML19" s="119">
        <v>26137686</v>
      </c>
      <c r="MM19" s="119">
        <v>47248597</v>
      </c>
      <c r="MN19" s="119">
        <v>42638055</v>
      </c>
      <c r="MO19" s="120">
        <v>129300056</v>
      </c>
      <c r="MP19" s="143">
        <v>129300056</v>
      </c>
      <c r="MQ19" s="142">
        <v>0</v>
      </c>
      <c r="MR19" s="119">
        <v>0</v>
      </c>
      <c r="MS19" s="120">
        <v>0</v>
      </c>
      <c r="MT19" s="145"/>
      <c r="MU19" s="119">
        <v>649329</v>
      </c>
      <c r="MV19" s="119">
        <v>496549</v>
      </c>
      <c r="MW19" s="119">
        <v>16328799</v>
      </c>
      <c r="MX19" s="119">
        <v>39842123</v>
      </c>
      <c r="MY19" s="119">
        <v>35019085</v>
      </c>
      <c r="MZ19" s="120">
        <v>92335885</v>
      </c>
      <c r="NA19" s="143">
        <v>92335885</v>
      </c>
      <c r="NB19" s="142">
        <v>0</v>
      </c>
      <c r="NC19" s="119">
        <v>0</v>
      </c>
      <c r="ND19" s="120">
        <v>0</v>
      </c>
      <c r="NE19" s="145"/>
      <c r="NF19" s="119">
        <v>4020735</v>
      </c>
      <c r="NG19" s="119">
        <v>8109105</v>
      </c>
      <c r="NH19" s="119">
        <v>9808887</v>
      </c>
      <c r="NI19" s="119">
        <v>7406474</v>
      </c>
      <c r="NJ19" s="119">
        <v>7618970</v>
      </c>
      <c r="NK19" s="120">
        <v>36964171</v>
      </c>
      <c r="NL19" s="321">
        <v>36964171</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3821111</v>
      </c>
      <c r="OJ19" s="119">
        <v>6062795</v>
      </c>
      <c r="OK19" s="141">
        <v>9883906</v>
      </c>
      <c r="OL19" s="118">
        <v>0</v>
      </c>
      <c r="OM19" s="119">
        <v>63816287</v>
      </c>
      <c r="ON19" s="119">
        <v>80333621</v>
      </c>
      <c r="OO19" s="119">
        <v>100642932</v>
      </c>
      <c r="OP19" s="119">
        <v>116849281</v>
      </c>
      <c r="OQ19" s="119">
        <v>99838137</v>
      </c>
      <c r="OR19" s="120">
        <v>461480258</v>
      </c>
      <c r="OS19" s="143">
        <v>471364164</v>
      </c>
    </row>
    <row r="20" spans="2:409" ht="18.75" customHeight="1" x14ac:dyDescent="0.2">
      <c r="B20" s="62" t="s">
        <v>15</v>
      </c>
      <c r="C20" s="110">
        <v>1733870</v>
      </c>
      <c r="D20" s="114">
        <v>4196728</v>
      </c>
      <c r="E20" s="113">
        <v>5930598</v>
      </c>
      <c r="F20" s="109">
        <v>0</v>
      </c>
      <c r="G20" s="114">
        <v>30978761</v>
      </c>
      <c r="H20" s="114">
        <v>43531459</v>
      </c>
      <c r="I20" s="114">
        <v>36249526</v>
      </c>
      <c r="J20" s="114">
        <v>32945656</v>
      </c>
      <c r="K20" s="114">
        <v>26112979</v>
      </c>
      <c r="L20" s="109">
        <v>169818381</v>
      </c>
      <c r="M20" s="116">
        <v>175748979</v>
      </c>
      <c r="N20" s="110">
        <v>143925</v>
      </c>
      <c r="O20" s="114">
        <v>453741</v>
      </c>
      <c r="P20" s="113">
        <v>597666</v>
      </c>
      <c r="Q20" s="110">
        <v>0</v>
      </c>
      <c r="R20" s="114">
        <v>6627443</v>
      </c>
      <c r="S20" s="114">
        <v>10362582</v>
      </c>
      <c r="T20" s="114">
        <v>9745512</v>
      </c>
      <c r="U20" s="114">
        <v>8757937</v>
      </c>
      <c r="V20" s="114">
        <v>12892695</v>
      </c>
      <c r="W20" s="113">
        <v>48386169</v>
      </c>
      <c r="X20" s="116">
        <v>48983835</v>
      </c>
      <c r="Y20" s="110">
        <v>0</v>
      </c>
      <c r="Z20" s="114">
        <v>0</v>
      </c>
      <c r="AA20" s="113">
        <v>0</v>
      </c>
      <c r="AB20" s="110">
        <v>0</v>
      </c>
      <c r="AC20" s="114">
        <v>3294748</v>
      </c>
      <c r="AD20" s="114">
        <v>5284935</v>
      </c>
      <c r="AE20" s="114">
        <v>5970214</v>
      </c>
      <c r="AF20" s="114">
        <v>4967026</v>
      </c>
      <c r="AG20" s="114">
        <v>6677524</v>
      </c>
      <c r="AH20" s="113">
        <v>26194447</v>
      </c>
      <c r="AI20" s="116">
        <v>26194447</v>
      </c>
      <c r="AJ20" s="110">
        <v>0</v>
      </c>
      <c r="AK20" s="114">
        <v>0</v>
      </c>
      <c r="AL20" s="113">
        <v>0</v>
      </c>
      <c r="AM20" s="110">
        <v>0</v>
      </c>
      <c r="AN20" s="114">
        <v>0</v>
      </c>
      <c r="AO20" s="114">
        <v>274085</v>
      </c>
      <c r="AP20" s="114">
        <v>410827</v>
      </c>
      <c r="AQ20" s="114">
        <v>804855</v>
      </c>
      <c r="AR20" s="114">
        <v>2000052</v>
      </c>
      <c r="AS20" s="113">
        <v>3489819</v>
      </c>
      <c r="AT20" s="116">
        <v>3489819</v>
      </c>
      <c r="AU20" s="110">
        <v>32519</v>
      </c>
      <c r="AV20" s="114">
        <v>310477</v>
      </c>
      <c r="AW20" s="113">
        <v>342996</v>
      </c>
      <c r="AX20" s="110">
        <v>0</v>
      </c>
      <c r="AY20" s="114">
        <v>1585095</v>
      </c>
      <c r="AZ20" s="114">
        <v>3128016</v>
      </c>
      <c r="BA20" s="114">
        <v>1745762</v>
      </c>
      <c r="BB20" s="114">
        <v>1409308</v>
      </c>
      <c r="BC20" s="114">
        <v>2965474</v>
      </c>
      <c r="BD20" s="113">
        <v>10833655</v>
      </c>
      <c r="BE20" s="116">
        <v>11176651</v>
      </c>
      <c r="BF20" s="110">
        <v>0</v>
      </c>
      <c r="BG20" s="114">
        <v>17546</v>
      </c>
      <c r="BH20" s="112">
        <v>17546</v>
      </c>
      <c r="BI20" s="111">
        <v>0</v>
      </c>
      <c r="BJ20" s="114">
        <v>167210</v>
      </c>
      <c r="BK20" s="114">
        <v>323564</v>
      </c>
      <c r="BL20" s="114">
        <v>205220</v>
      </c>
      <c r="BM20" s="114">
        <v>76316</v>
      </c>
      <c r="BN20" s="114">
        <v>231110</v>
      </c>
      <c r="BO20" s="113">
        <v>1003420</v>
      </c>
      <c r="BP20" s="116">
        <v>1020966</v>
      </c>
      <c r="BQ20" s="110">
        <v>111406</v>
      </c>
      <c r="BR20" s="114">
        <v>125718</v>
      </c>
      <c r="BS20" s="113">
        <v>237124</v>
      </c>
      <c r="BT20" s="110">
        <v>0</v>
      </c>
      <c r="BU20" s="114">
        <v>1580390</v>
      </c>
      <c r="BV20" s="114">
        <v>1351982</v>
      </c>
      <c r="BW20" s="114">
        <v>1413489</v>
      </c>
      <c r="BX20" s="114">
        <v>1500432</v>
      </c>
      <c r="BY20" s="114">
        <v>1018535</v>
      </c>
      <c r="BZ20" s="113">
        <v>6864828</v>
      </c>
      <c r="CA20" s="116">
        <v>7101952</v>
      </c>
      <c r="CB20" s="110">
        <v>24069</v>
      </c>
      <c r="CC20" s="114">
        <v>253330</v>
      </c>
      <c r="CD20" s="113">
        <v>277399</v>
      </c>
      <c r="CE20" s="110">
        <v>0</v>
      </c>
      <c r="CF20" s="114">
        <v>6376692</v>
      </c>
      <c r="CG20" s="114">
        <v>12140567</v>
      </c>
      <c r="CH20" s="114">
        <v>6413342</v>
      </c>
      <c r="CI20" s="114">
        <v>2263795</v>
      </c>
      <c r="CJ20" s="114">
        <v>1633013</v>
      </c>
      <c r="CK20" s="113">
        <v>28827409</v>
      </c>
      <c r="CL20" s="116">
        <v>29104808</v>
      </c>
      <c r="CM20" s="110">
        <v>0</v>
      </c>
      <c r="CN20" s="114">
        <v>0</v>
      </c>
      <c r="CO20" s="113">
        <v>0</v>
      </c>
      <c r="CP20" s="111">
        <v>0</v>
      </c>
      <c r="CQ20" s="114">
        <v>4847241</v>
      </c>
      <c r="CR20" s="114">
        <v>9746691</v>
      </c>
      <c r="CS20" s="114">
        <v>4721327</v>
      </c>
      <c r="CT20" s="114">
        <v>1387441</v>
      </c>
      <c r="CU20" s="114">
        <v>1317059</v>
      </c>
      <c r="CV20" s="113">
        <v>22019759</v>
      </c>
      <c r="CW20" s="116">
        <v>22019759</v>
      </c>
      <c r="CX20" s="110">
        <v>24069</v>
      </c>
      <c r="CY20" s="114">
        <v>253330</v>
      </c>
      <c r="CZ20" s="113">
        <v>277399</v>
      </c>
      <c r="DA20" s="110">
        <v>0</v>
      </c>
      <c r="DB20" s="114">
        <v>1529451</v>
      </c>
      <c r="DC20" s="114">
        <v>2393876</v>
      </c>
      <c r="DD20" s="114">
        <v>1692015</v>
      </c>
      <c r="DE20" s="114">
        <v>876354</v>
      </c>
      <c r="DF20" s="114">
        <v>315954</v>
      </c>
      <c r="DG20" s="113">
        <v>6807650</v>
      </c>
      <c r="DH20" s="116">
        <v>7085049</v>
      </c>
      <c r="DI20" s="110">
        <v>0</v>
      </c>
      <c r="DJ20" s="114">
        <v>42634</v>
      </c>
      <c r="DK20" s="112">
        <v>42634</v>
      </c>
      <c r="DL20" s="111">
        <v>0</v>
      </c>
      <c r="DM20" s="114">
        <v>988689</v>
      </c>
      <c r="DN20" s="114">
        <v>2381581</v>
      </c>
      <c r="DO20" s="114">
        <v>5857284</v>
      </c>
      <c r="DP20" s="114">
        <v>7753481</v>
      </c>
      <c r="DQ20" s="114">
        <v>3265624</v>
      </c>
      <c r="DR20" s="113">
        <v>20246659</v>
      </c>
      <c r="DS20" s="116">
        <v>20289293</v>
      </c>
      <c r="DT20" s="110">
        <v>0</v>
      </c>
      <c r="DU20" s="114">
        <v>42634</v>
      </c>
      <c r="DV20" s="113">
        <v>42634</v>
      </c>
      <c r="DW20" s="110">
        <v>0</v>
      </c>
      <c r="DX20" s="114">
        <v>377821</v>
      </c>
      <c r="DY20" s="114">
        <v>2186614</v>
      </c>
      <c r="DZ20" s="114">
        <v>5527789</v>
      </c>
      <c r="EA20" s="114">
        <v>7484219</v>
      </c>
      <c r="EB20" s="114">
        <v>3179249</v>
      </c>
      <c r="EC20" s="113">
        <v>18755692</v>
      </c>
      <c r="ED20" s="116">
        <v>18798326</v>
      </c>
      <c r="EE20" s="110">
        <v>0</v>
      </c>
      <c r="EF20" s="112">
        <v>0</v>
      </c>
      <c r="EG20" s="113">
        <v>0</v>
      </c>
      <c r="EH20" s="110">
        <v>0</v>
      </c>
      <c r="EI20" s="114">
        <v>610868</v>
      </c>
      <c r="EJ20" s="114">
        <v>194967</v>
      </c>
      <c r="EK20" s="114">
        <v>329495</v>
      </c>
      <c r="EL20" s="114">
        <v>269262</v>
      </c>
      <c r="EM20" s="114">
        <v>86375</v>
      </c>
      <c r="EN20" s="112">
        <v>1490967</v>
      </c>
      <c r="EO20" s="116">
        <v>1490967</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8"/>
      <c r="FE20" s="114">
        <v>0</v>
      </c>
      <c r="FF20" s="114">
        <v>0</v>
      </c>
      <c r="FG20" s="114">
        <v>0</v>
      </c>
      <c r="FH20" s="114">
        <v>0</v>
      </c>
      <c r="FI20" s="114">
        <v>0</v>
      </c>
      <c r="FJ20" s="113">
        <v>0</v>
      </c>
      <c r="FK20" s="116">
        <v>0</v>
      </c>
      <c r="FL20" s="110">
        <v>326364</v>
      </c>
      <c r="FM20" s="114">
        <v>1341355</v>
      </c>
      <c r="FN20" s="113">
        <v>1667719</v>
      </c>
      <c r="FO20" s="110">
        <v>0</v>
      </c>
      <c r="FP20" s="114">
        <v>1921453</v>
      </c>
      <c r="FQ20" s="114">
        <v>5015560</v>
      </c>
      <c r="FR20" s="114">
        <v>3081860</v>
      </c>
      <c r="FS20" s="114">
        <v>2334534</v>
      </c>
      <c r="FT20" s="114">
        <v>1872860</v>
      </c>
      <c r="FU20" s="113">
        <v>14226267</v>
      </c>
      <c r="FV20" s="116">
        <v>15893986</v>
      </c>
      <c r="FW20" s="115">
        <v>324228</v>
      </c>
      <c r="FX20" s="114">
        <v>765832</v>
      </c>
      <c r="FY20" s="112">
        <v>1090060</v>
      </c>
      <c r="FZ20" s="111">
        <v>0</v>
      </c>
      <c r="GA20" s="114">
        <v>1104908</v>
      </c>
      <c r="GB20" s="114">
        <v>4065871</v>
      </c>
      <c r="GC20" s="114">
        <v>2791322</v>
      </c>
      <c r="GD20" s="114">
        <v>2157450</v>
      </c>
      <c r="GE20" s="114">
        <v>1854248</v>
      </c>
      <c r="GF20" s="113">
        <v>11973799</v>
      </c>
      <c r="GG20" s="319">
        <v>13063859</v>
      </c>
      <c r="GH20" s="115">
        <v>0</v>
      </c>
      <c r="GI20" s="114">
        <v>67023</v>
      </c>
      <c r="GJ20" s="112">
        <v>67023</v>
      </c>
      <c r="GK20" s="111">
        <v>0</v>
      </c>
      <c r="GL20" s="114">
        <v>175095</v>
      </c>
      <c r="GM20" s="114">
        <v>226469</v>
      </c>
      <c r="GN20" s="114">
        <v>37224</v>
      </c>
      <c r="GO20" s="114">
        <v>21384</v>
      </c>
      <c r="GP20" s="114">
        <v>18612</v>
      </c>
      <c r="GQ20" s="113">
        <v>478784</v>
      </c>
      <c r="GR20" s="116">
        <v>545807</v>
      </c>
      <c r="GS20" s="110">
        <v>2136</v>
      </c>
      <c r="GT20" s="114">
        <v>508500</v>
      </c>
      <c r="GU20" s="113">
        <v>510636</v>
      </c>
      <c r="GV20" s="110">
        <v>0</v>
      </c>
      <c r="GW20" s="114">
        <v>641450</v>
      </c>
      <c r="GX20" s="114">
        <v>723220</v>
      </c>
      <c r="GY20" s="114">
        <v>253314</v>
      </c>
      <c r="GZ20" s="114">
        <v>155700</v>
      </c>
      <c r="HA20" s="114">
        <v>0</v>
      </c>
      <c r="HB20" s="112">
        <v>1773684</v>
      </c>
      <c r="HC20" s="116">
        <v>2284320</v>
      </c>
      <c r="HD20" s="110">
        <v>951539</v>
      </c>
      <c r="HE20" s="114">
        <v>1337395</v>
      </c>
      <c r="HF20" s="112">
        <v>2288934</v>
      </c>
      <c r="HG20" s="111">
        <v>0</v>
      </c>
      <c r="HH20" s="114">
        <v>9486275</v>
      </c>
      <c r="HI20" s="114">
        <v>6582955</v>
      </c>
      <c r="HJ20" s="114">
        <v>6841751</v>
      </c>
      <c r="HK20" s="114">
        <v>9103424</v>
      </c>
      <c r="HL20" s="114">
        <v>4608068</v>
      </c>
      <c r="HM20" s="113">
        <v>36622473</v>
      </c>
      <c r="HN20" s="109">
        <v>38911407</v>
      </c>
      <c r="HO20" s="115">
        <v>287973</v>
      </c>
      <c r="HP20" s="114">
        <v>768273</v>
      </c>
      <c r="HQ20" s="113">
        <v>1056246</v>
      </c>
      <c r="HR20" s="110">
        <v>0</v>
      </c>
      <c r="HS20" s="114">
        <v>5578209</v>
      </c>
      <c r="HT20" s="114">
        <v>7048214</v>
      </c>
      <c r="HU20" s="114">
        <v>4309777</v>
      </c>
      <c r="HV20" s="114">
        <v>2732485</v>
      </c>
      <c r="HW20" s="114">
        <v>1840719</v>
      </c>
      <c r="HX20" s="112">
        <v>21509404</v>
      </c>
      <c r="HY20" s="116">
        <v>22565650</v>
      </c>
      <c r="HZ20" s="150">
        <v>181884</v>
      </c>
      <c r="IA20" s="135">
        <v>1808236</v>
      </c>
      <c r="IB20" s="150">
        <v>1990120</v>
      </c>
      <c r="IC20" s="134">
        <v>0</v>
      </c>
      <c r="ID20" s="135">
        <v>18105695</v>
      </c>
      <c r="IE20" s="136">
        <v>20770872</v>
      </c>
      <c r="IF20" s="137">
        <v>23831290</v>
      </c>
      <c r="IG20" s="135">
        <v>20312959</v>
      </c>
      <c r="IH20" s="137">
        <v>10348717</v>
      </c>
      <c r="II20" s="138">
        <v>93369533</v>
      </c>
      <c r="IJ20" s="150">
        <v>95359653</v>
      </c>
      <c r="IK20" s="232">
        <v>0</v>
      </c>
      <c r="IL20" s="236">
        <v>0</v>
      </c>
      <c r="IM20" s="237">
        <v>0</v>
      </c>
      <c r="IN20" s="140"/>
      <c r="IO20" s="119">
        <v>219613</v>
      </c>
      <c r="IP20" s="119">
        <v>571025</v>
      </c>
      <c r="IQ20" s="119">
        <v>230398</v>
      </c>
      <c r="IR20" s="119">
        <v>974792</v>
      </c>
      <c r="IS20" s="119">
        <v>1790087</v>
      </c>
      <c r="IT20" s="141">
        <v>3785915</v>
      </c>
      <c r="IU20" s="321">
        <v>3785915</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5550982</v>
      </c>
      <c r="JL20" s="119">
        <v>8177602</v>
      </c>
      <c r="JM20" s="119">
        <v>7156470</v>
      </c>
      <c r="JN20" s="119">
        <v>3725518</v>
      </c>
      <c r="JO20" s="119">
        <v>772781</v>
      </c>
      <c r="JP20" s="120">
        <v>25383353</v>
      </c>
      <c r="JQ20" s="321">
        <v>25383353</v>
      </c>
      <c r="JR20" s="142">
        <v>0</v>
      </c>
      <c r="JS20" s="119">
        <v>0</v>
      </c>
      <c r="JT20" s="141">
        <v>0</v>
      </c>
      <c r="JU20" s="118">
        <v>0</v>
      </c>
      <c r="JV20" s="119">
        <v>321357</v>
      </c>
      <c r="JW20" s="119">
        <v>357562</v>
      </c>
      <c r="JX20" s="119">
        <v>521899</v>
      </c>
      <c r="JY20" s="119">
        <v>314794</v>
      </c>
      <c r="JZ20" s="119">
        <v>156746</v>
      </c>
      <c r="KA20" s="120">
        <v>1672358</v>
      </c>
      <c r="KB20" s="321">
        <v>1672358</v>
      </c>
      <c r="KC20" s="234">
        <v>181884</v>
      </c>
      <c r="KD20" s="230">
        <v>1071775</v>
      </c>
      <c r="KE20" s="120">
        <v>1253659</v>
      </c>
      <c r="KF20" s="118">
        <v>0</v>
      </c>
      <c r="KG20" s="119">
        <v>2303023</v>
      </c>
      <c r="KH20" s="119">
        <v>3898755</v>
      </c>
      <c r="KI20" s="119">
        <v>2683052</v>
      </c>
      <c r="KJ20" s="119">
        <v>3617088</v>
      </c>
      <c r="KK20" s="119">
        <v>1499358</v>
      </c>
      <c r="KL20" s="120">
        <v>14001276</v>
      </c>
      <c r="KM20" s="143">
        <v>15254935</v>
      </c>
      <c r="KN20" s="232">
        <v>0</v>
      </c>
      <c r="KO20" s="236">
        <v>736461</v>
      </c>
      <c r="KP20" s="237">
        <v>736461</v>
      </c>
      <c r="KQ20" s="140"/>
      <c r="KR20" s="119">
        <v>9710720</v>
      </c>
      <c r="KS20" s="119">
        <v>7765928</v>
      </c>
      <c r="KT20" s="119">
        <v>10716282</v>
      </c>
      <c r="KU20" s="119">
        <v>8067638</v>
      </c>
      <c r="KV20" s="119">
        <v>4265476</v>
      </c>
      <c r="KW20" s="120">
        <v>40526044</v>
      </c>
      <c r="KX20" s="321">
        <v>41262505</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2523189</v>
      </c>
      <c r="LQ20" s="119">
        <v>3613129</v>
      </c>
      <c r="LR20" s="119">
        <v>1864269</v>
      </c>
      <c r="LS20" s="120">
        <v>8000587</v>
      </c>
      <c r="LT20" s="321">
        <v>8000587</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6390891</v>
      </c>
      <c r="MK20" s="119">
        <v>9165884</v>
      </c>
      <c r="ML20" s="119">
        <v>35244657</v>
      </c>
      <c r="MM20" s="119">
        <v>53208824</v>
      </c>
      <c r="MN20" s="119">
        <v>32329063</v>
      </c>
      <c r="MO20" s="120">
        <v>136339319</v>
      </c>
      <c r="MP20" s="143">
        <v>136339319</v>
      </c>
      <c r="MQ20" s="142">
        <v>0</v>
      </c>
      <c r="MR20" s="119">
        <v>0</v>
      </c>
      <c r="MS20" s="120">
        <v>0</v>
      </c>
      <c r="MT20" s="145"/>
      <c r="MU20" s="119">
        <v>0</v>
      </c>
      <c r="MV20" s="119">
        <v>212514</v>
      </c>
      <c r="MW20" s="119">
        <v>21702701</v>
      </c>
      <c r="MX20" s="119">
        <v>38076954</v>
      </c>
      <c r="MY20" s="119">
        <v>22815396</v>
      </c>
      <c r="MZ20" s="120">
        <v>82807565</v>
      </c>
      <c r="NA20" s="143">
        <v>82807565</v>
      </c>
      <c r="NB20" s="142">
        <v>0</v>
      </c>
      <c r="NC20" s="119">
        <v>0</v>
      </c>
      <c r="ND20" s="120">
        <v>0</v>
      </c>
      <c r="NE20" s="145"/>
      <c r="NF20" s="119">
        <v>6390891</v>
      </c>
      <c r="NG20" s="119">
        <v>8953370</v>
      </c>
      <c r="NH20" s="119">
        <v>13541956</v>
      </c>
      <c r="NI20" s="119">
        <v>15131870</v>
      </c>
      <c r="NJ20" s="119">
        <v>9153010</v>
      </c>
      <c r="NK20" s="120">
        <v>53171097</v>
      </c>
      <c r="NL20" s="321">
        <v>53171097</v>
      </c>
      <c r="NM20" s="142">
        <v>0</v>
      </c>
      <c r="NN20" s="119">
        <v>0</v>
      </c>
      <c r="NO20" s="120">
        <v>0</v>
      </c>
      <c r="NP20" s="145"/>
      <c r="NQ20" s="119">
        <v>0</v>
      </c>
      <c r="NR20" s="119">
        <v>0</v>
      </c>
      <c r="NS20" s="119">
        <v>0</v>
      </c>
      <c r="NT20" s="119">
        <v>0</v>
      </c>
      <c r="NU20" s="119">
        <v>360657</v>
      </c>
      <c r="NV20" s="120">
        <v>360657</v>
      </c>
      <c r="NW20" s="121">
        <v>360657</v>
      </c>
      <c r="NX20" s="142">
        <v>0</v>
      </c>
      <c r="NY20" s="119">
        <v>0</v>
      </c>
      <c r="NZ20" s="120">
        <v>0</v>
      </c>
      <c r="OA20" s="145"/>
      <c r="OB20" s="119">
        <v>0</v>
      </c>
      <c r="OC20" s="119">
        <v>0</v>
      </c>
      <c r="OD20" s="119">
        <v>0</v>
      </c>
      <c r="OE20" s="119">
        <v>0</v>
      </c>
      <c r="OF20" s="119">
        <v>0</v>
      </c>
      <c r="OG20" s="120">
        <v>0</v>
      </c>
      <c r="OH20" s="121">
        <v>0</v>
      </c>
      <c r="OI20" s="142">
        <v>1915754</v>
      </c>
      <c r="OJ20" s="119">
        <v>6004964</v>
      </c>
      <c r="OK20" s="141">
        <v>7920718</v>
      </c>
      <c r="OL20" s="118">
        <v>0</v>
      </c>
      <c r="OM20" s="119">
        <v>55475347</v>
      </c>
      <c r="ON20" s="119">
        <v>73468215</v>
      </c>
      <c r="OO20" s="119">
        <v>95325473</v>
      </c>
      <c r="OP20" s="119">
        <v>106467439</v>
      </c>
      <c r="OQ20" s="119">
        <v>68790759</v>
      </c>
      <c r="OR20" s="120">
        <v>399527233</v>
      </c>
      <c r="OS20" s="143">
        <v>407447951</v>
      </c>
    </row>
    <row r="21" spans="2:409" ht="18.75" customHeight="1" x14ac:dyDescent="0.2">
      <c r="B21" s="62" t="s">
        <v>16</v>
      </c>
      <c r="C21" s="110">
        <v>6815899</v>
      </c>
      <c r="D21" s="114">
        <v>12784714</v>
      </c>
      <c r="E21" s="113">
        <v>19600613</v>
      </c>
      <c r="F21" s="109">
        <v>0</v>
      </c>
      <c r="G21" s="114">
        <v>77344579</v>
      </c>
      <c r="H21" s="114">
        <v>127371278</v>
      </c>
      <c r="I21" s="114">
        <v>114142448</v>
      </c>
      <c r="J21" s="114">
        <v>103982814</v>
      </c>
      <c r="K21" s="114">
        <v>70535314</v>
      </c>
      <c r="L21" s="109">
        <v>493376433</v>
      </c>
      <c r="M21" s="116">
        <v>512977046</v>
      </c>
      <c r="N21" s="110">
        <v>1046563</v>
      </c>
      <c r="O21" s="114">
        <v>2526336</v>
      </c>
      <c r="P21" s="113">
        <v>3572899</v>
      </c>
      <c r="Q21" s="110">
        <v>0</v>
      </c>
      <c r="R21" s="114">
        <v>16734888</v>
      </c>
      <c r="S21" s="114">
        <v>28730539</v>
      </c>
      <c r="T21" s="114">
        <v>27623901</v>
      </c>
      <c r="U21" s="114">
        <v>31616949</v>
      </c>
      <c r="V21" s="114">
        <v>22830785</v>
      </c>
      <c r="W21" s="113">
        <v>127537062</v>
      </c>
      <c r="X21" s="116">
        <v>131109961</v>
      </c>
      <c r="Y21" s="110">
        <v>0</v>
      </c>
      <c r="Z21" s="114">
        <v>0</v>
      </c>
      <c r="AA21" s="113">
        <v>0</v>
      </c>
      <c r="AB21" s="110">
        <v>0</v>
      </c>
      <c r="AC21" s="114">
        <v>7079386</v>
      </c>
      <c r="AD21" s="114">
        <v>11924971</v>
      </c>
      <c r="AE21" s="114">
        <v>14425912</v>
      </c>
      <c r="AF21" s="114">
        <v>17122199</v>
      </c>
      <c r="AG21" s="114">
        <v>11239950</v>
      </c>
      <c r="AH21" s="113">
        <v>61792418</v>
      </c>
      <c r="AI21" s="116">
        <v>61792418</v>
      </c>
      <c r="AJ21" s="110">
        <v>0</v>
      </c>
      <c r="AK21" s="114">
        <v>0</v>
      </c>
      <c r="AL21" s="113">
        <v>0</v>
      </c>
      <c r="AM21" s="110">
        <v>0</v>
      </c>
      <c r="AN21" s="114">
        <v>27373</v>
      </c>
      <c r="AO21" s="114">
        <v>567801</v>
      </c>
      <c r="AP21" s="114">
        <v>794073</v>
      </c>
      <c r="AQ21" s="114">
        <v>1546223</v>
      </c>
      <c r="AR21" s="114">
        <v>2863326</v>
      </c>
      <c r="AS21" s="113">
        <v>5798796</v>
      </c>
      <c r="AT21" s="116">
        <v>5798796</v>
      </c>
      <c r="AU21" s="110">
        <v>506881</v>
      </c>
      <c r="AV21" s="114">
        <v>1654294</v>
      </c>
      <c r="AW21" s="113">
        <v>2161175</v>
      </c>
      <c r="AX21" s="110">
        <v>0</v>
      </c>
      <c r="AY21" s="114">
        <v>6489793</v>
      </c>
      <c r="AZ21" s="114">
        <v>12059009</v>
      </c>
      <c r="BA21" s="114">
        <v>7966052</v>
      </c>
      <c r="BB21" s="114">
        <v>8439999</v>
      </c>
      <c r="BC21" s="114">
        <v>5423884</v>
      </c>
      <c r="BD21" s="113">
        <v>40378737</v>
      </c>
      <c r="BE21" s="116">
        <v>42539912</v>
      </c>
      <c r="BF21" s="110">
        <v>0</v>
      </c>
      <c r="BG21" s="114">
        <v>489621</v>
      </c>
      <c r="BH21" s="112">
        <v>489621</v>
      </c>
      <c r="BI21" s="111">
        <v>0</v>
      </c>
      <c r="BJ21" s="114">
        <v>386044</v>
      </c>
      <c r="BK21" s="114">
        <v>820294</v>
      </c>
      <c r="BL21" s="114">
        <v>881494</v>
      </c>
      <c r="BM21" s="114">
        <v>361124</v>
      </c>
      <c r="BN21" s="114">
        <v>336850</v>
      </c>
      <c r="BO21" s="113">
        <v>2785806</v>
      </c>
      <c r="BP21" s="116">
        <v>3275427</v>
      </c>
      <c r="BQ21" s="110">
        <v>539682</v>
      </c>
      <c r="BR21" s="114">
        <v>382421</v>
      </c>
      <c r="BS21" s="113">
        <v>922103</v>
      </c>
      <c r="BT21" s="110">
        <v>0</v>
      </c>
      <c r="BU21" s="114">
        <v>2752292</v>
      </c>
      <c r="BV21" s="114">
        <v>3358464</v>
      </c>
      <c r="BW21" s="114">
        <v>3556370</v>
      </c>
      <c r="BX21" s="114">
        <v>4147404</v>
      </c>
      <c r="BY21" s="114">
        <v>2966775</v>
      </c>
      <c r="BZ21" s="113">
        <v>16781305</v>
      </c>
      <c r="CA21" s="116">
        <v>17703408</v>
      </c>
      <c r="CB21" s="110">
        <v>1257025</v>
      </c>
      <c r="CC21" s="114">
        <v>3960808</v>
      </c>
      <c r="CD21" s="113">
        <v>5217833</v>
      </c>
      <c r="CE21" s="110">
        <v>0</v>
      </c>
      <c r="CF21" s="114">
        <v>26388311</v>
      </c>
      <c r="CG21" s="114">
        <v>48140441</v>
      </c>
      <c r="CH21" s="114">
        <v>38009887</v>
      </c>
      <c r="CI21" s="114">
        <v>25901389</v>
      </c>
      <c r="CJ21" s="114">
        <v>13759350</v>
      </c>
      <c r="CK21" s="113">
        <v>152199378</v>
      </c>
      <c r="CL21" s="116">
        <v>157417211</v>
      </c>
      <c r="CM21" s="110">
        <v>0</v>
      </c>
      <c r="CN21" s="114">
        <v>0</v>
      </c>
      <c r="CO21" s="113">
        <v>0</v>
      </c>
      <c r="CP21" s="111">
        <v>0</v>
      </c>
      <c r="CQ21" s="114">
        <v>16972178</v>
      </c>
      <c r="CR21" s="114">
        <v>30452476</v>
      </c>
      <c r="CS21" s="114">
        <v>28224404</v>
      </c>
      <c r="CT21" s="114">
        <v>19765154</v>
      </c>
      <c r="CU21" s="114">
        <v>11556069</v>
      </c>
      <c r="CV21" s="113">
        <v>106970281</v>
      </c>
      <c r="CW21" s="116">
        <v>106970281</v>
      </c>
      <c r="CX21" s="110">
        <v>1257025</v>
      </c>
      <c r="CY21" s="114">
        <v>3960808</v>
      </c>
      <c r="CZ21" s="113">
        <v>5217833</v>
      </c>
      <c r="DA21" s="110">
        <v>0</v>
      </c>
      <c r="DB21" s="114">
        <v>9416133</v>
      </c>
      <c r="DC21" s="114">
        <v>17687965</v>
      </c>
      <c r="DD21" s="114">
        <v>9785483</v>
      </c>
      <c r="DE21" s="114">
        <v>6136235</v>
      </c>
      <c r="DF21" s="114">
        <v>2203281</v>
      </c>
      <c r="DG21" s="113">
        <v>45229097</v>
      </c>
      <c r="DH21" s="116">
        <v>50446930</v>
      </c>
      <c r="DI21" s="110">
        <v>34547</v>
      </c>
      <c r="DJ21" s="114">
        <v>61851</v>
      </c>
      <c r="DK21" s="112">
        <v>96398</v>
      </c>
      <c r="DL21" s="111">
        <v>0</v>
      </c>
      <c r="DM21" s="114">
        <v>1680858</v>
      </c>
      <c r="DN21" s="114">
        <v>4905504</v>
      </c>
      <c r="DO21" s="114">
        <v>10135695</v>
      </c>
      <c r="DP21" s="114">
        <v>6179952</v>
      </c>
      <c r="DQ21" s="114">
        <v>2848864</v>
      </c>
      <c r="DR21" s="113">
        <v>25750873</v>
      </c>
      <c r="DS21" s="116">
        <v>25847271</v>
      </c>
      <c r="DT21" s="110">
        <v>34547</v>
      </c>
      <c r="DU21" s="114">
        <v>61851</v>
      </c>
      <c r="DV21" s="113">
        <v>96398</v>
      </c>
      <c r="DW21" s="110">
        <v>0</v>
      </c>
      <c r="DX21" s="114">
        <v>1521299</v>
      </c>
      <c r="DY21" s="114">
        <v>4343286</v>
      </c>
      <c r="DZ21" s="114">
        <v>9517934</v>
      </c>
      <c r="EA21" s="114">
        <v>5572228</v>
      </c>
      <c r="EB21" s="114">
        <v>2502191</v>
      </c>
      <c r="EC21" s="113">
        <v>23456938</v>
      </c>
      <c r="ED21" s="116">
        <v>23553336</v>
      </c>
      <c r="EE21" s="110">
        <v>0</v>
      </c>
      <c r="EF21" s="112">
        <v>0</v>
      </c>
      <c r="EG21" s="113">
        <v>0</v>
      </c>
      <c r="EH21" s="110">
        <v>0</v>
      </c>
      <c r="EI21" s="114">
        <v>159559</v>
      </c>
      <c r="EJ21" s="114">
        <v>562218</v>
      </c>
      <c r="EK21" s="114">
        <v>617761</v>
      </c>
      <c r="EL21" s="114">
        <v>607724</v>
      </c>
      <c r="EM21" s="114">
        <v>346673</v>
      </c>
      <c r="EN21" s="112">
        <v>2293935</v>
      </c>
      <c r="EO21" s="116">
        <v>2293935</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8"/>
      <c r="FE21" s="114">
        <v>0</v>
      </c>
      <c r="FF21" s="114">
        <v>0</v>
      </c>
      <c r="FG21" s="114">
        <v>0</v>
      </c>
      <c r="FH21" s="114">
        <v>0</v>
      </c>
      <c r="FI21" s="114">
        <v>0</v>
      </c>
      <c r="FJ21" s="113">
        <v>0</v>
      </c>
      <c r="FK21" s="116">
        <v>0</v>
      </c>
      <c r="FL21" s="110">
        <v>1816328</v>
      </c>
      <c r="FM21" s="114">
        <v>2450560</v>
      </c>
      <c r="FN21" s="113">
        <v>4266888</v>
      </c>
      <c r="FO21" s="110">
        <v>0</v>
      </c>
      <c r="FP21" s="114">
        <v>3580256</v>
      </c>
      <c r="FQ21" s="114">
        <v>11856239</v>
      </c>
      <c r="FR21" s="114">
        <v>8596244</v>
      </c>
      <c r="FS21" s="114">
        <v>8004807</v>
      </c>
      <c r="FT21" s="114">
        <v>5129692</v>
      </c>
      <c r="FU21" s="113">
        <v>37167238</v>
      </c>
      <c r="FV21" s="116">
        <v>41434126</v>
      </c>
      <c r="FW21" s="115">
        <v>899734</v>
      </c>
      <c r="FX21" s="114">
        <v>2046898</v>
      </c>
      <c r="FY21" s="112">
        <v>2946632</v>
      </c>
      <c r="FZ21" s="111">
        <v>0</v>
      </c>
      <c r="GA21" s="114">
        <v>2762347</v>
      </c>
      <c r="GB21" s="114">
        <v>11293087</v>
      </c>
      <c r="GC21" s="114">
        <v>8229448</v>
      </c>
      <c r="GD21" s="114">
        <v>7680150</v>
      </c>
      <c r="GE21" s="114">
        <v>4918797</v>
      </c>
      <c r="GF21" s="113">
        <v>34883829</v>
      </c>
      <c r="GG21" s="319">
        <v>37830461</v>
      </c>
      <c r="GH21" s="115">
        <v>149179</v>
      </c>
      <c r="GI21" s="114">
        <v>85888</v>
      </c>
      <c r="GJ21" s="112">
        <v>235067</v>
      </c>
      <c r="GK21" s="111">
        <v>0</v>
      </c>
      <c r="GL21" s="114">
        <v>187261</v>
      </c>
      <c r="GM21" s="114">
        <v>301122</v>
      </c>
      <c r="GN21" s="114">
        <v>225405</v>
      </c>
      <c r="GO21" s="114">
        <v>120389</v>
      </c>
      <c r="GP21" s="114">
        <v>76770</v>
      </c>
      <c r="GQ21" s="113">
        <v>910947</v>
      </c>
      <c r="GR21" s="116">
        <v>1146014</v>
      </c>
      <c r="GS21" s="110">
        <v>767415</v>
      </c>
      <c r="GT21" s="114">
        <v>317774</v>
      </c>
      <c r="GU21" s="113">
        <v>1085189</v>
      </c>
      <c r="GV21" s="110">
        <v>0</v>
      </c>
      <c r="GW21" s="114">
        <v>630648</v>
      </c>
      <c r="GX21" s="114">
        <v>262030</v>
      </c>
      <c r="GY21" s="114">
        <v>141391</v>
      </c>
      <c r="GZ21" s="114">
        <v>204268</v>
      </c>
      <c r="HA21" s="114">
        <v>134125</v>
      </c>
      <c r="HB21" s="112">
        <v>1372462</v>
      </c>
      <c r="HC21" s="116">
        <v>2457651</v>
      </c>
      <c r="HD21" s="110">
        <v>1645520</v>
      </c>
      <c r="HE21" s="114">
        <v>1920734</v>
      </c>
      <c r="HF21" s="112">
        <v>3566254</v>
      </c>
      <c r="HG21" s="111">
        <v>0</v>
      </c>
      <c r="HH21" s="114">
        <v>16982895</v>
      </c>
      <c r="HI21" s="114">
        <v>17542540</v>
      </c>
      <c r="HJ21" s="114">
        <v>18910580</v>
      </c>
      <c r="HK21" s="114">
        <v>25082505</v>
      </c>
      <c r="HL21" s="114">
        <v>22232801</v>
      </c>
      <c r="HM21" s="113">
        <v>100751321</v>
      </c>
      <c r="HN21" s="109">
        <v>104317575</v>
      </c>
      <c r="HO21" s="115">
        <v>1015916</v>
      </c>
      <c r="HP21" s="114">
        <v>1864425</v>
      </c>
      <c r="HQ21" s="113">
        <v>2880341</v>
      </c>
      <c r="HR21" s="110">
        <v>0</v>
      </c>
      <c r="HS21" s="114">
        <v>11977371</v>
      </c>
      <c r="HT21" s="114">
        <v>16196015</v>
      </c>
      <c r="HU21" s="114">
        <v>10866141</v>
      </c>
      <c r="HV21" s="114">
        <v>7197212</v>
      </c>
      <c r="HW21" s="114">
        <v>3733822</v>
      </c>
      <c r="HX21" s="112">
        <v>49970561</v>
      </c>
      <c r="HY21" s="116">
        <v>52850902</v>
      </c>
      <c r="HZ21" s="131">
        <v>45963</v>
      </c>
      <c r="IA21" s="132">
        <v>85011</v>
      </c>
      <c r="IB21" s="133">
        <v>130974</v>
      </c>
      <c r="IC21" s="146">
        <v>0</v>
      </c>
      <c r="ID21" s="132">
        <v>14160872</v>
      </c>
      <c r="IE21" s="147">
        <v>29598877</v>
      </c>
      <c r="IF21" s="133">
        <v>36689865</v>
      </c>
      <c r="IG21" s="132">
        <v>30789910</v>
      </c>
      <c r="IH21" s="133">
        <v>21482814</v>
      </c>
      <c r="II21" s="148">
        <v>132722338</v>
      </c>
      <c r="IJ21" s="139">
        <v>132853312</v>
      </c>
      <c r="IK21" s="232">
        <v>0</v>
      </c>
      <c r="IL21" s="236">
        <v>0</v>
      </c>
      <c r="IM21" s="237">
        <v>0</v>
      </c>
      <c r="IN21" s="140"/>
      <c r="IO21" s="119">
        <v>345668</v>
      </c>
      <c r="IP21" s="119">
        <v>1320171</v>
      </c>
      <c r="IQ21" s="119">
        <v>2822119</v>
      </c>
      <c r="IR21" s="119">
        <v>2944427</v>
      </c>
      <c r="IS21" s="119">
        <v>2138345</v>
      </c>
      <c r="IT21" s="141">
        <v>9570730</v>
      </c>
      <c r="IU21" s="321">
        <v>9570730</v>
      </c>
      <c r="IV21" s="142">
        <v>0</v>
      </c>
      <c r="IW21" s="119">
        <v>0</v>
      </c>
      <c r="IX21" s="120">
        <v>0</v>
      </c>
      <c r="IY21" s="144"/>
      <c r="IZ21" s="119">
        <v>0</v>
      </c>
      <c r="JA21" s="119">
        <v>25081</v>
      </c>
      <c r="JB21" s="119">
        <v>20768</v>
      </c>
      <c r="JC21" s="119">
        <v>36160</v>
      </c>
      <c r="JD21" s="119">
        <v>0</v>
      </c>
      <c r="JE21" s="120">
        <v>82009</v>
      </c>
      <c r="JF21" s="121">
        <v>82009</v>
      </c>
      <c r="JG21" s="142">
        <v>0</v>
      </c>
      <c r="JH21" s="119">
        <v>0</v>
      </c>
      <c r="JI21" s="141">
        <v>0</v>
      </c>
      <c r="JJ21" s="118">
        <v>0</v>
      </c>
      <c r="JK21" s="119">
        <v>7273424</v>
      </c>
      <c r="JL21" s="119">
        <v>9687044</v>
      </c>
      <c r="JM21" s="119">
        <v>10252016</v>
      </c>
      <c r="JN21" s="119">
        <v>4471724</v>
      </c>
      <c r="JO21" s="119">
        <v>2725658</v>
      </c>
      <c r="JP21" s="120">
        <v>34409866</v>
      </c>
      <c r="JQ21" s="321">
        <v>34409866</v>
      </c>
      <c r="JR21" s="142">
        <v>0</v>
      </c>
      <c r="JS21" s="119">
        <v>0</v>
      </c>
      <c r="JT21" s="141">
        <v>0</v>
      </c>
      <c r="JU21" s="118">
        <v>0</v>
      </c>
      <c r="JV21" s="119">
        <v>651819</v>
      </c>
      <c r="JW21" s="119">
        <v>993576</v>
      </c>
      <c r="JX21" s="119">
        <v>1087148</v>
      </c>
      <c r="JY21" s="119">
        <v>624028</v>
      </c>
      <c r="JZ21" s="119">
        <v>830655</v>
      </c>
      <c r="KA21" s="120">
        <v>4187226</v>
      </c>
      <c r="KB21" s="321">
        <v>4187226</v>
      </c>
      <c r="KC21" s="234">
        <v>45963</v>
      </c>
      <c r="KD21" s="230">
        <v>85011</v>
      </c>
      <c r="KE21" s="120">
        <v>130974</v>
      </c>
      <c r="KF21" s="118">
        <v>0</v>
      </c>
      <c r="KG21" s="119">
        <v>1622241</v>
      </c>
      <c r="KH21" s="119">
        <v>4746889</v>
      </c>
      <c r="KI21" s="119">
        <v>2615723</v>
      </c>
      <c r="KJ21" s="119">
        <v>5986210</v>
      </c>
      <c r="KK21" s="119">
        <v>2956040</v>
      </c>
      <c r="KL21" s="120">
        <v>17927103</v>
      </c>
      <c r="KM21" s="143">
        <v>18058077</v>
      </c>
      <c r="KN21" s="232">
        <v>0</v>
      </c>
      <c r="KO21" s="236">
        <v>0</v>
      </c>
      <c r="KP21" s="237">
        <v>0</v>
      </c>
      <c r="KQ21" s="140"/>
      <c r="KR21" s="119">
        <v>3612020</v>
      </c>
      <c r="KS21" s="119">
        <v>11392578</v>
      </c>
      <c r="KT21" s="119">
        <v>15975622</v>
      </c>
      <c r="KU21" s="119">
        <v>13489749</v>
      </c>
      <c r="KV21" s="119">
        <v>8609736</v>
      </c>
      <c r="KW21" s="120">
        <v>53079705</v>
      </c>
      <c r="KX21" s="321">
        <v>53079705</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230501</v>
      </c>
      <c r="LO21" s="119">
        <v>492780</v>
      </c>
      <c r="LP21" s="119">
        <v>2381998</v>
      </c>
      <c r="LQ21" s="119">
        <v>2947593</v>
      </c>
      <c r="LR21" s="119">
        <v>2551172</v>
      </c>
      <c r="LS21" s="120">
        <v>8604044</v>
      </c>
      <c r="LT21" s="321">
        <v>8604044</v>
      </c>
      <c r="LU21" s="142">
        <v>0</v>
      </c>
      <c r="LV21" s="119">
        <v>0</v>
      </c>
      <c r="LW21" s="120">
        <v>0</v>
      </c>
      <c r="LX21" s="145"/>
      <c r="LY21" s="119">
        <v>425199</v>
      </c>
      <c r="LZ21" s="119">
        <v>940758</v>
      </c>
      <c r="MA21" s="119">
        <v>1534471</v>
      </c>
      <c r="MB21" s="119">
        <v>290019</v>
      </c>
      <c r="MC21" s="119">
        <v>1671208</v>
      </c>
      <c r="MD21" s="120">
        <v>4861655</v>
      </c>
      <c r="ME21" s="121">
        <v>4861655</v>
      </c>
      <c r="MF21" s="142">
        <v>0</v>
      </c>
      <c r="MG21" s="119">
        <v>0</v>
      </c>
      <c r="MH21" s="120">
        <v>0</v>
      </c>
      <c r="MI21" s="145"/>
      <c r="MJ21" s="119">
        <v>17748890</v>
      </c>
      <c r="MK21" s="119">
        <v>32654215</v>
      </c>
      <c r="ML21" s="119">
        <v>89732803</v>
      </c>
      <c r="MM21" s="119">
        <v>132594476</v>
      </c>
      <c r="MN21" s="119">
        <v>80047411</v>
      </c>
      <c r="MO21" s="120">
        <v>352777795</v>
      </c>
      <c r="MP21" s="143">
        <v>352777795</v>
      </c>
      <c r="MQ21" s="142">
        <v>0</v>
      </c>
      <c r="MR21" s="119">
        <v>0</v>
      </c>
      <c r="MS21" s="120">
        <v>0</v>
      </c>
      <c r="MT21" s="145"/>
      <c r="MU21" s="119">
        <v>1281623</v>
      </c>
      <c r="MV21" s="119">
        <v>5754545</v>
      </c>
      <c r="MW21" s="119">
        <v>49560969</v>
      </c>
      <c r="MX21" s="119">
        <v>79700776</v>
      </c>
      <c r="MY21" s="119">
        <v>59176228</v>
      </c>
      <c r="MZ21" s="120">
        <v>195474141</v>
      </c>
      <c r="NA21" s="143">
        <v>195474141</v>
      </c>
      <c r="NB21" s="142">
        <v>0</v>
      </c>
      <c r="NC21" s="119">
        <v>0</v>
      </c>
      <c r="ND21" s="120">
        <v>0</v>
      </c>
      <c r="NE21" s="145"/>
      <c r="NF21" s="119">
        <v>16243527</v>
      </c>
      <c r="NG21" s="119">
        <v>26899670</v>
      </c>
      <c r="NH21" s="119">
        <v>38996205</v>
      </c>
      <c r="NI21" s="119">
        <v>47587266</v>
      </c>
      <c r="NJ21" s="119">
        <v>15297061</v>
      </c>
      <c r="NK21" s="120">
        <v>145023729</v>
      </c>
      <c r="NL21" s="321">
        <v>145023729</v>
      </c>
      <c r="NM21" s="142">
        <v>0</v>
      </c>
      <c r="NN21" s="119">
        <v>0</v>
      </c>
      <c r="NO21" s="120">
        <v>0</v>
      </c>
      <c r="NP21" s="145"/>
      <c r="NQ21" s="119">
        <v>0</v>
      </c>
      <c r="NR21" s="119">
        <v>0</v>
      </c>
      <c r="NS21" s="119">
        <v>0</v>
      </c>
      <c r="NT21" s="119">
        <v>0</v>
      </c>
      <c r="NU21" s="119">
        <v>831758</v>
      </c>
      <c r="NV21" s="120">
        <v>831758</v>
      </c>
      <c r="NW21" s="121">
        <v>831758</v>
      </c>
      <c r="NX21" s="142">
        <v>0</v>
      </c>
      <c r="NY21" s="119">
        <v>0</v>
      </c>
      <c r="NZ21" s="120">
        <v>0</v>
      </c>
      <c r="OA21" s="145"/>
      <c r="OB21" s="119">
        <v>223740</v>
      </c>
      <c r="OC21" s="119">
        <v>0</v>
      </c>
      <c r="OD21" s="119">
        <v>1175629</v>
      </c>
      <c r="OE21" s="119">
        <v>5306434</v>
      </c>
      <c r="OF21" s="119">
        <v>4742364</v>
      </c>
      <c r="OG21" s="120">
        <v>11448167</v>
      </c>
      <c r="OH21" s="121">
        <v>11448167</v>
      </c>
      <c r="OI21" s="142">
        <v>6861862</v>
      </c>
      <c r="OJ21" s="119">
        <v>12869725</v>
      </c>
      <c r="OK21" s="141">
        <v>19731587</v>
      </c>
      <c r="OL21" s="118">
        <v>0</v>
      </c>
      <c r="OM21" s="119">
        <v>109254341</v>
      </c>
      <c r="ON21" s="119">
        <v>189624370</v>
      </c>
      <c r="OO21" s="119">
        <v>240565116</v>
      </c>
      <c r="OP21" s="119">
        <v>267367200</v>
      </c>
      <c r="OQ21" s="119">
        <v>172065539</v>
      </c>
      <c r="OR21" s="120">
        <v>978876566</v>
      </c>
      <c r="OS21" s="143">
        <v>998608153</v>
      </c>
    </row>
    <row r="22" spans="2:409" ht="18.75" customHeight="1" x14ac:dyDescent="0.2">
      <c r="B22" s="62" t="s">
        <v>17</v>
      </c>
      <c r="C22" s="110">
        <v>6269641</v>
      </c>
      <c r="D22" s="114">
        <v>16267400</v>
      </c>
      <c r="E22" s="113">
        <v>22537041</v>
      </c>
      <c r="F22" s="109">
        <v>0</v>
      </c>
      <c r="G22" s="114">
        <v>82726480</v>
      </c>
      <c r="H22" s="114">
        <v>157010551</v>
      </c>
      <c r="I22" s="114">
        <v>125167182</v>
      </c>
      <c r="J22" s="114">
        <v>121176840</v>
      </c>
      <c r="K22" s="114">
        <v>99542852</v>
      </c>
      <c r="L22" s="109">
        <v>585623905</v>
      </c>
      <c r="M22" s="116">
        <v>608160946</v>
      </c>
      <c r="N22" s="110">
        <v>1167033</v>
      </c>
      <c r="O22" s="114">
        <v>3021925</v>
      </c>
      <c r="P22" s="113">
        <v>4188958</v>
      </c>
      <c r="Q22" s="110">
        <v>0</v>
      </c>
      <c r="R22" s="114">
        <v>18651012</v>
      </c>
      <c r="S22" s="114">
        <v>41106503</v>
      </c>
      <c r="T22" s="114">
        <v>37462072</v>
      </c>
      <c r="U22" s="114">
        <v>47257551</v>
      </c>
      <c r="V22" s="114">
        <v>50938611</v>
      </c>
      <c r="W22" s="113">
        <v>195415749</v>
      </c>
      <c r="X22" s="116">
        <v>199604707</v>
      </c>
      <c r="Y22" s="110">
        <v>0</v>
      </c>
      <c r="Z22" s="114">
        <v>0</v>
      </c>
      <c r="AA22" s="113">
        <v>0</v>
      </c>
      <c r="AB22" s="110">
        <v>0</v>
      </c>
      <c r="AC22" s="114">
        <v>8578485</v>
      </c>
      <c r="AD22" s="114">
        <v>21253543</v>
      </c>
      <c r="AE22" s="114">
        <v>21608568</v>
      </c>
      <c r="AF22" s="114">
        <v>30197906</v>
      </c>
      <c r="AG22" s="114">
        <v>32502652</v>
      </c>
      <c r="AH22" s="113">
        <v>114141154</v>
      </c>
      <c r="AI22" s="116">
        <v>114141154</v>
      </c>
      <c r="AJ22" s="110">
        <v>0</v>
      </c>
      <c r="AK22" s="114">
        <v>71344</v>
      </c>
      <c r="AL22" s="113">
        <v>71344</v>
      </c>
      <c r="AM22" s="110">
        <v>0</v>
      </c>
      <c r="AN22" s="114">
        <v>118710</v>
      </c>
      <c r="AO22" s="114">
        <v>320643</v>
      </c>
      <c r="AP22" s="114">
        <v>1214352</v>
      </c>
      <c r="AQ22" s="114">
        <v>2397056</v>
      </c>
      <c r="AR22" s="114">
        <v>5094703</v>
      </c>
      <c r="AS22" s="113">
        <v>9145464</v>
      </c>
      <c r="AT22" s="116">
        <v>9216808</v>
      </c>
      <c r="AU22" s="110">
        <v>630094</v>
      </c>
      <c r="AV22" s="114">
        <v>2259936</v>
      </c>
      <c r="AW22" s="113">
        <v>2890030</v>
      </c>
      <c r="AX22" s="110">
        <v>0</v>
      </c>
      <c r="AY22" s="114">
        <v>5912879</v>
      </c>
      <c r="AZ22" s="114">
        <v>12757860</v>
      </c>
      <c r="BA22" s="114">
        <v>8809679</v>
      </c>
      <c r="BB22" s="114">
        <v>8870157</v>
      </c>
      <c r="BC22" s="114">
        <v>8486999</v>
      </c>
      <c r="BD22" s="113">
        <v>44837574</v>
      </c>
      <c r="BE22" s="116">
        <v>47727604</v>
      </c>
      <c r="BF22" s="110">
        <v>55793</v>
      </c>
      <c r="BG22" s="114">
        <v>112599</v>
      </c>
      <c r="BH22" s="112">
        <v>168392</v>
      </c>
      <c r="BI22" s="111">
        <v>0</v>
      </c>
      <c r="BJ22" s="114">
        <v>361637</v>
      </c>
      <c r="BK22" s="114">
        <v>984041</v>
      </c>
      <c r="BL22" s="114">
        <v>748539</v>
      </c>
      <c r="BM22" s="114">
        <v>600814</v>
      </c>
      <c r="BN22" s="114">
        <v>333682</v>
      </c>
      <c r="BO22" s="113">
        <v>3028713</v>
      </c>
      <c r="BP22" s="116">
        <v>3197105</v>
      </c>
      <c r="BQ22" s="110">
        <v>481146</v>
      </c>
      <c r="BR22" s="114">
        <v>578046</v>
      </c>
      <c r="BS22" s="113">
        <v>1059192</v>
      </c>
      <c r="BT22" s="110">
        <v>0</v>
      </c>
      <c r="BU22" s="114">
        <v>3679301</v>
      </c>
      <c r="BV22" s="114">
        <v>5790416</v>
      </c>
      <c r="BW22" s="114">
        <v>5080934</v>
      </c>
      <c r="BX22" s="114">
        <v>5191618</v>
      </c>
      <c r="BY22" s="114">
        <v>4520575</v>
      </c>
      <c r="BZ22" s="113">
        <v>24262844</v>
      </c>
      <c r="CA22" s="116">
        <v>25322036</v>
      </c>
      <c r="CB22" s="110">
        <v>657780</v>
      </c>
      <c r="CC22" s="114">
        <v>3045079</v>
      </c>
      <c r="CD22" s="113">
        <v>3702859</v>
      </c>
      <c r="CE22" s="110">
        <v>0</v>
      </c>
      <c r="CF22" s="114">
        <v>26161879</v>
      </c>
      <c r="CG22" s="114">
        <v>53064688</v>
      </c>
      <c r="CH22" s="114">
        <v>36094829</v>
      </c>
      <c r="CI22" s="114">
        <v>23810802</v>
      </c>
      <c r="CJ22" s="114">
        <v>13687448</v>
      </c>
      <c r="CK22" s="113">
        <v>152819646</v>
      </c>
      <c r="CL22" s="116">
        <v>156522505</v>
      </c>
      <c r="CM22" s="110">
        <v>0</v>
      </c>
      <c r="CN22" s="114">
        <v>0</v>
      </c>
      <c r="CO22" s="113">
        <v>0</v>
      </c>
      <c r="CP22" s="111">
        <v>0</v>
      </c>
      <c r="CQ22" s="114">
        <v>22648167</v>
      </c>
      <c r="CR22" s="114">
        <v>42142423</v>
      </c>
      <c r="CS22" s="114">
        <v>30692970</v>
      </c>
      <c r="CT22" s="114">
        <v>20578669</v>
      </c>
      <c r="CU22" s="114">
        <v>11597559</v>
      </c>
      <c r="CV22" s="113">
        <v>127659788</v>
      </c>
      <c r="CW22" s="116">
        <v>127659788</v>
      </c>
      <c r="CX22" s="110">
        <v>657780</v>
      </c>
      <c r="CY22" s="114">
        <v>3045079</v>
      </c>
      <c r="CZ22" s="113">
        <v>3702859</v>
      </c>
      <c r="DA22" s="110">
        <v>0</v>
      </c>
      <c r="DB22" s="114">
        <v>3513712</v>
      </c>
      <c r="DC22" s="114">
        <v>10922265</v>
      </c>
      <c r="DD22" s="114">
        <v>5401859</v>
      </c>
      <c r="DE22" s="114">
        <v>3232133</v>
      </c>
      <c r="DF22" s="114">
        <v>2089889</v>
      </c>
      <c r="DG22" s="113">
        <v>25159858</v>
      </c>
      <c r="DH22" s="116">
        <v>28862717</v>
      </c>
      <c r="DI22" s="110">
        <v>87640</v>
      </c>
      <c r="DJ22" s="114">
        <v>337751</v>
      </c>
      <c r="DK22" s="112">
        <v>425391</v>
      </c>
      <c r="DL22" s="111">
        <v>0</v>
      </c>
      <c r="DM22" s="114">
        <v>3031302</v>
      </c>
      <c r="DN22" s="114">
        <v>7553838</v>
      </c>
      <c r="DO22" s="114">
        <v>9666587</v>
      </c>
      <c r="DP22" s="114">
        <v>10104914</v>
      </c>
      <c r="DQ22" s="114">
        <v>5867953</v>
      </c>
      <c r="DR22" s="113">
        <v>36224594</v>
      </c>
      <c r="DS22" s="116">
        <v>36649985</v>
      </c>
      <c r="DT22" s="110">
        <v>87640</v>
      </c>
      <c r="DU22" s="114">
        <v>337751</v>
      </c>
      <c r="DV22" s="113">
        <v>425391</v>
      </c>
      <c r="DW22" s="110">
        <v>0</v>
      </c>
      <c r="DX22" s="114">
        <v>2654382</v>
      </c>
      <c r="DY22" s="114">
        <v>6457915</v>
      </c>
      <c r="DZ22" s="114">
        <v>8843193</v>
      </c>
      <c r="EA22" s="114">
        <v>9552131</v>
      </c>
      <c r="EB22" s="114">
        <v>5286578</v>
      </c>
      <c r="EC22" s="113">
        <v>32794199</v>
      </c>
      <c r="ED22" s="116">
        <v>33219590</v>
      </c>
      <c r="EE22" s="110">
        <v>0</v>
      </c>
      <c r="EF22" s="112">
        <v>0</v>
      </c>
      <c r="EG22" s="113">
        <v>0</v>
      </c>
      <c r="EH22" s="110">
        <v>0</v>
      </c>
      <c r="EI22" s="114">
        <v>376920</v>
      </c>
      <c r="EJ22" s="114">
        <v>1095923</v>
      </c>
      <c r="EK22" s="114">
        <v>823394</v>
      </c>
      <c r="EL22" s="114">
        <v>552783</v>
      </c>
      <c r="EM22" s="114">
        <v>581375</v>
      </c>
      <c r="EN22" s="112">
        <v>3430395</v>
      </c>
      <c r="EO22" s="116">
        <v>3430395</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8"/>
      <c r="FE22" s="114">
        <v>0</v>
      </c>
      <c r="FF22" s="114">
        <v>0</v>
      </c>
      <c r="FG22" s="114">
        <v>0</v>
      </c>
      <c r="FH22" s="114">
        <v>0</v>
      </c>
      <c r="FI22" s="114">
        <v>0</v>
      </c>
      <c r="FJ22" s="113">
        <v>0</v>
      </c>
      <c r="FK22" s="116">
        <v>0</v>
      </c>
      <c r="FL22" s="110">
        <v>1536615</v>
      </c>
      <c r="FM22" s="114">
        <v>3819832</v>
      </c>
      <c r="FN22" s="113">
        <v>5356447</v>
      </c>
      <c r="FO22" s="110">
        <v>0</v>
      </c>
      <c r="FP22" s="114">
        <v>4184635</v>
      </c>
      <c r="FQ22" s="114">
        <v>16108228</v>
      </c>
      <c r="FR22" s="114">
        <v>10232475</v>
      </c>
      <c r="FS22" s="114">
        <v>10366483</v>
      </c>
      <c r="FT22" s="114">
        <v>7848296</v>
      </c>
      <c r="FU22" s="113">
        <v>48740117</v>
      </c>
      <c r="FV22" s="116">
        <v>54096564</v>
      </c>
      <c r="FW22" s="115">
        <v>924957</v>
      </c>
      <c r="FX22" s="114">
        <v>3314031</v>
      </c>
      <c r="FY22" s="112">
        <v>4238988</v>
      </c>
      <c r="FZ22" s="111">
        <v>0</v>
      </c>
      <c r="GA22" s="114">
        <v>2877719</v>
      </c>
      <c r="GB22" s="114">
        <v>14900040</v>
      </c>
      <c r="GC22" s="114">
        <v>9434941</v>
      </c>
      <c r="GD22" s="114">
        <v>9863412</v>
      </c>
      <c r="GE22" s="114">
        <v>7729766</v>
      </c>
      <c r="GF22" s="113">
        <v>44805878</v>
      </c>
      <c r="GG22" s="319">
        <v>49044866</v>
      </c>
      <c r="GH22" s="115">
        <v>37100</v>
      </c>
      <c r="GI22" s="114">
        <v>184068</v>
      </c>
      <c r="GJ22" s="112">
        <v>221168</v>
      </c>
      <c r="GK22" s="111">
        <v>0</v>
      </c>
      <c r="GL22" s="114">
        <v>354418</v>
      </c>
      <c r="GM22" s="114">
        <v>383526</v>
      </c>
      <c r="GN22" s="114">
        <v>515568</v>
      </c>
      <c r="GO22" s="114">
        <v>351756</v>
      </c>
      <c r="GP22" s="114">
        <v>24030</v>
      </c>
      <c r="GQ22" s="113">
        <v>1629298</v>
      </c>
      <c r="GR22" s="116">
        <v>1850466</v>
      </c>
      <c r="GS22" s="110">
        <v>574558</v>
      </c>
      <c r="GT22" s="114">
        <v>321733</v>
      </c>
      <c r="GU22" s="113">
        <v>896291</v>
      </c>
      <c r="GV22" s="110">
        <v>0</v>
      </c>
      <c r="GW22" s="114">
        <v>952498</v>
      </c>
      <c r="GX22" s="114">
        <v>824662</v>
      </c>
      <c r="GY22" s="114">
        <v>281966</v>
      </c>
      <c r="GZ22" s="114">
        <v>151315</v>
      </c>
      <c r="HA22" s="114">
        <v>94500</v>
      </c>
      <c r="HB22" s="112">
        <v>2304941</v>
      </c>
      <c r="HC22" s="116">
        <v>3201232</v>
      </c>
      <c r="HD22" s="110">
        <v>1646164</v>
      </c>
      <c r="HE22" s="114">
        <v>3345526</v>
      </c>
      <c r="HF22" s="112">
        <v>4991690</v>
      </c>
      <c r="HG22" s="111">
        <v>0</v>
      </c>
      <c r="HH22" s="114">
        <v>17448085</v>
      </c>
      <c r="HI22" s="114">
        <v>18201750</v>
      </c>
      <c r="HJ22" s="114">
        <v>18359433</v>
      </c>
      <c r="HK22" s="114">
        <v>20141921</v>
      </c>
      <c r="HL22" s="114">
        <v>14670969</v>
      </c>
      <c r="HM22" s="113">
        <v>88822158</v>
      </c>
      <c r="HN22" s="109">
        <v>93813848</v>
      </c>
      <c r="HO22" s="115">
        <v>1174409</v>
      </c>
      <c r="HP22" s="114">
        <v>2697287</v>
      </c>
      <c r="HQ22" s="113">
        <v>3871696</v>
      </c>
      <c r="HR22" s="110">
        <v>0</v>
      </c>
      <c r="HS22" s="114">
        <v>13249567</v>
      </c>
      <c r="HT22" s="114">
        <v>20975544</v>
      </c>
      <c r="HU22" s="114">
        <v>13351786</v>
      </c>
      <c r="HV22" s="114">
        <v>9495169</v>
      </c>
      <c r="HW22" s="114">
        <v>6529575</v>
      </c>
      <c r="HX22" s="112">
        <v>63601641</v>
      </c>
      <c r="HY22" s="116">
        <v>67473337</v>
      </c>
      <c r="HZ22" s="150">
        <v>104796</v>
      </c>
      <c r="IA22" s="135">
        <v>269290</v>
      </c>
      <c r="IB22" s="150">
        <v>374086</v>
      </c>
      <c r="IC22" s="134">
        <v>0</v>
      </c>
      <c r="ID22" s="135">
        <v>28129036</v>
      </c>
      <c r="IE22" s="136">
        <v>45326100</v>
      </c>
      <c r="IF22" s="137">
        <v>48305319</v>
      </c>
      <c r="IG22" s="135">
        <v>45407035</v>
      </c>
      <c r="IH22" s="137">
        <v>36430718</v>
      </c>
      <c r="II22" s="138">
        <v>203598208</v>
      </c>
      <c r="IJ22" s="150">
        <v>203972294</v>
      </c>
      <c r="IK22" s="232">
        <v>0</v>
      </c>
      <c r="IL22" s="236">
        <v>0</v>
      </c>
      <c r="IM22" s="237">
        <v>0</v>
      </c>
      <c r="IN22" s="140"/>
      <c r="IO22" s="119">
        <v>226783</v>
      </c>
      <c r="IP22" s="119">
        <v>777240</v>
      </c>
      <c r="IQ22" s="119">
        <v>532430</v>
      </c>
      <c r="IR22" s="119">
        <v>1135268</v>
      </c>
      <c r="IS22" s="119">
        <v>0</v>
      </c>
      <c r="IT22" s="141">
        <v>2671721</v>
      </c>
      <c r="IU22" s="321">
        <v>2671721</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11780948</v>
      </c>
      <c r="JL22" s="119">
        <v>17961266</v>
      </c>
      <c r="JM22" s="119">
        <v>12456254</v>
      </c>
      <c r="JN22" s="119">
        <v>13013880</v>
      </c>
      <c r="JO22" s="119">
        <v>9358910</v>
      </c>
      <c r="JP22" s="120">
        <v>64571258</v>
      </c>
      <c r="JQ22" s="321">
        <v>64571258</v>
      </c>
      <c r="JR22" s="142">
        <v>58252</v>
      </c>
      <c r="JS22" s="119">
        <v>91880</v>
      </c>
      <c r="JT22" s="141">
        <v>150132</v>
      </c>
      <c r="JU22" s="118">
        <v>0</v>
      </c>
      <c r="JV22" s="119">
        <v>1576383</v>
      </c>
      <c r="JW22" s="119">
        <v>2106979</v>
      </c>
      <c r="JX22" s="119">
        <v>2837269</v>
      </c>
      <c r="JY22" s="119">
        <v>2141040</v>
      </c>
      <c r="JZ22" s="119">
        <v>883129</v>
      </c>
      <c r="KA22" s="120">
        <v>9544800</v>
      </c>
      <c r="KB22" s="321">
        <v>9694932</v>
      </c>
      <c r="KC22" s="234">
        <v>46544</v>
      </c>
      <c r="KD22" s="230">
        <v>177410</v>
      </c>
      <c r="KE22" s="120">
        <v>223954</v>
      </c>
      <c r="KF22" s="118">
        <v>0</v>
      </c>
      <c r="KG22" s="119">
        <v>1395300</v>
      </c>
      <c r="KH22" s="119">
        <v>5842102</v>
      </c>
      <c r="KI22" s="119">
        <v>8618998</v>
      </c>
      <c r="KJ22" s="119">
        <v>7477486</v>
      </c>
      <c r="KK22" s="119">
        <v>3985649</v>
      </c>
      <c r="KL22" s="120">
        <v>27319535</v>
      </c>
      <c r="KM22" s="143">
        <v>27543489</v>
      </c>
      <c r="KN22" s="232">
        <v>0</v>
      </c>
      <c r="KO22" s="236">
        <v>0</v>
      </c>
      <c r="KP22" s="237">
        <v>0</v>
      </c>
      <c r="KQ22" s="140"/>
      <c r="KR22" s="119">
        <v>12421269</v>
      </c>
      <c r="KS22" s="119">
        <v>18368694</v>
      </c>
      <c r="KT22" s="119">
        <v>15113885</v>
      </c>
      <c r="KU22" s="119">
        <v>11526555</v>
      </c>
      <c r="KV22" s="119">
        <v>6400422</v>
      </c>
      <c r="KW22" s="120">
        <v>63830825</v>
      </c>
      <c r="KX22" s="321">
        <v>63830825</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186275</v>
      </c>
      <c r="LO22" s="119">
        <v>269819</v>
      </c>
      <c r="LP22" s="119">
        <v>8580210</v>
      </c>
      <c r="LQ22" s="119">
        <v>8780951</v>
      </c>
      <c r="LR22" s="119">
        <v>12500622</v>
      </c>
      <c r="LS22" s="120">
        <v>30317877</v>
      </c>
      <c r="LT22" s="321">
        <v>30317877</v>
      </c>
      <c r="LU22" s="142">
        <v>0</v>
      </c>
      <c r="LV22" s="119">
        <v>0</v>
      </c>
      <c r="LW22" s="120">
        <v>0</v>
      </c>
      <c r="LX22" s="145"/>
      <c r="LY22" s="119">
        <v>542078</v>
      </c>
      <c r="LZ22" s="119">
        <v>0</v>
      </c>
      <c r="MA22" s="119">
        <v>166273</v>
      </c>
      <c r="MB22" s="119">
        <v>1331855</v>
      </c>
      <c r="MC22" s="119">
        <v>3301986</v>
      </c>
      <c r="MD22" s="120">
        <v>5342192</v>
      </c>
      <c r="ME22" s="121">
        <v>5342192</v>
      </c>
      <c r="MF22" s="142">
        <v>0</v>
      </c>
      <c r="MG22" s="119">
        <v>0</v>
      </c>
      <c r="MH22" s="120">
        <v>0</v>
      </c>
      <c r="MI22" s="145"/>
      <c r="MJ22" s="119">
        <v>11660442</v>
      </c>
      <c r="MK22" s="119">
        <v>30796976</v>
      </c>
      <c r="ML22" s="119">
        <v>90645924</v>
      </c>
      <c r="MM22" s="119">
        <v>113601866</v>
      </c>
      <c r="MN22" s="119">
        <v>87797813</v>
      </c>
      <c r="MO22" s="120">
        <v>334503021</v>
      </c>
      <c r="MP22" s="143">
        <v>334503021</v>
      </c>
      <c r="MQ22" s="142">
        <v>0</v>
      </c>
      <c r="MR22" s="119">
        <v>0</v>
      </c>
      <c r="MS22" s="120">
        <v>0</v>
      </c>
      <c r="MT22" s="145"/>
      <c r="MU22" s="119">
        <v>1056749</v>
      </c>
      <c r="MV22" s="119">
        <v>3827133</v>
      </c>
      <c r="MW22" s="119">
        <v>53319505</v>
      </c>
      <c r="MX22" s="119">
        <v>75570573</v>
      </c>
      <c r="MY22" s="119">
        <v>58739203</v>
      </c>
      <c r="MZ22" s="120">
        <v>192513163</v>
      </c>
      <c r="NA22" s="143">
        <v>192513163</v>
      </c>
      <c r="NB22" s="142">
        <v>0</v>
      </c>
      <c r="NC22" s="119">
        <v>0</v>
      </c>
      <c r="ND22" s="120">
        <v>0</v>
      </c>
      <c r="NE22" s="145"/>
      <c r="NF22" s="119">
        <v>10603693</v>
      </c>
      <c r="NG22" s="119">
        <v>26969843</v>
      </c>
      <c r="NH22" s="119">
        <v>36957345</v>
      </c>
      <c r="NI22" s="119">
        <v>36500298</v>
      </c>
      <c r="NJ22" s="119">
        <v>21810681</v>
      </c>
      <c r="NK22" s="120">
        <v>132841860</v>
      </c>
      <c r="NL22" s="321">
        <v>132841860</v>
      </c>
      <c r="NM22" s="142">
        <v>0</v>
      </c>
      <c r="NN22" s="119">
        <v>0</v>
      </c>
      <c r="NO22" s="120">
        <v>0</v>
      </c>
      <c r="NP22" s="145"/>
      <c r="NQ22" s="119">
        <v>0</v>
      </c>
      <c r="NR22" s="119">
        <v>0</v>
      </c>
      <c r="NS22" s="119">
        <v>0</v>
      </c>
      <c r="NT22" s="119">
        <v>0</v>
      </c>
      <c r="NU22" s="119">
        <v>1400204</v>
      </c>
      <c r="NV22" s="120">
        <v>1400204</v>
      </c>
      <c r="NW22" s="121">
        <v>1400204</v>
      </c>
      <c r="NX22" s="142">
        <v>0</v>
      </c>
      <c r="NY22" s="119">
        <v>0</v>
      </c>
      <c r="NZ22" s="120">
        <v>0</v>
      </c>
      <c r="OA22" s="145"/>
      <c r="OB22" s="119">
        <v>0</v>
      </c>
      <c r="OC22" s="119">
        <v>0</v>
      </c>
      <c r="OD22" s="119">
        <v>369074</v>
      </c>
      <c r="OE22" s="119">
        <v>1530995</v>
      </c>
      <c r="OF22" s="119">
        <v>5847725</v>
      </c>
      <c r="OG22" s="120">
        <v>7747794</v>
      </c>
      <c r="OH22" s="121">
        <v>7747794</v>
      </c>
      <c r="OI22" s="142">
        <v>6374437</v>
      </c>
      <c r="OJ22" s="119">
        <v>16536690</v>
      </c>
      <c r="OK22" s="141">
        <v>22911127</v>
      </c>
      <c r="OL22" s="118">
        <v>0</v>
      </c>
      <c r="OM22" s="119">
        <v>122515958</v>
      </c>
      <c r="ON22" s="119">
        <v>233133627</v>
      </c>
      <c r="OO22" s="119">
        <v>264118425</v>
      </c>
      <c r="OP22" s="119">
        <v>280185741</v>
      </c>
      <c r="OQ22" s="119">
        <v>223771383</v>
      </c>
      <c r="OR22" s="120">
        <v>1123725134</v>
      </c>
      <c r="OS22" s="143">
        <v>1146636261</v>
      </c>
    </row>
    <row r="23" spans="2:409" ht="18.75" customHeight="1" x14ac:dyDescent="0.2">
      <c r="B23" s="62" t="s">
        <v>18</v>
      </c>
      <c r="C23" s="110">
        <v>7361357</v>
      </c>
      <c r="D23" s="114">
        <v>14900420</v>
      </c>
      <c r="E23" s="113">
        <v>22261777</v>
      </c>
      <c r="F23" s="109">
        <v>0</v>
      </c>
      <c r="G23" s="114">
        <v>135495827</v>
      </c>
      <c r="H23" s="114">
        <v>169657164</v>
      </c>
      <c r="I23" s="114">
        <v>143430246</v>
      </c>
      <c r="J23" s="114">
        <v>139020844</v>
      </c>
      <c r="K23" s="114">
        <v>98544443</v>
      </c>
      <c r="L23" s="109">
        <v>686148524</v>
      </c>
      <c r="M23" s="116">
        <v>708410301</v>
      </c>
      <c r="N23" s="110">
        <v>2082604</v>
      </c>
      <c r="O23" s="114">
        <v>3765067</v>
      </c>
      <c r="P23" s="113">
        <v>5847671</v>
      </c>
      <c r="Q23" s="110">
        <v>0</v>
      </c>
      <c r="R23" s="114">
        <v>37157854</v>
      </c>
      <c r="S23" s="114">
        <v>47612551</v>
      </c>
      <c r="T23" s="114">
        <v>42382282</v>
      </c>
      <c r="U23" s="114">
        <v>54658215</v>
      </c>
      <c r="V23" s="114">
        <v>48037096</v>
      </c>
      <c r="W23" s="113">
        <v>229847998</v>
      </c>
      <c r="X23" s="116">
        <v>235695669</v>
      </c>
      <c r="Y23" s="110">
        <v>0</v>
      </c>
      <c r="Z23" s="114">
        <v>0</v>
      </c>
      <c r="AA23" s="113">
        <v>0</v>
      </c>
      <c r="AB23" s="110">
        <v>0</v>
      </c>
      <c r="AC23" s="114">
        <v>17502044</v>
      </c>
      <c r="AD23" s="114">
        <v>24970645</v>
      </c>
      <c r="AE23" s="114">
        <v>24394707</v>
      </c>
      <c r="AF23" s="114">
        <v>36525845</v>
      </c>
      <c r="AG23" s="114">
        <v>27889927</v>
      </c>
      <c r="AH23" s="113">
        <v>131283168</v>
      </c>
      <c r="AI23" s="116">
        <v>131283168</v>
      </c>
      <c r="AJ23" s="110">
        <v>0</v>
      </c>
      <c r="AK23" s="114">
        <v>0</v>
      </c>
      <c r="AL23" s="113">
        <v>0</v>
      </c>
      <c r="AM23" s="110">
        <v>0</v>
      </c>
      <c r="AN23" s="114">
        <v>116261</v>
      </c>
      <c r="AO23" s="114">
        <v>819937</v>
      </c>
      <c r="AP23" s="114">
        <v>1170555</v>
      </c>
      <c r="AQ23" s="114">
        <v>2695347</v>
      </c>
      <c r="AR23" s="114">
        <v>5575196</v>
      </c>
      <c r="AS23" s="113">
        <v>10377296</v>
      </c>
      <c r="AT23" s="116">
        <v>10377296</v>
      </c>
      <c r="AU23" s="110">
        <v>1143333</v>
      </c>
      <c r="AV23" s="114">
        <v>2915505</v>
      </c>
      <c r="AW23" s="113">
        <v>4058838</v>
      </c>
      <c r="AX23" s="110">
        <v>0</v>
      </c>
      <c r="AY23" s="114">
        <v>12214462</v>
      </c>
      <c r="AZ23" s="114">
        <v>13059861</v>
      </c>
      <c r="BA23" s="114">
        <v>9305033</v>
      </c>
      <c r="BB23" s="114">
        <v>8088846</v>
      </c>
      <c r="BC23" s="114">
        <v>8662036</v>
      </c>
      <c r="BD23" s="113">
        <v>51330238</v>
      </c>
      <c r="BE23" s="116">
        <v>55389076</v>
      </c>
      <c r="BF23" s="110">
        <v>234288</v>
      </c>
      <c r="BG23" s="114">
        <v>195003</v>
      </c>
      <c r="BH23" s="112">
        <v>429291</v>
      </c>
      <c r="BI23" s="111">
        <v>0</v>
      </c>
      <c r="BJ23" s="114">
        <v>1574266</v>
      </c>
      <c r="BK23" s="114">
        <v>1754294</v>
      </c>
      <c r="BL23" s="114">
        <v>1302162</v>
      </c>
      <c r="BM23" s="114">
        <v>1156947</v>
      </c>
      <c r="BN23" s="114">
        <v>599243</v>
      </c>
      <c r="BO23" s="113">
        <v>6386912</v>
      </c>
      <c r="BP23" s="116">
        <v>6816203</v>
      </c>
      <c r="BQ23" s="110">
        <v>704983</v>
      </c>
      <c r="BR23" s="114">
        <v>654559</v>
      </c>
      <c r="BS23" s="113">
        <v>1359542</v>
      </c>
      <c r="BT23" s="110">
        <v>0</v>
      </c>
      <c r="BU23" s="114">
        <v>5750821</v>
      </c>
      <c r="BV23" s="114">
        <v>7007814</v>
      </c>
      <c r="BW23" s="114">
        <v>6209825</v>
      </c>
      <c r="BX23" s="114">
        <v>6191230</v>
      </c>
      <c r="BY23" s="114">
        <v>5310694</v>
      </c>
      <c r="BZ23" s="113">
        <v>30470384</v>
      </c>
      <c r="CA23" s="116">
        <v>31829926</v>
      </c>
      <c r="CB23" s="110">
        <v>983446</v>
      </c>
      <c r="CC23" s="114">
        <v>3436491</v>
      </c>
      <c r="CD23" s="113">
        <v>4419937</v>
      </c>
      <c r="CE23" s="110">
        <v>0</v>
      </c>
      <c r="CF23" s="114">
        <v>43417199</v>
      </c>
      <c r="CG23" s="114">
        <v>54695872</v>
      </c>
      <c r="CH23" s="114">
        <v>41021201</v>
      </c>
      <c r="CI23" s="114">
        <v>28606575</v>
      </c>
      <c r="CJ23" s="114">
        <v>12154986</v>
      </c>
      <c r="CK23" s="113">
        <v>179895833</v>
      </c>
      <c r="CL23" s="116">
        <v>184315770</v>
      </c>
      <c r="CM23" s="110">
        <v>0</v>
      </c>
      <c r="CN23" s="114">
        <v>0</v>
      </c>
      <c r="CO23" s="113">
        <v>0</v>
      </c>
      <c r="CP23" s="111">
        <v>0</v>
      </c>
      <c r="CQ23" s="114">
        <v>35924649</v>
      </c>
      <c r="CR23" s="114">
        <v>44271788</v>
      </c>
      <c r="CS23" s="114">
        <v>33276851</v>
      </c>
      <c r="CT23" s="114">
        <v>22802803</v>
      </c>
      <c r="CU23" s="114">
        <v>10428090</v>
      </c>
      <c r="CV23" s="113">
        <v>146704181</v>
      </c>
      <c r="CW23" s="116">
        <v>146704181</v>
      </c>
      <c r="CX23" s="110">
        <v>983446</v>
      </c>
      <c r="CY23" s="114">
        <v>3436491</v>
      </c>
      <c r="CZ23" s="113">
        <v>4419937</v>
      </c>
      <c r="DA23" s="110">
        <v>0</v>
      </c>
      <c r="DB23" s="114">
        <v>7492550</v>
      </c>
      <c r="DC23" s="114">
        <v>10424084</v>
      </c>
      <c r="DD23" s="114">
        <v>7744350</v>
      </c>
      <c r="DE23" s="114">
        <v>5803772</v>
      </c>
      <c r="DF23" s="114">
        <v>1726896</v>
      </c>
      <c r="DG23" s="113">
        <v>33191652</v>
      </c>
      <c r="DH23" s="116">
        <v>37611589</v>
      </c>
      <c r="DI23" s="110">
        <v>0</v>
      </c>
      <c r="DJ23" s="114">
        <v>80899</v>
      </c>
      <c r="DK23" s="112">
        <v>80899</v>
      </c>
      <c r="DL23" s="111">
        <v>0</v>
      </c>
      <c r="DM23" s="114">
        <v>3106710</v>
      </c>
      <c r="DN23" s="114">
        <v>9464144</v>
      </c>
      <c r="DO23" s="114">
        <v>17095292</v>
      </c>
      <c r="DP23" s="114">
        <v>13394585</v>
      </c>
      <c r="DQ23" s="114">
        <v>8382338</v>
      </c>
      <c r="DR23" s="113">
        <v>51443069</v>
      </c>
      <c r="DS23" s="116">
        <v>51523968</v>
      </c>
      <c r="DT23" s="110">
        <v>0</v>
      </c>
      <c r="DU23" s="114">
        <v>80899</v>
      </c>
      <c r="DV23" s="113">
        <v>80899</v>
      </c>
      <c r="DW23" s="110">
        <v>0</v>
      </c>
      <c r="DX23" s="114">
        <v>3001771</v>
      </c>
      <c r="DY23" s="114">
        <v>9304404</v>
      </c>
      <c r="DZ23" s="114">
        <v>16919888</v>
      </c>
      <c r="EA23" s="114">
        <v>12552831</v>
      </c>
      <c r="EB23" s="114">
        <v>8224805</v>
      </c>
      <c r="EC23" s="113">
        <v>50003699</v>
      </c>
      <c r="ED23" s="116">
        <v>50084598</v>
      </c>
      <c r="EE23" s="110">
        <v>0</v>
      </c>
      <c r="EF23" s="112">
        <v>0</v>
      </c>
      <c r="EG23" s="113">
        <v>0</v>
      </c>
      <c r="EH23" s="110">
        <v>0</v>
      </c>
      <c r="EI23" s="114">
        <v>104939</v>
      </c>
      <c r="EJ23" s="114">
        <v>159740</v>
      </c>
      <c r="EK23" s="114">
        <v>175404</v>
      </c>
      <c r="EL23" s="114">
        <v>841754</v>
      </c>
      <c r="EM23" s="114">
        <v>157533</v>
      </c>
      <c r="EN23" s="112">
        <v>1439370</v>
      </c>
      <c r="EO23" s="116">
        <v>1439370</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8"/>
      <c r="FE23" s="114">
        <v>0</v>
      </c>
      <c r="FF23" s="114">
        <v>0</v>
      </c>
      <c r="FG23" s="114">
        <v>0</v>
      </c>
      <c r="FH23" s="114">
        <v>0</v>
      </c>
      <c r="FI23" s="114">
        <v>0</v>
      </c>
      <c r="FJ23" s="113">
        <v>0</v>
      </c>
      <c r="FK23" s="116">
        <v>0</v>
      </c>
      <c r="FL23" s="110">
        <v>1478681</v>
      </c>
      <c r="FM23" s="114">
        <v>3207362</v>
      </c>
      <c r="FN23" s="113">
        <v>4686043</v>
      </c>
      <c r="FO23" s="110">
        <v>0</v>
      </c>
      <c r="FP23" s="114">
        <v>7142580</v>
      </c>
      <c r="FQ23" s="114">
        <v>14950667</v>
      </c>
      <c r="FR23" s="114">
        <v>10134889</v>
      </c>
      <c r="FS23" s="114">
        <v>10686419</v>
      </c>
      <c r="FT23" s="114">
        <v>7289336</v>
      </c>
      <c r="FU23" s="113">
        <v>50203891</v>
      </c>
      <c r="FV23" s="116">
        <v>54889934</v>
      </c>
      <c r="FW23" s="115">
        <v>1019783</v>
      </c>
      <c r="FX23" s="114">
        <v>2592800</v>
      </c>
      <c r="FY23" s="112">
        <v>3612583</v>
      </c>
      <c r="FZ23" s="111">
        <v>0</v>
      </c>
      <c r="GA23" s="114">
        <v>5975109</v>
      </c>
      <c r="GB23" s="114">
        <v>13624031</v>
      </c>
      <c r="GC23" s="114">
        <v>9811731</v>
      </c>
      <c r="GD23" s="114">
        <v>10051651</v>
      </c>
      <c r="GE23" s="114">
        <v>7005891</v>
      </c>
      <c r="GF23" s="113">
        <v>46468413</v>
      </c>
      <c r="GG23" s="319">
        <v>50080996</v>
      </c>
      <c r="GH23" s="115">
        <v>88308</v>
      </c>
      <c r="GI23" s="114">
        <v>95398</v>
      </c>
      <c r="GJ23" s="112">
        <v>183706</v>
      </c>
      <c r="GK23" s="111">
        <v>0</v>
      </c>
      <c r="GL23" s="114">
        <v>492651</v>
      </c>
      <c r="GM23" s="114">
        <v>305983</v>
      </c>
      <c r="GN23" s="114">
        <v>141558</v>
      </c>
      <c r="GO23" s="114">
        <v>251107</v>
      </c>
      <c r="GP23" s="114">
        <v>46215</v>
      </c>
      <c r="GQ23" s="113">
        <v>1237514</v>
      </c>
      <c r="GR23" s="116">
        <v>1421220</v>
      </c>
      <c r="GS23" s="110">
        <v>370590</v>
      </c>
      <c r="GT23" s="114">
        <v>519164</v>
      </c>
      <c r="GU23" s="113">
        <v>889754</v>
      </c>
      <c r="GV23" s="110">
        <v>0</v>
      </c>
      <c r="GW23" s="114">
        <v>674820</v>
      </c>
      <c r="GX23" s="114">
        <v>1020653</v>
      </c>
      <c r="GY23" s="114">
        <v>181600</v>
      </c>
      <c r="GZ23" s="114">
        <v>383661</v>
      </c>
      <c r="HA23" s="114">
        <v>237230</v>
      </c>
      <c r="HB23" s="112">
        <v>2497964</v>
      </c>
      <c r="HC23" s="116">
        <v>3387718</v>
      </c>
      <c r="HD23" s="110">
        <v>1431288</v>
      </c>
      <c r="HE23" s="114">
        <v>1470298</v>
      </c>
      <c r="HF23" s="112">
        <v>2901586</v>
      </c>
      <c r="HG23" s="111">
        <v>0</v>
      </c>
      <c r="HH23" s="114">
        <v>21893497</v>
      </c>
      <c r="HI23" s="114">
        <v>21609673</v>
      </c>
      <c r="HJ23" s="114">
        <v>17938431</v>
      </c>
      <c r="HK23" s="114">
        <v>21510676</v>
      </c>
      <c r="HL23" s="114">
        <v>16752194</v>
      </c>
      <c r="HM23" s="113">
        <v>99704471</v>
      </c>
      <c r="HN23" s="109">
        <v>102606057</v>
      </c>
      <c r="HO23" s="115">
        <v>1385338</v>
      </c>
      <c r="HP23" s="114">
        <v>2940303</v>
      </c>
      <c r="HQ23" s="113">
        <v>4325641</v>
      </c>
      <c r="HR23" s="110">
        <v>0</v>
      </c>
      <c r="HS23" s="114">
        <v>22777987</v>
      </c>
      <c r="HT23" s="114">
        <v>21324257</v>
      </c>
      <c r="HU23" s="114">
        <v>14858151</v>
      </c>
      <c r="HV23" s="114">
        <v>10164374</v>
      </c>
      <c r="HW23" s="114">
        <v>5928493</v>
      </c>
      <c r="HX23" s="112">
        <v>75053262</v>
      </c>
      <c r="HY23" s="116">
        <v>79378903</v>
      </c>
      <c r="HZ23" s="131">
        <v>423620</v>
      </c>
      <c r="IA23" s="132">
        <v>1280397</v>
      </c>
      <c r="IB23" s="133">
        <v>1704017</v>
      </c>
      <c r="IC23" s="146">
        <v>0</v>
      </c>
      <c r="ID23" s="132">
        <v>32307362</v>
      </c>
      <c r="IE23" s="147">
        <v>47714005</v>
      </c>
      <c r="IF23" s="133">
        <v>52803403</v>
      </c>
      <c r="IG23" s="132">
        <v>36138386</v>
      </c>
      <c r="IH23" s="133">
        <v>26281961</v>
      </c>
      <c r="II23" s="148">
        <v>195245117</v>
      </c>
      <c r="IJ23" s="139">
        <v>196949134</v>
      </c>
      <c r="IK23" s="232">
        <v>0</v>
      </c>
      <c r="IL23" s="236">
        <v>0</v>
      </c>
      <c r="IM23" s="237">
        <v>0</v>
      </c>
      <c r="IN23" s="140"/>
      <c r="IO23" s="119">
        <v>72181</v>
      </c>
      <c r="IP23" s="119">
        <v>279928</v>
      </c>
      <c r="IQ23" s="119">
        <v>415656</v>
      </c>
      <c r="IR23" s="119">
        <v>0</v>
      </c>
      <c r="IS23" s="119">
        <v>237450</v>
      </c>
      <c r="IT23" s="141">
        <v>1005215</v>
      </c>
      <c r="IU23" s="321">
        <v>1005215</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11111167</v>
      </c>
      <c r="JL23" s="119">
        <v>12445094</v>
      </c>
      <c r="JM23" s="119">
        <v>9312030</v>
      </c>
      <c r="JN23" s="119">
        <v>3646336</v>
      </c>
      <c r="JO23" s="119">
        <v>1994683</v>
      </c>
      <c r="JP23" s="120">
        <v>38509310</v>
      </c>
      <c r="JQ23" s="321">
        <v>38509310</v>
      </c>
      <c r="JR23" s="142">
        <v>0</v>
      </c>
      <c r="JS23" s="119">
        <v>0</v>
      </c>
      <c r="JT23" s="141">
        <v>0</v>
      </c>
      <c r="JU23" s="118">
        <v>0</v>
      </c>
      <c r="JV23" s="119">
        <v>1241818</v>
      </c>
      <c r="JW23" s="119">
        <v>450702</v>
      </c>
      <c r="JX23" s="119">
        <v>1650733</v>
      </c>
      <c r="JY23" s="119">
        <v>1394152</v>
      </c>
      <c r="JZ23" s="119">
        <v>2381070</v>
      </c>
      <c r="KA23" s="120">
        <v>7118475</v>
      </c>
      <c r="KB23" s="321">
        <v>7118475</v>
      </c>
      <c r="KC23" s="234">
        <v>423620</v>
      </c>
      <c r="KD23" s="230">
        <v>783796</v>
      </c>
      <c r="KE23" s="120">
        <v>1207416</v>
      </c>
      <c r="KF23" s="118">
        <v>0</v>
      </c>
      <c r="KG23" s="119">
        <v>6036764</v>
      </c>
      <c r="KH23" s="119">
        <v>9769044</v>
      </c>
      <c r="KI23" s="119">
        <v>8603332</v>
      </c>
      <c r="KJ23" s="119">
        <v>6377468</v>
      </c>
      <c r="KK23" s="119">
        <v>2945283</v>
      </c>
      <c r="KL23" s="120">
        <v>33731891</v>
      </c>
      <c r="KM23" s="143">
        <v>34939307</v>
      </c>
      <c r="KN23" s="232">
        <v>0</v>
      </c>
      <c r="KO23" s="236">
        <v>496601</v>
      </c>
      <c r="KP23" s="237">
        <v>496601</v>
      </c>
      <c r="KQ23" s="140"/>
      <c r="KR23" s="119">
        <v>12150575</v>
      </c>
      <c r="KS23" s="119">
        <v>22705312</v>
      </c>
      <c r="KT23" s="119">
        <v>26635157</v>
      </c>
      <c r="KU23" s="119">
        <v>13450393</v>
      </c>
      <c r="KV23" s="119">
        <v>8902056</v>
      </c>
      <c r="KW23" s="120">
        <v>83843493</v>
      </c>
      <c r="KX23" s="321">
        <v>84340094</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540486</v>
      </c>
      <c r="LP23" s="119">
        <v>2171377</v>
      </c>
      <c r="LQ23" s="119">
        <v>5298837</v>
      </c>
      <c r="LR23" s="119">
        <v>677684</v>
      </c>
      <c r="LS23" s="120">
        <v>8688384</v>
      </c>
      <c r="LT23" s="321">
        <v>8688384</v>
      </c>
      <c r="LU23" s="142">
        <v>0</v>
      </c>
      <c r="LV23" s="119">
        <v>0</v>
      </c>
      <c r="LW23" s="120">
        <v>0</v>
      </c>
      <c r="LX23" s="145"/>
      <c r="LY23" s="119">
        <v>1694857</v>
      </c>
      <c r="LZ23" s="119">
        <v>1523439</v>
      </c>
      <c r="MA23" s="119">
        <v>4015118</v>
      </c>
      <c r="MB23" s="119">
        <v>5971200</v>
      </c>
      <c r="MC23" s="119">
        <v>9143735</v>
      </c>
      <c r="MD23" s="120">
        <v>22348349</v>
      </c>
      <c r="ME23" s="121">
        <v>22348349</v>
      </c>
      <c r="MF23" s="142">
        <v>0</v>
      </c>
      <c r="MG23" s="119">
        <v>0</v>
      </c>
      <c r="MH23" s="120">
        <v>0</v>
      </c>
      <c r="MI23" s="145"/>
      <c r="MJ23" s="119">
        <v>10256325</v>
      </c>
      <c r="MK23" s="119">
        <v>28384605</v>
      </c>
      <c r="ML23" s="119">
        <v>82363279</v>
      </c>
      <c r="MM23" s="119">
        <v>153272846</v>
      </c>
      <c r="MN23" s="119">
        <v>120772605</v>
      </c>
      <c r="MO23" s="120">
        <v>395049660</v>
      </c>
      <c r="MP23" s="143">
        <v>395049660</v>
      </c>
      <c r="MQ23" s="142">
        <v>0</v>
      </c>
      <c r="MR23" s="119">
        <v>0</v>
      </c>
      <c r="MS23" s="120">
        <v>0</v>
      </c>
      <c r="MT23" s="145"/>
      <c r="MU23" s="119">
        <v>1212004</v>
      </c>
      <c r="MV23" s="119">
        <v>4062144</v>
      </c>
      <c r="MW23" s="119">
        <v>47431178</v>
      </c>
      <c r="MX23" s="119">
        <v>106113159</v>
      </c>
      <c r="MY23" s="119">
        <v>80475137</v>
      </c>
      <c r="MZ23" s="120">
        <v>239293622</v>
      </c>
      <c r="NA23" s="143">
        <v>239293622</v>
      </c>
      <c r="NB23" s="142">
        <v>0</v>
      </c>
      <c r="NC23" s="119">
        <v>0</v>
      </c>
      <c r="ND23" s="120">
        <v>0</v>
      </c>
      <c r="NE23" s="145"/>
      <c r="NF23" s="119">
        <v>9044321</v>
      </c>
      <c r="NG23" s="119">
        <v>24322461</v>
      </c>
      <c r="NH23" s="119">
        <v>34533037</v>
      </c>
      <c r="NI23" s="119">
        <v>42301990</v>
      </c>
      <c r="NJ23" s="119">
        <v>30282481</v>
      </c>
      <c r="NK23" s="120">
        <v>140484290</v>
      </c>
      <c r="NL23" s="321">
        <v>140484290</v>
      </c>
      <c r="NM23" s="142">
        <v>0</v>
      </c>
      <c r="NN23" s="119">
        <v>0</v>
      </c>
      <c r="NO23" s="120">
        <v>0</v>
      </c>
      <c r="NP23" s="145"/>
      <c r="NQ23" s="119">
        <v>0</v>
      </c>
      <c r="NR23" s="119">
        <v>0</v>
      </c>
      <c r="NS23" s="119">
        <v>0</v>
      </c>
      <c r="NT23" s="119">
        <v>389372</v>
      </c>
      <c r="NU23" s="119">
        <v>2832053</v>
      </c>
      <c r="NV23" s="120">
        <v>3221425</v>
      </c>
      <c r="NW23" s="121">
        <v>3221425</v>
      </c>
      <c r="NX23" s="142">
        <v>0</v>
      </c>
      <c r="NY23" s="119">
        <v>0</v>
      </c>
      <c r="NZ23" s="120">
        <v>0</v>
      </c>
      <c r="OA23" s="145"/>
      <c r="OB23" s="119">
        <v>0</v>
      </c>
      <c r="OC23" s="119">
        <v>0</v>
      </c>
      <c r="OD23" s="119">
        <v>399064</v>
      </c>
      <c r="OE23" s="119">
        <v>4468325</v>
      </c>
      <c r="OF23" s="119">
        <v>7182934</v>
      </c>
      <c r="OG23" s="120">
        <v>12050323</v>
      </c>
      <c r="OH23" s="121">
        <v>12050323</v>
      </c>
      <c r="OI23" s="142">
        <v>7784977</v>
      </c>
      <c r="OJ23" s="119">
        <v>16180817</v>
      </c>
      <c r="OK23" s="141">
        <v>23965794</v>
      </c>
      <c r="OL23" s="118">
        <v>0</v>
      </c>
      <c r="OM23" s="119">
        <v>178059514</v>
      </c>
      <c r="ON23" s="119">
        <v>245755774</v>
      </c>
      <c r="OO23" s="119">
        <v>278596928</v>
      </c>
      <c r="OP23" s="119">
        <v>328432076</v>
      </c>
      <c r="OQ23" s="119">
        <v>245599009</v>
      </c>
      <c r="OR23" s="120">
        <v>1276443301</v>
      </c>
      <c r="OS23" s="143">
        <v>1300409095</v>
      </c>
    </row>
    <row r="24" spans="2:409" ht="18.75" customHeight="1" x14ac:dyDescent="0.2">
      <c r="B24" s="62" t="s">
        <v>19</v>
      </c>
      <c r="C24" s="110">
        <v>4581086</v>
      </c>
      <c r="D24" s="114">
        <v>8352848</v>
      </c>
      <c r="E24" s="113">
        <v>12933934</v>
      </c>
      <c r="F24" s="109">
        <v>0</v>
      </c>
      <c r="G24" s="114">
        <v>60462264</v>
      </c>
      <c r="H24" s="114">
        <v>67200669</v>
      </c>
      <c r="I24" s="114">
        <v>56157200</v>
      </c>
      <c r="J24" s="114">
        <v>44657415</v>
      </c>
      <c r="K24" s="114">
        <v>36959315</v>
      </c>
      <c r="L24" s="109">
        <v>265436863</v>
      </c>
      <c r="M24" s="116">
        <v>278370797</v>
      </c>
      <c r="N24" s="110">
        <v>1110522</v>
      </c>
      <c r="O24" s="114">
        <v>1953379</v>
      </c>
      <c r="P24" s="113">
        <v>3063901</v>
      </c>
      <c r="Q24" s="110">
        <v>0</v>
      </c>
      <c r="R24" s="114">
        <v>14527822</v>
      </c>
      <c r="S24" s="114">
        <v>16347928</v>
      </c>
      <c r="T24" s="114">
        <v>16157609</v>
      </c>
      <c r="U24" s="114">
        <v>15301170</v>
      </c>
      <c r="V24" s="114">
        <v>16177098</v>
      </c>
      <c r="W24" s="113">
        <v>78511627</v>
      </c>
      <c r="X24" s="116">
        <v>81575528</v>
      </c>
      <c r="Y24" s="110">
        <v>0</v>
      </c>
      <c r="Z24" s="114">
        <v>0</v>
      </c>
      <c r="AA24" s="113">
        <v>0</v>
      </c>
      <c r="AB24" s="110">
        <v>0</v>
      </c>
      <c r="AC24" s="114">
        <v>6594037</v>
      </c>
      <c r="AD24" s="114">
        <v>7470067</v>
      </c>
      <c r="AE24" s="114">
        <v>8569139</v>
      </c>
      <c r="AF24" s="114">
        <v>9079502</v>
      </c>
      <c r="AG24" s="114">
        <v>8489462</v>
      </c>
      <c r="AH24" s="113">
        <v>40202207</v>
      </c>
      <c r="AI24" s="116">
        <v>40202207</v>
      </c>
      <c r="AJ24" s="110">
        <v>0</v>
      </c>
      <c r="AK24" s="114">
        <v>0</v>
      </c>
      <c r="AL24" s="113">
        <v>0</v>
      </c>
      <c r="AM24" s="110">
        <v>0</v>
      </c>
      <c r="AN24" s="114">
        <v>298466</v>
      </c>
      <c r="AO24" s="114">
        <v>182647</v>
      </c>
      <c r="AP24" s="114">
        <v>816927</v>
      </c>
      <c r="AQ24" s="114">
        <v>1248193</v>
      </c>
      <c r="AR24" s="114">
        <v>1939703</v>
      </c>
      <c r="AS24" s="113">
        <v>4485936</v>
      </c>
      <c r="AT24" s="116">
        <v>4485936</v>
      </c>
      <c r="AU24" s="110">
        <v>608957</v>
      </c>
      <c r="AV24" s="114">
        <v>1554638</v>
      </c>
      <c r="AW24" s="113">
        <v>2163595</v>
      </c>
      <c r="AX24" s="110">
        <v>0</v>
      </c>
      <c r="AY24" s="114">
        <v>5142834</v>
      </c>
      <c r="AZ24" s="114">
        <v>5674055</v>
      </c>
      <c r="BA24" s="114">
        <v>4168684</v>
      </c>
      <c r="BB24" s="114">
        <v>2759245</v>
      </c>
      <c r="BC24" s="114">
        <v>3685397</v>
      </c>
      <c r="BD24" s="113">
        <v>21430215</v>
      </c>
      <c r="BE24" s="116">
        <v>23593810</v>
      </c>
      <c r="BF24" s="110">
        <v>23395</v>
      </c>
      <c r="BG24" s="114">
        <v>76847</v>
      </c>
      <c r="BH24" s="112">
        <v>100242</v>
      </c>
      <c r="BI24" s="111">
        <v>0</v>
      </c>
      <c r="BJ24" s="114">
        <v>387461</v>
      </c>
      <c r="BK24" s="114">
        <v>283605</v>
      </c>
      <c r="BL24" s="114">
        <v>179418</v>
      </c>
      <c r="BM24" s="114">
        <v>70742</v>
      </c>
      <c r="BN24" s="114">
        <v>146932</v>
      </c>
      <c r="BO24" s="113">
        <v>1068158</v>
      </c>
      <c r="BP24" s="116">
        <v>1168400</v>
      </c>
      <c r="BQ24" s="110">
        <v>478170</v>
      </c>
      <c r="BR24" s="114">
        <v>321894</v>
      </c>
      <c r="BS24" s="113">
        <v>800064</v>
      </c>
      <c r="BT24" s="110">
        <v>0</v>
      </c>
      <c r="BU24" s="114">
        <v>2105024</v>
      </c>
      <c r="BV24" s="114">
        <v>2737554</v>
      </c>
      <c r="BW24" s="114">
        <v>2423441</v>
      </c>
      <c r="BX24" s="114">
        <v>2143488</v>
      </c>
      <c r="BY24" s="114">
        <v>1915604</v>
      </c>
      <c r="BZ24" s="113">
        <v>11325111</v>
      </c>
      <c r="CA24" s="116">
        <v>12125175</v>
      </c>
      <c r="CB24" s="110">
        <v>639247</v>
      </c>
      <c r="CC24" s="114">
        <v>2171357</v>
      </c>
      <c r="CD24" s="113">
        <v>2810604</v>
      </c>
      <c r="CE24" s="110">
        <v>0</v>
      </c>
      <c r="CF24" s="114">
        <v>18309411</v>
      </c>
      <c r="CG24" s="114">
        <v>22532583</v>
      </c>
      <c r="CH24" s="114">
        <v>14554731</v>
      </c>
      <c r="CI24" s="114">
        <v>8035668</v>
      </c>
      <c r="CJ24" s="114">
        <v>5812906</v>
      </c>
      <c r="CK24" s="113">
        <v>69245299</v>
      </c>
      <c r="CL24" s="116">
        <v>72055903</v>
      </c>
      <c r="CM24" s="110">
        <v>0</v>
      </c>
      <c r="CN24" s="114">
        <v>0</v>
      </c>
      <c r="CO24" s="113">
        <v>0</v>
      </c>
      <c r="CP24" s="111">
        <v>0</v>
      </c>
      <c r="CQ24" s="114">
        <v>13423771</v>
      </c>
      <c r="CR24" s="114">
        <v>17350962</v>
      </c>
      <c r="CS24" s="114">
        <v>10742412</v>
      </c>
      <c r="CT24" s="114">
        <v>5180364</v>
      </c>
      <c r="CU24" s="114">
        <v>4877159</v>
      </c>
      <c r="CV24" s="113">
        <v>51574668</v>
      </c>
      <c r="CW24" s="116">
        <v>51574668</v>
      </c>
      <c r="CX24" s="110">
        <v>639247</v>
      </c>
      <c r="CY24" s="114">
        <v>2171357</v>
      </c>
      <c r="CZ24" s="113">
        <v>2810604</v>
      </c>
      <c r="DA24" s="110">
        <v>0</v>
      </c>
      <c r="DB24" s="114">
        <v>4885640</v>
      </c>
      <c r="DC24" s="114">
        <v>5181621</v>
      </c>
      <c r="DD24" s="114">
        <v>3812319</v>
      </c>
      <c r="DE24" s="114">
        <v>2855304</v>
      </c>
      <c r="DF24" s="114">
        <v>935747</v>
      </c>
      <c r="DG24" s="113">
        <v>17670631</v>
      </c>
      <c r="DH24" s="116">
        <v>20481235</v>
      </c>
      <c r="DI24" s="110">
        <v>67856</v>
      </c>
      <c r="DJ24" s="114">
        <v>68658</v>
      </c>
      <c r="DK24" s="112">
        <v>136514</v>
      </c>
      <c r="DL24" s="111">
        <v>0</v>
      </c>
      <c r="DM24" s="114">
        <v>1375309</v>
      </c>
      <c r="DN24" s="114">
        <v>3311256</v>
      </c>
      <c r="DO24" s="114">
        <v>5308724</v>
      </c>
      <c r="DP24" s="114">
        <v>3446732</v>
      </c>
      <c r="DQ24" s="114">
        <v>2113981</v>
      </c>
      <c r="DR24" s="113">
        <v>15556002</v>
      </c>
      <c r="DS24" s="116">
        <v>15692516</v>
      </c>
      <c r="DT24" s="110">
        <v>67856</v>
      </c>
      <c r="DU24" s="114">
        <v>68658</v>
      </c>
      <c r="DV24" s="113">
        <v>136514</v>
      </c>
      <c r="DW24" s="110">
        <v>0</v>
      </c>
      <c r="DX24" s="114">
        <v>1119074</v>
      </c>
      <c r="DY24" s="114">
        <v>2522375</v>
      </c>
      <c r="DZ24" s="114">
        <v>4595850</v>
      </c>
      <c r="EA24" s="114">
        <v>2723697</v>
      </c>
      <c r="EB24" s="114">
        <v>1481246</v>
      </c>
      <c r="EC24" s="113">
        <v>12442242</v>
      </c>
      <c r="ED24" s="116">
        <v>12578756</v>
      </c>
      <c r="EE24" s="110">
        <v>0</v>
      </c>
      <c r="EF24" s="112">
        <v>0</v>
      </c>
      <c r="EG24" s="113">
        <v>0</v>
      </c>
      <c r="EH24" s="110">
        <v>0</v>
      </c>
      <c r="EI24" s="114">
        <v>256235</v>
      </c>
      <c r="EJ24" s="114">
        <v>788881</v>
      </c>
      <c r="EK24" s="114">
        <v>712874</v>
      </c>
      <c r="EL24" s="114">
        <v>723035</v>
      </c>
      <c r="EM24" s="114">
        <v>632735</v>
      </c>
      <c r="EN24" s="112">
        <v>3113760</v>
      </c>
      <c r="EO24" s="116">
        <v>3113760</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8"/>
      <c r="FE24" s="114">
        <v>0</v>
      </c>
      <c r="FF24" s="114">
        <v>0</v>
      </c>
      <c r="FG24" s="114">
        <v>0</v>
      </c>
      <c r="FH24" s="114">
        <v>0</v>
      </c>
      <c r="FI24" s="114">
        <v>0</v>
      </c>
      <c r="FJ24" s="113">
        <v>0</v>
      </c>
      <c r="FK24" s="116">
        <v>0</v>
      </c>
      <c r="FL24" s="110">
        <v>1132508</v>
      </c>
      <c r="FM24" s="114">
        <v>1594083</v>
      </c>
      <c r="FN24" s="113">
        <v>2726591</v>
      </c>
      <c r="FO24" s="110">
        <v>0</v>
      </c>
      <c r="FP24" s="114">
        <v>4294608</v>
      </c>
      <c r="FQ24" s="114">
        <v>6081507</v>
      </c>
      <c r="FR24" s="114">
        <v>4375612</v>
      </c>
      <c r="FS24" s="114">
        <v>3267897</v>
      </c>
      <c r="FT24" s="114">
        <v>3267690</v>
      </c>
      <c r="FU24" s="113">
        <v>21287314</v>
      </c>
      <c r="FV24" s="116">
        <v>24013905</v>
      </c>
      <c r="FW24" s="115">
        <v>668158</v>
      </c>
      <c r="FX24" s="114">
        <v>1419678</v>
      </c>
      <c r="FY24" s="112">
        <v>2087836</v>
      </c>
      <c r="FZ24" s="111">
        <v>0</v>
      </c>
      <c r="GA24" s="114">
        <v>3526403</v>
      </c>
      <c r="GB24" s="114">
        <v>5770161</v>
      </c>
      <c r="GC24" s="114">
        <v>4277261</v>
      </c>
      <c r="GD24" s="114">
        <v>3076862</v>
      </c>
      <c r="GE24" s="114">
        <v>3267690</v>
      </c>
      <c r="GF24" s="113">
        <v>19918377</v>
      </c>
      <c r="GG24" s="319">
        <v>22006213</v>
      </c>
      <c r="GH24" s="115">
        <v>0</v>
      </c>
      <c r="GI24" s="114">
        <v>86205</v>
      </c>
      <c r="GJ24" s="112">
        <v>86205</v>
      </c>
      <c r="GK24" s="111">
        <v>0</v>
      </c>
      <c r="GL24" s="114">
        <v>184149</v>
      </c>
      <c r="GM24" s="114">
        <v>129888</v>
      </c>
      <c r="GN24" s="114">
        <v>53351</v>
      </c>
      <c r="GO24" s="114">
        <v>151509</v>
      </c>
      <c r="GP24" s="114">
        <v>0</v>
      </c>
      <c r="GQ24" s="113">
        <v>518897</v>
      </c>
      <c r="GR24" s="116">
        <v>605102</v>
      </c>
      <c r="GS24" s="110">
        <v>464350</v>
      </c>
      <c r="GT24" s="114">
        <v>88200</v>
      </c>
      <c r="GU24" s="113">
        <v>552550</v>
      </c>
      <c r="GV24" s="110">
        <v>0</v>
      </c>
      <c r="GW24" s="114">
        <v>584056</v>
      </c>
      <c r="GX24" s="114">
        <v>181458</v>
      </c>
      <c r="GY24" s="114">
        <v>45000</v>
      </c>
      <c r="GZ24" s="114">
        <v>39526</v>
      </c>
      <c r="HA24" s="114">
        <v>0</v>
      </c>
      <c r="HB24" s="112">
        <v>850040</v>
      </c>
      <c r="HC24" s="116">
        <v>1402590</v>
      </c>
      <c r="HD24" s="110">
        <v>902005</v>
      </c>
      <c r="HE24" s="114">
        <v>1246159</v>
      </c>
      <c r="HF24" s="112">
        <v>2148164</v>
      </c>
      <c r="HG24" s="111">
        <v>0</v>
      </c>
      <c r="HH24" s="114">
        <v>11572236</v>
      </c>
      <c r="HI24" s="114">
        <v>10592386</v>
      </c>
      <c r="HJ24" s="114">
        <v>10075404</v>
      </c>
      <c r="HK24" s="114">
        <v>11554051</v>
      </c>
      <c r="HL24" s="114">
        <v>7468792</v>
      </c>
      <c r="HM24" s="113">
        <v>51262869</v>
      </c>
      <c r="HN24" s="109">
        <v>53411033</v>
      </c>
      <c r="HO24" s="115">
        <v>728948</v>
      </c>
      <c r="HP24" s="114">
        <v>1319212</v>
      </c>
      <c r="HQ24" s="113">
        <v>2048160</v>
      </c>
      <c r="HR24" s="110">
        <v>0</v>
      </c>
      <c r="HS24" s="114">
        <v>10382878</v>
      </c>
      <c r="HT24" s="114">
        <v>8335009</v>
      </c>
      <c r="HU24" s="114">
        <v>5685120</v>
      </c>
      <c r="HV24" s="114">
        <v>3051897</v>
      </c>
      <c r="HW24" s="114">
        <v>2118848</v>
      </c>
      <c r="HX24" s="112">
        <v>29573752</v>
      </c>
      <c r="HY24" s="116">
        <v>31621912</v>
      </c>
      <c r="HZ24" s="150">
        <v>53865</v>
      </c>
      <c r="IA24" s="135">
        <v>160815</v>
      </c>
      <c r="IB24" s="150">
        <v>214680</v>
      </c>
      <c r="IC24" s="134">
        <v>0</v>
      </c>
      <c r="ID24" s="135">
        <v>13611307</v>
      </c>
      <c r="IE24" s="136">
        <v>22604605</v>
      </c>
      <c r="IF24" s="137">
        <v>21733702</v>
      </c>
      <c r="IG24" s="135">
        <v>13181039</v>
      </c>
      <c r="IH24" s="137">
        <v>14038272</v>
      </c>
      <c r="II24" s="138">
        <v>85168925</v>
      </c>
      <c r="IJ24" s="150">
        <v>85383605</v>
      </c>
      <c r="IK24" s="232">
        <v>0</v>
      </c>
      <c r="IL24" s="236">
        <v>0</v>
      </c>
      <c r="IM24" s="237">
        <v>0</v>
      </c>
      <c r="IN24" s="140"/>
      <c r="IO24" s="119">
        <v>985826</v>
      </c>
      <c r="IP24" s="119">
        <v>832513</v>
      </c>
      <c r="IQ24" s="119">
        <v>324129</v>
      </c>
      <c r="IR24" s="119">
        <v>1120548</v>
      </c>
      <c r="IS24" s="119">
        <v>930775</v>
      </c>
      <c r="IT24" s="141">
        <v>4193791</v>
      </c>
      <c r="IU24" s="321">
        <v>4193791</v>
      </c>
      <c r="IV24" s="142">
        <v>0</v>
      </c>
      <c r="IW24" s="119">
        <v>0</v>
      </c>
      <c r="IX24" s="120">
        <v>0</v>
      </c>
      <c r="IY24" s="144"/>
      <c r="IZ24" s="119">
        <v>11218</v>
      </c>
      <c r="JA24" s="119">
        <v>33654</v>
      </c>
      <c r="JB24" s="119">
        <v>36321</v>
      </c>
      <c r="JC24" s="119">
        <v>74892</v>
      </c>
      <c r="JD24" s="119">
        <v>0</v>
      </c>
      <c r="JE24" s="120">
        <v>156085</v>
      </c>
      <c r="JF24" s="121">
        <v>156085</v>
      </c>
      <c r="JG24" s="142">
        <v>0</v>
      </c>
      <c r="JH24" s="119">
        <v>0</v>
      </c>
      <c r="JI24" s="141">
        <v>0</v>
      </c>
      <c r="JJ24" s="118">
        <v>0</v>
      </c>
      <c r="JK24" s="119">
        <v>6918203</v>
      </c>
      <c r="JL24" s="119">
        <v>7193481</v>
      </c>
      <c r="JM24" s="119">
        <v>5269175</v>
      </c>
      <c r="JN24" s="119">
        <v>1682871</v>
      </c>
      <c r="JO24" s="119">
        <v>1158120</v>
      </c>
      <c r="JP24" s="120">
        <v>22221850</v>
      </c>
      <c r="JQ24" s="321">
        <v>22221850</v>
      </c>
      <c r="JR24" s="142">
        <v>0</v>
      </c>
      <c r="JS24" s="119">
        <v>0</v>
      </c>
      <c r="JT24" s="141">
        <v>0</v>
      </c>
      <c r="JU24" s="118">
        <v>0</v>
      </c>
      <c r="JV24" s="119">
        <v>823549</v>
      </c>
      <c r="JW24" s="119">
        <v>2421559</v>
      </c>
      <c r="JX24" s="119">
        <v>2184137</v>
      </c>
      <c r="JY24" s="119">
        <v>309706</v>
      </c>
      <c r="JZ24" s="119">
        <v>475145</v>
      </c>
      <c r="KA24" s="120">
        <v>6214096</v>
      </c>
      <c r="KB24" s="321">
        <v>6214096</v>
      </c>
      <c r="KC24" s="234">
        <v>53865</v>
      </c>
      <c r="KD24" s="230">
        <v>160815</v>
      </c>
      <c r="KE24" s="120">
        <v>214680</v>
      </c>
      <c r="KF24" s="118">
        <v>0</v>
      </c>
      <c r="KG24" s="119">
        <v>2558403</v>
      </c>
      <c r="KH24" s="119">
        <v>6375580</v>
      </c>
      <c r="KI24" s="119">
        <v>6816194</v>
      </c>
      <c r="KJ24" s="119">
        <v>4276770</v>
      </c>
      <c r="KK24" s="119">
        <v>4001504</v>
      </c>
      <c r="KL24" s="120">
        <v>24028451</v>
      </c>
      <c r="KM24" s="143">
        <v>24243131</v>
      </c>
      <c r="KN24" s="232">
        <v>0</v>
      </c>
      <c r="KO24" s="236">
        <v>0</v>
      </c>
      <c r="KP24" s="237">
        <v>0</v>
      </c>
      <c r="KQ24" s="140"/>
      <c r="KR24" s="119">
        <v>1922460</v>
      </c>
      <c r="KS24" s="119">
        <v>5270315</v>
      </c>
      <c r="KT24" s="119">
        <v>7103746</v>
      </c>
      <c r="KU24" s="119">
        <v>4859897</v>
      </c>
      <c r="KV24" s="119">
        <v>4000996</v>
      </c>
      <c r="KW24" s="120">
        <v>23157414</v>
      </c>
      <c r="KX24" s="321">
        <v>23157414</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1">
        <v>0</v>
      </c>
      <c r="LU24" s="142">
        <v>0</v>
      </c>
      <c r="LV24" s="119">
        <v>0</v>
      </c>
      <c r="LW24" s="120">
        <v>0</v>
      </c>
      <c r="LX24" s="145"/>
      <c r="LY24" s="119">
        <v>391648</v>
      </c>
      <c r="LZ24" s="119">
        <v>477503</v>
      </c>
      <c r="MA24" s="119">
        <v>0</v>
      </c>
      <c r="MB24" s="119">
        <v>856355</v>
      </c>
      <c r="MC24" s="119">
        <v>3471732</v>
      </c>
      <c r="MD24" s="120">
        <v>5197238</v>
      </c>
      <c r="ME24" s="121">
        <v>5197238</v>
      </c>
      <c r="MF24" s="142">
        <v>0</v>
      </c>
      <c r="MG24" s="119">
        <v>0</v>
      </c>
      <c r="MH24" s="120">
        <v>0</v>
      </c>
      <c r="MI24" s="145"/>
      <c r="MJ24" s="119">
        <v>4890280</v>
      </c>
      <c r="MK24" s="119">
        <v>16015565</v>
      </c>
      <c r="ML24" s="119">
        <v>50379811</v>
      </c>
      <c r="MM24" s="119">
        <v>59118598</v>
      </c>
      <c r="MN24" s="119">
        <v>39520862</v>
      </c>
      <c r="MO24" s="120">
        <v>169925116</v>
      </c>
      <c r="MP24" s="143">
        <v>169925116</v>
      </c>
      <c r="MQ24" s="142">
        <v>0</v>
      </c>
      <c r="MR24" s="119">
        <v>0</v>
      </c>
      <c r="MS24" s="120">
        <v>0</v>
      </c>
      <c r="MT24" s="145"/>
      <c r="MU24" s="119">
        <v>0</v>
      </c>
      <c r="MV24" s="119">
        <v>1934544</v>
      </c>
      <c r="MW24" s="119">
        <v>28873693</v>
      </c>
      <c r="MX24" s="119">
        <v>40966833</v>
      </c>
      <c r="MY24" s="119">
        <v>25979638</v>
      </c>
      <c r="MZ24" s="120">
        <v>97754708</v>
      </c>
      <c r="NA24" s="143">
        <v>97754708</v>
      </c>
      <c r="NB24" s="142">
        <v>0</v>
      </c>
      <c r="NC24" s="119">
        <v>0</v>
      </c>
      <c r="ND24" s="120">
        <v>0</v>
      </c>
      <c r="NE24" s="145"/>
      <c r="NF24" s="119">
        <v>4890280</v>
      </c>
      <c r="NG24" s="119">
        <v>14081021</v>
      </c>
      <c r="NH24" s="119">
        <v>21506118</v>
      </c>
      <c r="NI24" s="119">
        <v>16917626</v>
      </c>
      <c r="NJ24" s="119">
        <v>11300889</v>
      </c>
      <c r="NK24" s="120">
        <v>68695934</v>
      </c>
      <c r="NL24" s="321">
        <v>68695934</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1234139</v>
      </c>
      <c r="OF24" s="119">
        <v>2240335</v>
      </c>
      <c r="OG24" s="120">
        <v>3474474</v>
      </c>
      <c r="OH24" s="121">
        <v>3474474</v>
      </c>
      <c r="OI24" s="142">
        <v>4634951</v>
      </c>
      <c r="OJ24" s="119">
        <v>8513663</v>
      </c>
      <c r="OK24" s="141">
        <v>13148614</v>
      </c>
      <c r="OL24" s="118">
        <v>0</v>
      </c>
      <c r="OM24" s="119">
        <v>78963851</v>
      </c>
      <c r="ON24" s="119">
        <v>105820839</v>
      </c>
      <c r="OO24" s="119">
        <v>128270713</v>
      </c>
      <c r="OP24" s="119">
        <v>116957052</v>
      </c>
      <c r="OQ24" s="119">
        <v>90518449</v>
      </c>
      <c r="OR24" s="120">
        <v>520530904</v>
      </c>
      <c r="OS24" s="143">
        <v>533679518</v>
      </c>
    </row>
    <row r="25" spans="2:409" ht="18.75" customHeight="1" x14ac:dyDescent="0.2">
      <c r="B25" s="62" t="s">
        <v>20</v>
      </c>
      <c r="C25" s="110">
        <v>3928107</v>
      </c>
      <c r="D25" s="114">
        <v>12675944</v>
      </c>
      <c r="E25" s="113">
        <v>16604051</v>
      </c>
      <c r="F25" s="110">
        <v>0</v>
      </c>
      <c r="G25" s="114">
        <v>83438700</v>
      </c>
      <c r="H25" s="114">
        <v>73370710</v>
      </c>
      <c r="I25" s="114">
        <v>74948320</v>
      </c>
      <c r="J25" s="114">
        <v>65509408</v>
      </c>
      <c r="K25" s="114">
        <v>39141314</v>
      </c>
      <c r="L25" s="173">
        <v>336408452</v>
      </c>
      <c r="M25" s="116">
        <v>353012503</v>
      </c>
      <c r="N25" s="110">
        <v>1253521</v>
      </c>
      <c r="O25" s="114">
        <v>3814019</v>
      </c>
      <c r="P25" s="113">
        <v>5067540</v>
      </c>
      <c r="Q25" s="110">
        <v>0</v>
      </c>
      <c r="R25" s="114">
        <v>22802088</v>
      </c>
      <c r="S25" s="114">
        <v>20533812</v>
      </c>
      <c r="T25" s="114">
        <v>22892236</v>
      </c>
      <c r="U25" s="114">
        <v>20912017</v>
      </c>
      <c r="V25" s="114">
        <v>17897710</v>
      </c>
      <c r="W25" s="113">
        <v>105037863</v>
      </c>
      <c r="X25" s="116">
        <v>110105403</v>
      </c>
      <c r="Y25" s="110">
        <v>0</v>
      </c>
      <c r="Z25" s="114">
        <v>0</v>
      </c>
      <c r="AA25" s="113">
        <v>0</v>
      </c>
      <c r="AB25" s="110">
        <v>0</v>
      </c>
      <c r="AC25" s="114">
        <v>8693537</v>
      </c>
      <c r="AD25" s="114">
        <v>8653040</v>
      </c>
      <c r="AE25" s="114">
        <v>13645831</v>
      </c>
      <c r="AF25" s="114">
        <v>11831578</v>
      </c>
      <c r="AG25" s="114">
        <v>9359341</v>
      </c>
      <c r="AH25" s="113">
        <v>52183327</v>
      </c>
      <c r="AI25" s="116">
        <v>52183327</v>
      </c>
      <c r="AJ25" s="110">
        <v>0</v>
      </c>
      <c r="AK25" s="114">
        <v>0</v>
      </c>
      <c r="AL25" s="113">
        <v>0</v>
      </c>
      <c r="AM25" s="110">
        <v>0</v>
      </c>
      <c r="AN25" s="114">
        <v>15287</v>
      </c>
      <c r="AO25" s="114">
        <v>290175</v>
      </c>
      <c r="AP25" s="114">
        <v>559641</v>
      </c>
      <c r="AQ25" s="114">
        <v>1187293</v>
      </c>
      <c r="AR25" s="114">
        <v>2965689</v>
      </c>
      <c r="AS25" s="113">
        <v>5018085</v>
      </c>
      <c r="AT25" s="116">
        <v>5018085</v>
      </c>
      <c r="AU25" s="110">
        <v>769020</v>
      </c>
      <c r="AV25" s="114">
        <v>2396407</v>
      </c>
      <c r="AW25" s="113">
        <v>3165427</v>
      </c>
      <c r="AX25" s="110">
        <v>0</v>
      </c>
      <c r="AY25" s="114">
        <v>8781825</v>
      </c>
      <c r="AZ25" s="114">
        <v>7023443</v>
      </c>
      <c r="BA25" s="114">
        <v>4638922</v>
      </c>
      <c r="BB25" s="114">
        <v>3779601</v>
      </c>
      <c r="BC25" s="114">
        <v>3315622</v>
      </c>
      <c r="BD25" s="113">
        <v>27539413</v>
      </c>
      <c r="BE25" s="116">
        <v>30704840</v>
      </c>
      <c r="BF25" s="110">
        <v>237301</v>
      </c>
      <c r="BG25" s="114">
        <v>859128</v>
      </c>
      <c r="BH25" s="112">
        <v>1096429</v>
      </c>
      <c r="BI25" s="111">
        <v>0</v>
      </c>
      <c r="BJ25" s="114">
        <v>2079089</v>
      </c>
      <c r="BK25" s="114">
        <v>1638996</v>
      </c>
      <c r="BL25" s="114">
        <v>975631</v>
      </c>
      <c r="BM25" s="114">
        <v>1216457</v>
      </c>
      <c r="BN25" s="114">
        <v>373876</v>
      </c>
      <c r="BO25" s="113">
        <v>6284049</v>
      </c>
      <c r="BP25" s="116">
        <v>7380478</v>
      </c>
      <c r="BQ25" s="110">
        <v>247200</v>
      </c>
      <c r="BR25" s="114">
        <v>558484</v>
      </c>
      <c r="BS25" s="113">
        <v>805684</v>
      </c>
      <c r="BT25" s="110">
        <v>0</v>
      </c>
      <c r="BU25" s="114">
        <v>3232350</v>
      </c>
      <c r="BV25" s="114">
        <v>2928158</v>
      </c>
      <c r="BW25" s="114">
        <v>3072211</v>
      </c>
      <c r="BX25" s="114">
        <v>2897088</v>
      </c>
      <c r="BY25" s="114">
        <v>1883182</v>
      </c>
      <c r="BZ25" s="113">
        <v>14012989</v>
      </c>
      <c r="CA25" s="116">
        <v>14818673</v>
      </c>
      <c r="CB25" s="110">
        <v>435888</v>
      </c>
      <c r="CC25" s="114">
        <v>1790423</v>
      </c>
      <c r="CD25" s="113">
        <v>2226311</v>
      </c>
      <c r="CE25" s="110">
        <v>0</v>
      </c>
      <c r="CF25" s="114">
        <v>26584630</v>
      </c>
      <c r="CG25" s="114">
        <v>21109413</v>
      </c>
      <c r="CH25" s="114">
        <v>19459449</v>
      </c>
      <c r="CI25" s="114">
        <v>10822966</v>
      </c>
      <c r="CJ25" s="114">
        <v>4626379</v>
      </c>
      <c r="CK25" s="113">
        <v>82602837</v>
      </c>
      <c r="CL25" s="116">
        <v>84829148</v>
      </c>
      <c r="CM25" s="110">
        <v>0</v>
      </c>
      <c r="CN25" s="114">
        <v>0</v>
      </c>
      <c r="CO25" s="113">
        <v>0</v>
      </c>
      <c r="CP25" s="111">
        <v>0</v>
      </c>
      <c r="CQ25" s="114">
        <v>18353386</v>
      </c>
      <c r="CR25" s="114">
        <v>14154175</v>
      </c>
      <c r="CS25" s="114">
        <v>13910819</v>
      </c>
      <c r="CT25" s="114">
        <v>6942859</v>
      </c>
      <c r="CU25" s="114">
        <v>3691200</v>
      </c>
      <c r="CV25" s="113">
        <v>57052439</v>
      </c>
      <c r="CW25" s="116">
        <v>57052439</v>
      </c>
      <c r="CX25" s="110">
        <v>435888</v>
      </c>
      <c r="CY25" s="114">
        <v>1790423</v>
      </c>
      <c r="CZ25" s="113">
        <v>2226311</v>
      </c>
      <c r="DA25" s="110">
        <v>0</v>
      </c>
      <c r="DB25" s="114">
        <v>8231244</v>
      </c>
      <c r="DC25" s="114">
        <v>6955238</v>
      </c>
      <c r="DD25" s="114">
        <v>5548630</v>
      </c>
      <c r="DE25" s="114">
        <v>3880107</v>
      </c>
      <c r="DF25" s="114">
        <v>935179</v>
      </c>
      <c r="DG25" s="113">
        <v>25550398</v>
      </c>
      <c r="DH25" s="116">
        <v>27776709</v>
      </c>
      <c r="DI25" s="110">
        <v>0</v>
      </c>
      <c r="DJ25" s="114">
        <v>126384</v>
      </c>
      <c r="DK25" s="112">
        <v>126384</v>
      </c>
      <c r="DL25" s="111">
        <v>0</v>
      </c>
      <c r="DM25" s="114">
        <v>3956556</v>
      </c>
      <c r="DN25" s="114">
        <v>3991246</v>
      </c>
      <c r="DO25" s="114">
        <v>11468720</v>
      </c>
      <c r="DP25" s="114">
        <v>8386562</v>
      </c>
      <c r="DQ25" s="114">
        <v>4506629</v>
      </c>
      <c r="DR25" s="113">
        <v>32309713</v>
      </c>
      <c r="DS25" s="116">
        <v>32436097</v>
      </c>
      <c r="DT25" s="110">
        <v>0</v>
      </c>
      <c r="DU25" s="114">
        <v>126384</v>
      </c>
      <c r="DV25" s="113">
        <v>126384</v>
      </c>
      <c r="DW25" s="110">
        <v>0</v>
      </c>
      <c r="DX25" s="114">
        <v>3840649</v>
      </c>
      <c r="DY25" s="114">
        <v>3656514</v>
      </c>
      <c r="DZ25" s="114">
        <v>10742733</v>
      </c>
      <c r="EA25" s="114">
        <v>7467981</v>
      </c>
      <c r="EB25" s="114">
        <v>3673829</v>
      </c>
      <c r="EC25" s="113">
        <v>29381706</v>
      </c>
      <c r="ED25" s="116">
        <v>29508090</v>
      </c>
      <c r="EE25" s="110">
        <v>0</v>
      </c>
      <c r="EF25" s="112">
        <v>0</v>
      </c>
      <c r="EG25" s="113">
        <v>0</v>
      </c>
      <c r="EH25" s="110">
        <v>0</v>
      </c>
      <c r="EI25" s="114">
        <v>115907</v>
      </c>
      <c r="EJ25" s="114">
        <v>334732</v>
      </c>
      <c r="EK25" s="114">
        <v>725987</v>
      </c>
      <c r="EL25" s="114">
        <v>918581</v>
      </c>
      <c r="EM25" s="114">
        <v>832800</v>
      </c>
      <c r="EN25" s="112">
        <v>2928007</v>
      </c>
      <c r="EO25" s="116">
        <v>2928007</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8"/>
      <c r="FE25" s="114">
        <v>0</v>
      </c>
      <c r="FF25" s="114">
        <v>0</v>
      </c>
      <c r="FG25" s="114">
        <v>0</v>
      </c>
      <c r="FH25" s="114">
        <v>0</v>
      </c>
      <c r="FI25" s="114">
        <v>0</v>
      </c>
      <c r="FJ25" s="113">
        <v>0</v>
      </c>
      <c r="FK25" s="116">
        <v>0</v>
      </c>
      <c r="FL25" s="110">
        <v>671123</v>
      </c>
      <c r="FM25" s="114">
        <v>2640907</v>
      </c>
      <c r="FN25" s="113">
        <v>3312030</v>
      </c>
      <c r="FO25" s="110">
        <v>0</v>
      </c>
      <c r="FP25" s="114">
        <v>5832047</v>
      </c>
      <c r="FQ25" s="114">
        <v>7039856</v>
      </c>
      <c r="FR25" s="114">
        <v>5438172</v>
      </c>
      <c r="FS25" s="114">
        <v>4748131</v>
      </c>
      <c r="FT25" s="114">
        <v>3277356</v>
      </c>
      <c r="FU25" s="113">
        <v>26335562</v>
      </c>
      <c r="FV25" s="116">
        <v>29647592</v>
      </c>
      <c r="FW25" s="115">
        <v>640649</v>
      </c>
      <c r="FX25" s="114">
        <v>1882290</v>
      </c>
      <c r="FY25" s="112">
        <v>2522939</v>
      </c>
      <c r="FZ25" s="111">
        <v>0</v>
      </c>
      <c r="GA25" s="114">
        <v>4855063</v>
      </c>
      <c r="GB25" s="114">
        <v>6061100</v>
      </c>
      <c r="GC25" s="114">
        <v>5078901</v>
      </c>
      <c r="GD25" s="114">
        <v>4334653</v>
      </c>
      <c r="GE25" s="114">
        <v>3172434</v>
      </c>
      <c r="GF25" s="113">
        <v>23502151</v>
      </c>
      <c r="GG25" s="319">
        <v>26025090</v>
      </c>
      <c r="GH25" s="115">
        <v>30474</v>
      </c>
      <c r="GI25" s="114">
        <v>103797</v>
      </c>
      <c r="GJ25" s="112">
        <v>134271</v>
      </c>
      <c r="GK25" s="111">
        <v>0</v>
      </c>
      <c r="GL25" s="114">
        <v>366534</v>
      </c>
      <c r="GM25" s="114">
        <v>264966</v>
      </c>
      <c r="GN25" s="114">
        <v>162171</v>
      </c>
      <c r="GO25" s="114">
        <v>133038</v>
      </c>
      <c r="GP25" s="114">
        <v>28512</v>
      </c>
      <c r="GQ25" s="113">
        <v>955221</v>
      </c>
      <c r="GR25" s="116">
        <v>1089492</v>
      </c>
      <c r="GS25" s="110">
        <v>0</v>
      </c>
      <c r="GT25" s="114">
        <v>654820</v>
      </c>
      <c r="GU25" s="113">
        <v>654820</v>
      </c>
      <c r="GV25" s="110">
        <v>0</v>
      </c>
      <c r="GW25" s="114">
        <v>610450</v>
      </c>
      <c r="GX25" s="114">
        <v>713790</v>
      </c>
      <c r="GY25" s="114">
        <v>197100</v>
      </c>
      <c r="GZ25" s="114">
        <v>280440</v>
      </c>
      <c r="HA25" s="114">
        <v>76410</v>
      </c>
      <c r="HB25" s="112">
        <v>1878190</v>
      </c>
      <c r="HC25" s="116">
        <v>2533010</v>
      </c>
      <c r="HD25" s="110">
        <v>712529</v>
      </c>
      <c r="HE25" s="114">
        <v>2375752</v>
      </c>
      <c r="HF25" s="112">
        <v>3088281</v>
      </c>
      <c r="HG25" s="111">
        <v>0</v>
      </c>
      <c r="HH25" s="114">
        <v>10916306</v>
      </c>
      <c r="HI25" s="114">
        <v>12660779</v>
      </c>
      <c r="HJ25" s="114">
        <v>8783170</v>
      </c>
      <c r="HK25" s="114">
        <v>16564606</v>
      </c>
      <c r="HL25" s="114">
        <v>6736104</v>
      </c>
      <c r="HM25" s="113">
        <v>55660965</v>
      </c>
      <c r="HN25" s="109">
        <v>58749246</v>
      </c>
      <c r="HO25" s="115">
        <v>855046</v>
      </c>
      <c r="HP25" s="114">
        <v>1928459</v>
      </c>
      <c r="HQ25" s="113">
        <v>2783505</v>
      </c>
      <c r="HR25" s="110">
        <v>0</v>
      </c>
      <c r="HS25" s="114">
        <v>13347073</v>
      </c>
      <c r="HT25" s="114">
        <v>8035604</v>
      </c>
      <c r="HU25" s="114">
        <v>6906573</v>
      </c>
      <c r="HV25" s="114">
        <v>4075126</v>
      </c>
      <c r="HW25" s="114">
        <v>2097136</v>
      </c>
      <c r="HX25" s="112">
        <v>34461512</v>
      </c>
      <c r="HY25" s="116">
        <v>37245017</v>
      </c>
      <c r="HZ25" s="131">
        <v>41234</v>
      </c>
      <c r="IA25" s="132">
        <v>218309</v>
      </c>
      <c r="IB25" s="133">
        <v>259543</v>
      </c>
      <c r="IC25" s="146">
        <v>0</v>
      </c>
      <c r="ID25" s="132">
        <v>16759002</v>
      </c>
      <c r="IE25" s="147">
        <v>12872933</v>
      </c>
      <c r="IF25" s="133">
        <v>17992631</v>
      </c>
      <c r="IG25" s="132">
        <v>9805418</v>
      </c>
      <c r="IH25" s="133">
        <v>4527887</v>
      </c>
      <c r="II25" s="148">
        <v>61957871</v>
      </c>
      <c r="IJ25" s="139">
        <v>62217414</v>
      </c>
      <c r="IK25" s="232">
        <v>0</v>
      </c>
      <c r="IL25" s="236">
        <v>0</v>
      </c>
      <c r="IM25" s="237">
        <v>0</v>
      </c>
      <c r="IN25" s="140"/>
      <c r="IO25" s="119">
        <v>0</v>
      </c>
      <c r="IP25" s="119">
        <v>0</v>
      </c>
      <c r="IQ25" s="119">
        <v>0</v>
      </c>
      <c r="IR25" s="119">
        <v>0</v>
      </c>
      <c r="IS25" s="119">
        <v>0</v>
      </c>
      <c r="IT25" s="141">
        <v>0</v>
      </c>
      <c r="IU25" s="321">
        <v>0</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8037950</v>
      </c>
      <c r="JL25" s="119">
        <v>4436553</v>
      </c>
      <c r="JM25" s="119">
        <v>5652397</v>
      </c>
      <c r="JN25" s="119">
        <v>2445006</v>
      </c>
      <c r="JO25" s="119">
        <v>619519</v>
      </c>
      <c r="JP25" s="120">
        <v>21191425</v>
      </c>
      <c r="JQ25" s="321">
        <v>21191425</v>
      </c>
      <c r="JR25" s="142">
        <v>0</v>
      </c>
      <c r="JS25" s="119">
        <v>0</v>
      </c>
      <c r="JT25" s="141">
        <v>0</v>
      </c>
      <c r="JU25" s="118">
        <v>0</v>
      </c>
      <c r="JV25" s="119">
        <v>64642</v>
      </c>
      <c r="JW25" s="119">
        <v>338109</v>
      </c>
      <c r="JX25" s="119">
        <v>536349</v>
      </c>
      <c r="JY25" s="119">
        <v>0</v>
      </c>
      <c r="JZ25" s="119">
        <v>114475</v>
      </c>
      <c r="KA25" s="120">
        <v>1053575</v>
      </c>
      <c r="KB25" s="321">
        <v>1053575</v>
      </c>
      <c r="KC25" s="234">
        <v>41234</v>
      </c>
      <c r="KD25" s="230">
        <v>218309</v>
      </c>
      <c r="KE25" s="120">
        <v>259543</v>
      </c>
      <c r="KF25" s="118">
        <v>0</v>
      </c>
      <c r="KG25" s="119">
        <v>2482328</v>
      </c>
      <c r="KH25" s="119">
        <v>1405233</v>
      </c>
      <c r="KI25" s="119">
        <v>1941721</v>
      </c>
      <c r="KJ25" s="119">
        <v>834691</v>
      </c>
      <c r="KK25" s="119">
        <v>300934</v>
      </c>
      <c r="KL25" s="120">
        <v>6964907</v>
      </c>
      <c r="KM25" s="143">
        <v>7224450</v>
      </c>
      <c r="KN25" s="232">
        <v>0</v>
      </c>
      <c r="KO25" s="236">
        <v>0</v>
      </c>
      <c r="KP25" s="237">
        <v>0</v>
      </c>
      <c r="KQ25" s="140"/>
      <c r="KR25" s="119">
        <v>6174082</v>
      </c>
      <c r="KS25" s="119">
        <v>6693038</v>
      </c>
      <c r="KT25" s="119">
        <v>9862164</v>
      </c>
      <c r="KU25" s="119">
        <v>6525721</v>
      </c>
      <c r="KV25" s="119">
        <v>3492959</v>
      </c>
      <c r="KW25" s="120">
        <v>32747964</v>
      </c>
      <c r="KX25" s="321">
        <v>32747964</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1">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6569563</v>
      </c>
      <c r="MK25" s="119">
        <v>16114894</v>
      </c>
      <c r="ML25" s="119">
        <v>52412721</v>
      </c>
      <c r="MM25" s="119">
        <v>71245660</v>
      </c>
      <c r="MN25" s="119">
        <v>42707281</v>
      </c>
      <c r="MO25" s="120">
        <v>189050119</v>
      </c>
      <c r="MP25" s="143">
        <v>189050119</v>
      </c>
      <c r="MQ25" s="142">
        <v>0</v>
      </c>
      <c r="MR25" s="119">
        <v>0</v>
      </c>
      <c r="MS25" s="120">
        <v>0</v>
      </c>
      <c r="MT25" s="145"/>
      <c r="MU25" s="119">
        <v>873060</v>
      </c>
      <c r="MV25" s="119">
        <v>6272160</v>
      </c>
      <c r="MW25" s="119">
        <v>40511829</v>
      </c>
      <c r="MX25" s="119">
        <v>55814890</v>
      </c>
      <c r="MY25" s="119">
        <v>32314827</v>
      </c>
      <c r="MZ25" s="120">
        <v>135786766</v>
      </c>
      <c r="NA25" s="143">
        <v>135786766</v>
      </c>
      <c r="NB25" s="142">
        <v>0</v>
      </c>
      <c r="NC25" s="119">
        <v>0</v>
      </c>
      <c r="ND25" s="120">
        <v>0</v>
      </c>
      <c r="NE25" s="145"/>
      <c r="NF25" s="119">
        <v>5696503</v>
      </c>
      <c r="NG25" s="119">
        <v>9842734</v>
      </c>
      <c r="NH25" s="119">
        <v>11522737</v>
      </c>
      <c r="NI25" s="119">
        <v>14925379</v>
      </c>
      <c r="NJ25" s="119">
        <v>6741969</v>
      </c>
      <c r="NK25" s="120">
        <v>48729322</v>
      </c>
      <c r="NL25" s="321">
        <v>48729322</v>
      </c>
      <c r="NM25" s="142">
        <v>0</v>
      </c>
      <c r="NN25" s="119">
        <v>0</v>
      </c>
      <c r="NO25" s="120">
        <v>0</v>
      </c>
      <c r="NP25" s="145"/>
      <c r="NQ25" s="119">
        <v>0</v>
      </c>
      <c r="NR25" s="119">
        <v>0</v>
      </c>
      <c r="NS25" s="119">
        <v>0</v>
      </c>
      <c r="NT25" s="119">
        <v>373365</v>
      </c>
      <c r="NU25" s="119">
        <v>626575</v>
      </c>
      <c r="NV25" s="120">
        <v>999940</v>
      </c>
      <c r="NW25" s="121">
        <v>999940</v>
      </c>
      <c r="NX25" s="142">
        <v>0</v>
      </c>
      <c r="NY25" s="119">
        <v>0</v>
      </c>
      <c r="NZ25" s="120">
        <v>0</v>
      </c>
      <c r="OA25" s="145"/>
      <c r="OB25" s="119">
        <v>0</v>
      </c>
      <c r="OC25" s="119">
        <v>0</v>
      </c>
      <c r="OD25" s="119">
        <v>378155</v>
      </c>
      <c r="OE25" s="119">
        <v>132026</v>
      </c>
      <c r="OF25" s="119">
        <v>3023910</v>
      </c>
      <c r="OG25" s="120">
        <v>3534091</v>
      </c>
      <c r="OH25" s="121">
        <v>3534091</v>
      </c>
      <c r="OI25" s="142">
        <v>3969341</v>
      </c>
      <c r="OJ25" s="119">
        <v>12894253</v>
      </c>
      <c r="OK25" s="141">
        <v>16863594</v>
      </c>
      <c r="OL25" s="118">
        <v>0</v>
      </c>
      <c r="OM25" s="119">
        <v>106767265</v>
      </c>
      <c r="ON25" s="119">
        <v>102358537</v>
      </c>
      <c r="OO25" s="119">
        <v>145353672</v>
      </c>
      <c r="OP25" s="119">
        <v>146560486</v>
      </c>
      <c r="OQ25" s="119">
        <v>86376482</v>
      </c>
      <c r="OR25" s="120">
        <v>587416442</v>
      </c>
      <c r="OS25" s="143">
        <v>604280036</v>
      </c>
    </row>
    <row r="26" spans="2:409" ht="18.75" customHeight="1" x14ac:dyDescent="0.2">
      <c r="B26" s="62" t="s">
        <v>21</v>
      </c>
      <c r="C26" s="110">
        <v>6899192</v>
      </c>
      <c r="D26" s="114">
        <v>12108171</v>
      </c>
      <c r="E26" s="113">
        <v>19007363</v>
      </c>
      <c r="F26" s="109">
        <v>0</v>
      </c>
      <c r="G26" s="114">
        <v>65570630</v>
      </c>
      <c r="H26" s="114">
        <v>104948418</v>
      </c>
      <c r="I26" s="114">
        <v>90934139</v>
      </c>
      <c r="J26" s="114">
        <v>76251938</v>
      </c>
      <c r="K26" s="114">
        <v>54223568</v>
      </c>
      <c r="L26" s="173">
        <v>391928693</v>
      </c>
      <c r="M26" s="116">
        <v>410936056</v>
      </c>
      <c r="N26" s="110">
        <v>2192494</v>
      </c>
      <c r="O26" s="114">
        <v>3813224</v>
      </c>
      <c r="P26" s="113">
        <v>6005718</v>
      </c>
      <c r="Q26" s="110">
        <v>0</v>
      </c>
      <c r="R26" s="114">
        <v>20210801</v>
      </c>
      <c r="S26" s="114">
        <v>37079739</v>
      </c>
      <c r="T26" s="114">
        <v>30207536</v>
      </c>
      <c r="U26" s="114">
        <v>33587435</v>
      </c>
      <c r="V26" s="114">
        <v>24028348</v>
      </c>
      <c r="W26" s="113">
        <v>145113859</v>
      </c>
      <c r="X26" s="116">
        <v>151119577</v>
      </c>
      <c r="Y26" s="110">
        <v>0</v>
      </c>
      <c r="Z26" s="114">
        <v>0</v>
      </c>
      <c r="AA26" s="113">
        <v>0</v>
      </c>
      <c r="AB26" s="110">
        <v>0</v>
      </c>
      <c r="AC26" s="114">
        <v>8583874</v>
      </c>
      <c r="AD26" s="114">
        <v>19573043</v>
      </c>
      <c r="AE26" s="114">
        <v>17923346</v>
      </c>
      <c r="AF26" s="114">
        <v>21428764</v>
      </c>
      <c r="AG26" s="114">
        <v>13884035</v>
      </c>
      <c r="AH26" s="113">
        <v>81393062</v>
      </c>
      <c r="AI26" s="116">
        <v>81393062</v>
      </c>
      <c r="AJ26" s="110">
        <v>0</v>
      </c>
      <c r="AK26" s="114">
        <v>0</v>
      </c>
      <c r="AL26" s="113">
        <v>0</v>
      </c>
      <c r="AM26" s="110">
        <v>0</v>
      </c>
      <c r="AN26" s="114">
        <v>106500</v>
      </c>
      <c r="AO26" s="114">
        <v>282549</v>
      </c>
      <c r="AP26" s="114">
        <v>1085525</v>
      </c>
      <c r="AQ26" s="114">
        <v>1807436</v>
      </c>
      <c r="AR26" s="114">
        <v>2575507</v>
      </c>
      <c r="AS26" s="113">
        <v>5857517</v>
      </c>
      <c r="AT26" s="116">
        <v>5857517</v>
      </c>
      <c r="AU26" s="110">
        <v>1245918</v>
      </c>
      <c r="AV26" s="114">
        <v>2200663</v>
      </c>
      <c r="AW26" s="113">
        <v>3446581</v>
      </c>
      <c r="AX26" s="110">
        <v>0</v>
      </c>
      <c r="AY26" s="114">
        <v>8097948</v>
      </c>
      <c r="AZ26" s="114">
        <v>11294595</v>
      </c>
      <c r="BA26" s="114">
        <v>6609440</v>
      </c>
      <c r="BB26" s="114">
        <v>6322354</v>
      </c>
      <c r="BC26" s="114">
        <v>4557920</v>
      </c>
      <c r="BD26" s="113">
        <v>36882257</v>
      </c>
      <c r="BE26" s="116">
        <v>40328838</v>
      </c>
      <c r="BF26" s="110">
        <v>313756</v>
      </c>
      <c r="BG26" s="114">
        <v>1058630</v>
      </c>
      <c r="BH26" s="112">
        <v>1372386</v>
      </c>
      <c r="BI26" s="111">
        <v>0</v>
      </c>
      <c r="BJ26" s="114">
        <v>494352</v>
      </c>
      <c r="BK26" s="114">
        <v>1260703</v>
      </c>
      <c r="BL26" s="114">
        <v>491554</v>
      </c>
      <c r="BM26" s="114">
        <v>661308</v>
      </c>
      <c r="BN26" s="114">
        <v>136189</v>
      </c>
      <c r="BO26" s="113">
        <v>3044106</v>
      </c>
      <c r="BP26" s="116">
        <v>4416492</v>
      </c>
      <c r="BQ26" s="110">
        <v>632820</v>
      </c>
      <c r="BR26" s="114">
        <v>553931</v>
      </c>
      <c r="BS26" s="113">
        <v>1186751</v>
      </c>
      <c r="BT26" s="110">
        <v>0</v>
      </c>
      <c r="BU26" s="114">
        <v>2928127</v>
      </c>
      <c r="BV26" s="114">
        <v>4668849</v>
      </c>
      <c r="BW26" s="114">
        <v>4097671</v>
      </c>
      <c r="BX26" s="114">
        <v>3367573</v>
      </c>
      <c r="BY26" s="114">
        <v>2874697</v>
      </c>
      <c r="BZ26" s="113">
        <v>17936917</v>
      </c>
      <c r="CA26" s="116">
        <v>19123668</v>
      </c>
      <c r="CB26" s="110">
        <v>613082</v>
      </c>
      <c r="CC26" s="114">
        <v>1788321</v>
      </c>
      <c r="CD26" s="113">
        <v>2401403</v>
      </c>
      <c r="CE26" s="110">
        <v>0</v>
      </c>
      <c r="CF26" s="114">
        <v>18876859</v>
      </c>
      <c r="CG26" s="114">
        <v>27560199</v>
      </c>
      <c r="CH26" s="114">
        <v>20931515</v>
      </c>
      <c r="CI26" s="114">
        <v>12198929</v>
      </c>
      <c r="CJ26" s="114">
        <v>5532022</v>
      </c>
      <c r="CK26" s="113">
        <v>85099524</v>
      </c>
      <c r="CL26" s="116">
        <v>87500927</v>
      </c>
      <c r="CM26" s="110">
        <v>0</v>
      </c>
      <c r="CN26" s="114">
        <v>0</v>
      </c>
      <c r="CO26" s="113">
        <v>0</v>
      </c>
      <c r="CP26" s="111">
        <v>0</v>
      </c>
      <c r="CQ26" s="114">
        <v>16571551</v>
      </c>
      <c r="CR26" s="114">
        <v>23950130</v>
      </c>
      <c r="CS26" s="114">
        <v>17525012</v>
      </c>
      <c r="CT26" s="114">
        <v>11147614</v>
      </c>
      <c r="CU26" s="114">
        <v>4285284</v>
      </c>
      <c r="CV26" s="113">
        <v>73479591</v>
      </c>
      <c r="CW26" s="116">
        <v>73479591</v>
      </c>
      <c r="CX26" s="110">
        <v>613082</v>
      </c>
      <c r="CY26" s="114">
        <v>1788321</v>
      </c>
      <c r="CZ26" s="113">
        <v>2401403</v>
      </c>
      <c r="DA26" s="110">
        <v>0</v>
      </c>
      <c r="DB26" s="114">
        <v>2305308</v>
      </c>
      <c r="DC26" s="114">
        <v>3610069</v>
      </c>
      <c r="DD26" s="114">
        <v>3406503</v>
      </c>
      <c r="DE26" s="114">
        <v>1051315</v>
      </c>
      <c r="DF26" s="114">
        <v>1246738</v>
      </c>
      <c r="DG26" s="113">
        <v>11619933</v>
      </c>
      <c r="DH26" s="116">
        <v>14021336</v>
      </c>
      <c r="DI26" s="110">
        <v>58692</v>
      </c>
      <c r="DJ26" s="114">
        <v>66626</v>
      </c>
      <c r="DK26" s="112">
        <v>125318</v>
      </c>
      <c r="DL26" s="111">
        <v>0</v>
      </c>
      <c r="DM26" s="114">
        <v>1540709</v>
      </c>
      <c r="DN26" s="114">
        <v>4223262</v>
      </c>
      <c r="DO26" s="114">
        <v>12299114</v>
      </c>
      <c r="DP26" s="114">
        <v>9193709</v>
      </c>
      <c r="DQ26" s="114">
        <v>6719108</v>
      </c>
      <c r="DR26" s="113">
        <v>33975902</v>
      </c>
      <c r="DS26" s="116">
        <v>34101220</v>
      </c>
      <c r="DT26" s="110">
        <v>58692</v>
      </c>
      <c r="DU26" s="114">
        <v>66626</v>
      </c>
      <c r="DV26" s="113">
        <v>125318</v>
      </c>
      <c r="DW26" s="110">
        <v>0</v>
      </c>
      <c r="DX26" s="114">
        <v>1475035</v>
      </c>
      <c r="DY26" s="114">
        <v>3717413</v>
      </c>
      <c r="DZ26" s="114">
        <v>12042787</v>
      </c>
      <c r="EA26" s="114">
        <v>9139234</v>
      </c>
      <c r="EB26" s="114">
        <v>6321115</v>
      </c>
      <c r="EC26" s="113">
        <v>32695584</v>
      </c>
      <c r="ED26" s="116">
        <v>32820902</v>
      </c>
      <c r="EE26" s="110">
        <v>0</v>
      </c>
      <c r="EF26" s="112">
        <v>0</v>
      </c>
      <c r="EG26" s="113">
        <v>0</v>
      </c>
      <c r="EH26" s="110">
        <v>0</v>
      </c>
      <c r="EI26" s="114">
        <v>65674</v>
      </c>
      <c r="EJ26" s="114">
        <v>505849</v>
      </c>
      <c r="EK26" s="114">
        <v>256327</v>
      </c>
      <c r="EL26" s="114">
        <v>54475</v>
      </c>
      <c r="EM26" s="114">
        <v>397993</v>
      </c>
      <c r="EN26" s="112">
        <v>1280318</v>
      </c>
      <c r="EO26" s="116">
        <v>1280318</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8"/>
      <c r="FE26" s="114">
        <v>0</v>
      </c>
      <c r="FF26" s="114">
        <v>0</v>
      </c>
      <c r="FG26" s="114">
        <v>0</v>
      </c>
      <c r="FH26" s="114">
        <v>0</v>
      </c>
      <c r="FI26" s="114">
        <v>0</v>
      </c>
      <c r="FJ26" s="113">
        <v>0</v>
      </c>
      <c r="FK26" s="116">
        <v>0</v>
      </c>
      <c r="FL26" s="110">
        <v>1901063</v>
      </c>
      <c r="FM26" s="114">
        <v>3074091</v>
      </c>
      <c r="FN26" s="113">
        <v>4975154</v>
      </c>
      <c r="FO26" s="110">
        <v>0</v>
      </c>
      <c r="FP26" s="114">
        <v>4197537</v>
      </c>
      <c r="FQ26" s="114">
        <v>9171149</v>
      </c>
      <c r="FR26" s="114">
        <v>5952065</v>
      </c>
      <c r="FS26" s="114">
        <v>5851510</v>
      </c>
      <c r="FT26" s="114">
        <v>3723071</v>
      </c>
      <c r="FU26" s="113">
        <v>28895332</v>
      </c>
      <c r="FV26" s="116">
        <v>33870486</v>
      </c>
      <c r="FW26" s="115">
        <v>714482</v>
      </c>
      <c r="FX26" s="114">
        <v>2302884</v>
      </c>
      <c r="FY26" s="112">
        <v>3017366</v>
      </c>
      <c r="FZ26" s="111">
        <v>0</v>
      </c>
      <c r="GA26" s="114">
        <v>2832292</v>
      </c>
      <c r="GB26" s="114">
        <v>8550729</v>
      </c>
      <c r="GC26" s="114">
        <v>5782205</v>
      </c>
      <c r="GD26" s="114">
        <v>5549264</v>
      </c>
      <c r="GE26" s="114">
        <v>3494471</v>
      </c>
      <c r="GF26" s="113">
        <v>26208961</v>
      </c>
      <c r="GG26" s="319">
        <v>29226327</v>
      </c>
      <c r="GH26" s="115">
        <v>78272</v>
      </c>
      <c r="GI26" s="114">
        <v>102507</v>
      </c>
      <c r="GJ26" s="112">
        <v>180779</v>
      </c>
      <c r="GK26" s="111">
        <v>0</v>
      </c>
      <c r="GL26" s="114">
        <v>234730</v>
      </c>
      <c r="GM26" s="114">
        <v>121460</v>
      </c>
      <c r="GN26" s="114">
        <v>0</v>
      </c>
      <c r="GO26" s="114">
        <v>83906</v>
      </c>
      <c r="GP26" s="114">
        <v>48600</v>
      </c>
      <c r="GQ26" s="113">
        <v>488696</v>
      </c>
      <c r="GR26" s="116">
        <v>669475</v>
      </c>
      <c r="GS26" s="110">
        <v>1108309</v>
      </c>
      <c r="GT26" s="114">
        <v>668700</v>
      </c>
      <c r="GU26" s="113">
        <v>1777009</v>
      </c>
      <c r="GV26" s="110">
        <v>0</v>
      </c>
      <c r="GW26" s="114">
        <v>1130515</v>
      </c>
      <c r="GX26" s="114">
        <v>498960</v>
      </c>
      <c r="GY26" s="114">
        <v>169860</v>
      </c>
      <c r="GZ26" s="114">
        <v>218340</v>
      </c>
      <c r="HA26" s="114">
        <v>180000</v>
      </c>
      <c r="HB26" s="112">
        <v>2197675</v>
      </c>
      <c r="HC26" s="116">
        <v>3974684</v>
      </c>
      <c r="HD26" s="110">
        <v>1048178</v>
      </c>
      <c r="HE26" s="114">
        <v>1409312</v>
      </c>
      <c r="HF26" s="112">
        <v>2457490</v>
      </c>
      <c r="HG26" s="111">
        <v>0</v>
      </c>
      <c r="HH26" s="114">
        <v>9626490</v>
      </c>
      <c r="HI26" s="114">
        <v>13964654</v>
      </c>
      <c r="HJ26" s="114">
        <v>13247091</v>
      </c>
      <c r="HK26" s="114">
        <v>9720043</v>
      </c>
      <c r="HL26" s="114">
        <v>11269614</v>
      </c>
      <c r="HM26" s="113">
        <v>57827892</v>
      </c>
      <c r="HN26" s="109">
        <v>60285382</v>
      </c>
      <c r="HO26" s="115">
        <v>1085683</v>
      </c>
      <c r="HP26" s="114">
        <v>1956597</v>
      </c>
      <c r="HQ26" s="113">
        <v>3042280</v>
      </c>
      <c r="HR26" s="110">
        <v>0</v>
      </c>
      <c r="HS26" s="114">
        <v>11118234</v>
      </c>
      <c r="HT26" s="114">
        <v>12949415</v>
      </c>
      <c r="HU26" s="114">
        <v>8296818</v>
      </c>
      <c r="HV26" s="114">
        <v>5700312</v>
      </c>
      <c r="HW26" s="114">
        <v>2951405</v>
      </c>
      <c r="HX26" s="112">
        <v>41016184</v>
      </c>
      <c r="HY26" s="116">
        <v>44058464</v>
      </c>
      <c r="HZ26" s="150">
        <v>0</v>
      </c>
      <c r="IA26" s="135">
        <v>19319</v>
      </c>
      <c r="IB26" s="150">
        <v>19319</v>
      </c>
      <c r="IC26" s="134">
        <v>0</v>
      </c>
      <c r="ID26" s="135">
        <v>13626995</v>
      </c>
      <c r="IE26" s="136">
        <v>23842645</v>
      </c>
      <c r="IF26" s="137">
        <v>18642606</v>
      </c>
      <c r="IG26" s="135">
        <v>10944820</v>
      </c>
      <c r="IH26" s="137">
        <v>9796001</v>
      </c>
      <c r="II26" s="138">
        <v>76853067</v>
      </c>
      <c r="IJ26" s="150">
        <v>76872386</v>
      </c>
      <c r="IK26" s="232">
        <v>0</v>
      </c>
      <c r="IL26" s="236">
        <v>0</v>
      </c>
      <c r="IM26" s="237">
        <v>0</v>
      </c>
      <c r="IN26" s="140"/>
      <c r="IO26" s="119">
        <v>140992</v>
      </c>
      <c r="IP26" s="119">
        <v>681599</v>
      </c>
      <c r="IQ26" s="119">
        <v>214055</v>
      </c>
      <c r="IR26" s="119">
        <v>219447</v>
      </c>
      <c r="IS26" s="119">
        <v>0</v>
      </c>
      <c r="IT26" s="141">
        <v>1256093</v>
      </c>
      <c r="IU26" s="321">
        <v>1256093</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7418320</v>
      </c>
      <c r="JL26" s="119">
        <v>11714800</v>
      </c>
      <c r="JM26" s="119">
        <v>6686730</v>
      </c>
      <c r="JN26" s="119">
        <v>3656443</v>
      </c>
      <c r="JO26" s="119">
        <v>2003776</v>
      </c>
      <c r="JP26" s="120">
        <v>31480069</v>
      </c>
      <c r="JQ26" s="321">
        <v>31480069</v>
      </c>
      <c r="JR26" s="142">
        <v>0</v>
      </c>
      <c r="JS26" s="119">
        <v>19319</v>
      </c>
      <c r="JT26" s="141">
        <v>19319</v>
      </c>
      <c r="JU26" s="118">
        <v>0</v>
      </c>
      <c r="JV26" s="119">
        <v>0</v>
      </c>
      <c r="JW26" s="119">
        <v>0</v>
      </c>
      <c r="JX26" s="119">
        <v>0</v>
      </c>
      <c r="JY26" s="119">
        <v>0</v>
      </c>
      <c r="JZ26" s="119">
        <v>0</v>
      </c>
      <c r="KA26" s="120">
        <v>0</v>
      </c>
      <c r="KB26" s="321">
        <v>19319</v>
      </c>
      <c r="KC26" s="234">
        <v>0</v>
      </c>
      <c r="KD26" s="230">
        <v>0</v>
      </c>
      <c r="KE26" s="120">
        <v>0</v>
      </c>
      <c r="KF26" s="118">
        <v>0</v>
      </c>
      <c r="KG26" s="119">
        <v>917357</v>
      </c>
      <c r="KH26" s="119">
        <v>1060184</v>
      </c>
      <c r="KI26" s="119">
        <v>3123993</v>
      </c>
      <c r="KJ26" s="119">
        <v>2599841</v>
      </c>
      <c r="KK26" s="119">
        <v>1234726</v>
      </c>
      <c r="KL26" s="120">
        <v>8936101</v>
      </c>
      <c r="KM26" s="143">
        <v>8936101</v>
      </c>
      <c r="KN26" s="232">
        <v>0</v>
      </c>
      <c r="KO26" s="236">
        <v>0</v>
      </c>
      <c r="KP26" s="237">
        <v>0</v>
      </c>
      <c r="KQ26" s="140"/>
      <c r="KR26" s="119">
        <v>4865192</v>
      </c>
      <c r="KS26" s="119">
        <v>9800840</v>
      </c>
      <c r="KT26" s="119">
        <v>8074269</v>
      </c>
      <c r="KU26" s="119">
        <v>4164604</v>
      </c>
      <c r="KV26" s="119">
        <v>4352169</v>
      </c>
      <c r="KW26" s="120">
        <v>31257074</v>
      </c>
      <c r="KX26" s="321">
        <v>31257074</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1">
        <v>0</v>
      </c>
      <c r="LU26" s="142">
        <v>0</v>
      </c>
      <c r="LV26" s="119">
        <v>0</v>
      </c>
      <c r="LW26" s="120">
        <v>0</v>
      </c>
      <c r="LX26" s="145"/>
      <c r="LY26" s="119">
        <v>285134</v>
      </c>
      <c r="LZ26" s="119">
        <v>585222</v>
      </c>
      <c r="MA26" s="119">
        <v>543559</v>
      </c>
      <c r="MB26" s="119">
        <v>304485</v>
      </c>
      <c r="MC26" s="119">
        <v>2205330</v>
      </c>
      <c r="MD26" s="120">
        <v>3923730</v>
      </c>
      <c r="ME26" s="121">
        <v>3923730</v>
      </c>
      <c r="MF26" s="142">
        <v>0</v>
      </c>
      <c r="MG26" s="119">
        <v>0</v>
      </c>
      <c r="MH26" s="120">
        <v>0</v>
      </c>
      <c r="MI26" s="145"/>
      <c r="MJ26" s="119">
        <v>6383136</v>
      </c>
      <c r="MK26" s="119">
        <v>10845818</v>
      </c>
      <c r="ML26" s="119">
        <v>55475607</v>
      </c>
      <c r="MM26" s="119">
        <v>66144718</v>
      </c>
      <c r="MN26" s="119">
        <v>56106102</v>
      </c>
      <c r="MO26" s="120">
        <v>194955381</v>
      </c>
      <c r="MP26" s="143">
        <v>194955381</v>
      </c>
      <c r="MQ26" s="142">
        <v>0</v>
      </c>
      <c r="MR26" s="119">
        <v>0</v>
      </c>
      <c r="MS26" s="120">
        <v>0</v>
      </c>
      <c r="MT26" s="145"/>
      <c r="MU26" s="119">
        <v>702001</v>
      </c>
      <c r="MV26" s="119">
        <v>3430194</v>
      </c>
      <c r="MW26" s="119">
        <v>46000875</v>
      </c>
      <c r="MX26" s="119">
        <v>48430208</v>
      </c>
      <c r="MY26" s="119">
        <v>42451419</v>
      </c>
      <c r="MZ26" s="120">
        <v>141014697</v>
      </c>
      <c r="NA26" s="143">
        <v>141014697</v>
      </c>
      <c r="NB26" s="142">
        <v>0</v>
      </c>
      <c r="NC26" s="119">
        <v>0</v>
      </c>
      <c r="ND26" s="120">
        <v>0</v>
      </c>
      <c r="NE26" s="145"/>
      <c r="NF26" s="119">
        <v>5681135</v>
      </c>
      <c r="NG26" s="119">
        <v>7415624</v>
      </c>
      <c r="NH26" s="119">
        <v>8718407</v>
      </c>
      <c r="NI26" s="119">
        <v>13443520</v>
      </c>
      <c r="NJ26" s="119">
        <v>8277390</v>
      </c>
      <c r="NK26" s="120">
        <v>43536076</v>
      </c>
      <c r="NL26" s="321">
        <v>43536076</v>
      </c>
      <c r="NM26" s="142">
        <v>0</v>
      </c>
      <c r="NN26" s="119">
        <v>0</v>
      </c>
      <c r="NO26" s="120">
        <v>0</v>
      </c>
      <c r="NP26" s="145"/>
      <c r="NQ26" s="119">
        <v>0</v>
      </c>
      <c r="NR26" s="119">
        <v>0</v>
      </c>
      <c r="NS26" s="119">
        <v>362074</v>
      </c>
      <c r="NT26" s="119">
        <v>337734</v>
      </c>
      <c r="NU26" s="119">
        <v>361553</v>
      </c>
      <c r="NV26" s="120">
        <v>1061361</v>
      </c>
      <c r="NW26" s="121">
        <v>1061361</v>
      </c>
      <c r="NX26" s="142">
        <v>0</v>
      </c>
      <c r="NY26" s="119">
        <v>0</v>
      </c>
      <c r="NZ26" s="120">
        <v>0</v>
      </c>
      <c r="OA26" s="145"/>
      <c r="OB26" s="119">
        <v>0</v>
      </c>
      <c r="OC26" s="119">
        <v>0</v>
      </c>
      <c r="OD26" s="119">
        <v>394251</v>
      </c>
      <c r="OE26" s="119">
        <v>3933256</v>
      </c>
      <c r="OF26" s="119">
        <v>5015740</v>
      </c>
      <c r="OG26" s="120">
        <v>9343247</v>
      </c>
      <c r="OH26" s="121">
        <v>9343247</v>
      </c>
      <c r="OI26" s="142">
        <v>6899192</v>
      </c>
      <c r="OJ26" s="119">
        <v>12127490</v>
      </c>
      <c r="OK26" s="141">
        <v>19026682</v>
      </c>
      <c r="OL26" s="118">
        <v>0</v>
      </c>
      <c r="OM26" s="119">
        <v>85580761</v>
      </c>
      <c r="ON26" s="119">
        <v>139636881</v>
      </c>
      <c r="OO26" s="119">
        <v>165052352</v>
      </c>
      <c r="OP26" s="119">
        <v>153341476</v>
      </c>
      <c r="OQ26" s="119">
        <v>120125671</v>
      </c>
      <c r="OR26" s="120">
        <v>663737141</v>
      </c>
      <c r="OS26" s="143">
        <v>682763823</v>
      </c>
    </row>
    <row r="27" spans="2:409" ht="18.75" customHeight="1" x14ac:dyDescent="0.2">
      <c r="B27" s="62" t="s">
        <v>22</v>
      </c>
      <c r="C27" s="110">
        <v>992679</v>
      </c>
      <c r="D27" s="114">
        <v>3038628</v>
      </c>
      <c r="E27" s="113">
        <v>4031307</v>
      </c>
      <c r="F27" s="109">
        <v>0</v>
      </c>
      <c r="G27" s="114">
        <v>26300833</v>
      </c>
      <c r="H27" s="114">
        <v>30937940</v>
      </c>
      <c r="I27" s="114">
        <v>23362728</v>
      </c>
      <c r="J27" s="114">
        <v>22951455</v>
      </c>
      <c r="K27" s="114">
        <v>16236807</v>
      </c>
      <c r="L27" s="173">
        <v>119789763</v>
      </c>
      <c r="M27" s="116">
        <v>123821070</v>
      </c>
      <c r="N27" s="110">
        <v>128028</v>
      </c>
      <c r="O27" s="114">
        <v>425349</v>
      </c>
      <c r="P27" s="113">
        <v>553377</v>
      </c>
      <c r="Q27" s="110">
        <v>0</v>
      </c>
      <c r="R27" s="114">
        <v>4895299</v>
      </c>
      <c r="S27" s="114">
        <v>7668761</v>
      </c>
      <c r="T27" s="114">
        <v>4648471</v>
      </c>
      <c r="U27" s="114">
        <v>7602654</v>
      </c>
      <c r="V27" s="114">
        <v>7996168</v>
      </c>
      <c r="W27" s="113">
        <v>32811353</v>
      </c>
      <c r="X27" s="116">
        <v>33364730</v>
      </c>
      <c r="Y27" s="110">
        <v>0</v>
      </c>
      <c r="Z27" s="114">
        <v>0</v>
      </c>
      <c r="AA27" s="113">
        <v>0</v>
      </c>
      <c r="AB27" s="110">
        <v>0</v>
      </c>
      <c r="AC27" s="114">
        <v>1934595</v>
      </c>
      <c r="AD27" s="114">
        <v>3245694</v>
      </c>
      <c r="AE27" s="114">
        <v>2401444</v>
      </c>
      <c r="AF27" s="114">
        <v>4624254</v>
      </c>
      <c r="AG27" s="114">
        <v>4685303</v>
      </c>
      <c r="AH27" s="113">
        <v>16891290</v>
      </c>
      <c r="AI27" s="116">
        <v>16891290</v>
      </c>
      <c r="AJ27" s="110">
        <v>0</v>
      </c>
      <c r="AK27" s="114">
        <v>0</v>
      </c>
      <c r="AL27" s="113">
        <v>0</v>
      </c>
      <c r="AM27" s="110">
        <v>0</v>
      </c>
      <c r="AN27" s="114">
        <v>48672</v>
      </c>
      <c r="AO27" s="114">
        <v>36504</v>
      </c>
      <c r="AP27" s="114">
        <v>237404</v>
      </c>
      <c r="AQ27" s="114">
        <v>608522</v>
      </c>
      <c r="AR27" s="114">
        <v>1353663</v>
      </c>
      <c r="AS27" s="113">
        <v>2284765</v>
      </c>
      <c r="AT27" s="116">
        <v>2284765</v>
      </c>
      <c r="AU27" s="110">
        <v>75216</v>
      </c>
      <c r="AV27" s="114">
        <v>293442</v>
      </c>
      <c r="AW27" s="113">
        <v>368658</v>
      </c>
      <c r="AX27" s="110">
        <v>0</v>
      </c>
      <c r="AY27" s="114">
        <v>1623959</v>
      </c>
      <c r="AZ27" s="114">
        <v>2739702</v>
      </c>
      <c r="BA27" s="114">
        <v>844565</v>
      </c>
      <c r="BB27" s="114">
        <v>1522490</v>
      </c>
      <c r="BC27" s="114">
        <v>1417495</v>
      </c>
      <c r="BD27" s="113">
        <v>8148211</v>
      </c>
      <c r="BE27" s="116">
        <v>8516869</v>
      </c>
      <c r="BF27" s="110">
        <v>0</v>
      </c>
      <c r="BG27" s="114">
        <v>60777</v>
      </c>
      <c r="BH27" s="112">
        <v>60777</v>
      </c>
      <c r="BI27" s="111">
        <v>0</v>
      </c>
      <c r="BJ27" s="114">
        <v>369023</v>
      </c>
      <c r="BK27" s="114">
        <v>553786</v>
      </c>
      <c r="BL27" s="114">
        <v>314170</v>
      </c>
      <c r="BM27" s="114">
        <v>89735</v>
      </c>
      <c r="BN27" s="114">
        <v>121847</v>
      </c>
      <c r="BO27" s="113">
        <v>1448561</v>
      </c>
      <c r="BP27" s="116">
        <v>1509338</v>
      </c>
      <c r="BQ27" s="110">
        <v>52812</v>
      </c>
      <c r="BR27" s="114">
        <v>71130</v>
      </c>
      <c r="BS27" s="113">
        <v>123942</v>
      </c>
      <c r="BT27" s="110">
        <v>0</v>
      </c>
      <c r="BU27" s="114">
        <v>919050</v>
      </c>
      <c r="BV27" s="114">
        <v>1093075</v>
      </c>
      <c r="BW27" s="114">
        <v>850888</v>
      </c>
      <c r="BX27" s="114">
        <v>757653</v>
      </c>
      <c r="BY27" s="114">
        <v>417860</v>
      </c>
      <c r="BZ27" s="113">
        <v>4038526</v>
      </c>
      <c r="CA27" s="116">
        <v>4162468</v>
      </c>
      <c r="CB27" s="110">
        <v>23186</v>
      </c>
      <c r="CC27" s="114">
        <v>387166</v>
      </c>
      <c r="CD27" s="113">
        <v>410352</v>
      </c>
      <c r="CE27" s="110">
        <v>0</v>
      </c>
      <c r="CF27" s="114">
        <v>7840731</v>
      </c>
      <c r="CG27" s="114">
        <v>8966911</v>
      </c>
      <c r="CH27" s="114">
        <v>6007615</v>
      </c>
      <c r="CI27" s="114">
        <v>3849533</v>
      </c>
      <c r="CJ27" s="114">
        <v>2226831</v>
      </c>
      <c r="CK27" s="113">
        <v>28891621</v>
      </c>
      <c r="CL27" s="116">
        <v>29301973</v>
      </c>
      <c r="CM27" s="110">
        <v>0</v>
      </c>
      <c r="CN27" s="114">
        <v>0</v>
      </c>
      <c r="CO27" s="113">
        <v>0</v>
      </c>
      <c r="CP27" s="111">
        <v>0</v>
      </c>
      <c r="CQ27" s="114">
        <v>6868056</v>
      </c>
      <c r="CR27" s="114">
        <v>7614214</v>
      </c>
      <c r="CS27" s="114">
        <v>4492726</v>
      </c>
      <c r="CT27" s="114">
        <v>2656348</v>
      </c>
      <c r="CU27" s="114">
        <v>1784845</v>
      </c>
      <c r="CV27" s="113">
        <v>23416189</v>
      </c>
      <c r="CW27" s="116">
        <v>23416189</v>
      </c>
      <c r="CX27" s="110">
        <v>23186</v>
      </c>
      <c r="CY27" s="114">
        <v>387166</v>
      </c>
      <c r="CZ27" s="113">
        <v>410352</v>
      </c>
      <c r="DA27" s="110">
        <v>0</v>
      </c>
      <c r="DB27" s="114">
        <v>972675</v>
      </c>
      <c r="DC27" s="114">
        <v>1352697</v>
      </c>
      <c r="DD27" s="114">
        <v>1514889</v>
      </c>
      <c r="DE27" s="114">
        <v>1193185</v>
      </c>
      <c r="DF27" s="114">
        <v>441986</v>
      </c>
      <c r="DG27" s="113">
        <v>5475432</v>
      </c>
      <c r="DH27" s="116">
        <v>5885784</v>
      </c>
      <c r="DI27" s="110">
        <v>0</v>
      </c>
      <c r="DJ27" s="114">
        <v>112178</v>
      </c>
      <c r="DK27" s="112">
        <v>112178</v>
      </c>
      <c r="DL27" s="111">
        <v>0</v>
      </c>
      <c r="DM27" s="114">
        <v>780791</v>
      </c>
      <c r="DN27" s="114">
        <v>1622482</v>
      </c>
      <c r="DO27" s="114">
        <v>3842260</v>
      </c>
      <c r="DP27" s="114">
        <v>2661142</v>
      </c>
      <c r="DQ27" s="114">
        <v>1087808</v>
      </c>
      <c r="DR27" s="113">
        <v>9994483</v>
      </c>
      <c r="DS27" s="116">
        <v>10106661</v>
      </c>
      <c r="DT27" s="110">
        <v>0</v>
      </c>
      <c r="DU27" s="114">
        <v>80146</v>
      </c>
      <c r="DV27" s="113">
        <v>80146</v>
      </c>
      <c r="DW27" s="110">
        <v>0</v>
      </c>
      <c r="DX27" s="114">
        <v>668408</v>
      </c>
      <c r="DY27" s="114">
        <v>1357278</v>
      </c>
      <c r="DZ27" s="114">
        <v>3594370</v>
      </c>
      <c r="EA27" s="114">
        <v>2378056</v>
      </c>
      <c r="EB27" s="114">
        <v>1049495</v>
      </c>
      <c r="EC27" s="113">
        <v>9047607</v>
      </c>
      <c r="ED27" s="116">
        <v>9127753</v>
      </c>
      <c r="EE27" s="110">
        <v>0</v>
      </c>
      <c r="EF27" s="112">
        <v>32032</v>
      </c>
      <c r="EG27" s="113">
        <v>32032</v>
      </c>
      <c r="EH27" s="110">
        <v>0</v>
      </c>
      <c r="EI27" s="114">
        <v>112383</v>
      </c>
      <c r="EJ27" s="114">
        <v>265204</v>
      </c>
      <c r="EK27" s="114">
        <v>247890</v>
      </c>
      <c r="EL27" s="114">
        <v>283086</v>
      </c>
      <c r="EM27" s="114">
        <v>38313</v>
      </c>
      <c r="EN27" s="112">
        <v>946876</v>
      </c>
      <c r="EO27" s="116">
        <v>978908</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8"/>
      <c r="FE27" s="114">
        <v>0</v>
      </c>
      <c r="FF27" s="114">
        <v>0</v>
      </c>
      <c r="FG27" s="114">
        <v>0</v>
      </c>
      <c r="FH27" s="114">
        <v>0</v>
      </c>
      <c r="FI27" s="114">
        <v>0</v>
      </c>
      <c r="FJ27" s="113">
        <v>0</v>
      </c>
      <c r="FK27" s="116">
        <v>0</v>
      </c>
      <c r="FL27" s="110">
        <v>274610</v>
      </c>
      <c r="FM27" s="114">
        <v>1021992</v>
      </c>
      <c r="FN27" s="113">
        <v>1296602</v>
      </c>
      <c r="FO27" s="110">
        <v>0</v>
      </c>
      <c r="FP27" s="114">
        <v>2125610</v>
      </c>
      <c r="FQ27" s="114">
        <v>3329351</v>
      </c>
      <c r="FR27" s="114">
        <v>1979067</v>
      </c>
      <c r="FS27" s="114">
        <v>1494864</v>
      </c>
      <c r="FT27" s="114">
        <v>1500303</v>
      </c>
      <c r="FU27" s="113">
        <v>10429195</v>
      </c>
      <c r="FV27" s="116">
        <v>11725797</v>
      </c>
      <c r="FW27" s="115">
        <v>220682</v>
      </c>
      <c r="FX27" s="114">
        <v>898737</v>
      </c>
      <c r="FY27" s="112">
        <v>1119419</v>
      </c>
      <c r="FZ27" s="111">
        <v>0</v>
      </c>
      <c r="GA27" s="114">
        <v>1392862</v>
      </c>
      <c r="GB27" s="114">
        <v>3039191</v>
      </c>
      <c r="GC27" s="114">
        <v>1941447</v>
      </c>
      <c r="GD27" s="114">
        <v>1479024</v>
      </c>
      <c r="GE27" s="114">
        <v>1500303</v>
      </c>
      <c r="GF27" s="113">
        <v>9352827</v>
      </c>
      <c r="GG27" s="319">
        <v>10472246</v>
      </c>
      <c r="GH27" s="115">
        <v>53928</v>
      </c>
      <c r="GI27" s="114">
        <v>0</v>
      </c>
      <c r="GJ27" s="112">
        <v>53928</v>
      </c>
      <c r="GK27" s="111">
        <v>0</v>
      </c>
      <c r="GL27" s="114">
        <v>44748</v>
      </c>
      <c r="GM27" s="114">
        <v>41778</v>
      </c>
      <c r="GN27" s="114">
        <v>37620</v>
      </c>
      <c r="GO27" s="114">
        <v>15840</v>
      </c>
      <c r="GP27" s="114">
        <v>0</v>
      </c>
      <c r="GQ27" s="113">
        <v>139986</v>
      </c>
      <c r="GR27" s="116">
        <v>193914</v>
      </c>
      <c r="GS27" s="110">
        <v>0</v>
      </c>
      <c r="GT27" s="114">
        <v>123255</v>
      </c>
      <c r="GU27" s="113">
        <v>123255</v>
      </c>
      <c r="GV27" s="110">
        <v>0</v>
      </c>
      <c r="GW27" s="114">
        <v>688000</v>
      </c>
      <c r="GX27" s="114">
        <v>248382</v>
      </c>
      <c r="GY27" s="114">
        <v>0</v>
      </c>
      <c r="GZ27" s="114">
        <v>0</v>
      </c>
      <c r="HA27" s="114">
        <v>0</v>
      </c>
      <c r="HB27" s="112">
        <v>936382</v>
      </c>
      <c r="HC27" s="116">
        <v>1059637</v>
      </c>
      <c r="HD27" s="110">
        <v>349235</v>
      </c>
      <c r="HE27" s="114">
        <v>378471</v>
      </c>
      <c r="HF27" s="112">
        <v>727706</v>
      </c>
      <c r="HG27" s="111">
        <v>0</v>
      </c>
      <c r="HH27" s="114">
        <v>5429814</v>
      </c>
      <c r="HI27" s="114">
        <v>4559497</v>
      </c>
      <c r="HJ27" s="114">
        <v>4397536</v>
      </c>
      <c r="HK27" s="114">
        <v>5422001</v>
      </c>
      <c r="HL27" s="114">
        <v>2152496</v>
      </c>
      <c r="HM27" s="113">
        <v>21961344</v>
      </c>
      <c r="HN27" s="109">
        <v>22689050</v>
      </c>
      <c r="HO27" s="115">
        <v>217620</v>
      </c>
      <c r="HP27" s="114">
        <v>713472</v>
      </c>
      <c r="HQ27" s="113">
        <v>931092</v>
      </c>
      <c r="HR27" s="110">
        <v>0</v>
      </c>
      <c r="HS27" s="114">
        <v>5228588</v>
      </c>
      <c r="HT27" s="114">
        <v>4790938</v>
      </c>
      <c r="HU27" s="114">
        <v>2487779</v>
      </c>
      <c r="HV27" s="114">
        <v>1921261</v>
      </c>
      <c r="HW27" s="114">
        <v>1273201</v>
      </c>
      <c r="HX27" s="112">
        <v>15701767</v>
      </c>
      <c r="HY27" s="116">
        <v>16632859</v>
      </c>
      <c r="HZ27" s="131">
        <v>113421</v>
      </c>
      <c r="IA27" s="132">
        <v>411535</v>
      </c>
      <c r="IB27" s="133">
        <v>524956</v>
      </c>
      <c r="IC27" s="146">
        <v>0</v>
      </c>
      <c r="ID27" s="132">
        <v>12020819</v>
      </c>
      <c r="IE27" s="147">
        <v>15818744</v>
      </c>
      <c r="IF27" s="133">
        <v>12118109</v>
      </c>
      <c r="IG27" s="132">
        <v>12517647</v>
      </c>
      <c r="IH27" s="133">
        <v>5612865</v>
      </c>
      <c r="II27" s="148">
        <v>58088184</v>
      </c>
      <c r="IJ27" s="139">
        <v>58613140</v>
      </c>
      <c r="IK27" s="232">
        <v>0</v>
      </c>
      <c r="IL27" s="236">
        <v>0</v>
      </c>
      <c r="IM27" s="237">
        <v>0</v>
      </c>
      <c r="IN27" s="140"/>
      <c r="IO27" s="119">
        <v>152600</v>
      </c>
      <c r="IP27" s="119">
        <v>641447</v>
      </c>
      <c r="IQ27" s="119">
        <v>830858</v>
      </c>
      <c r="IR27" s="119">
        <v>219240</v>
      </c>
      <c r="IS27" s="119">
        <v>0</v>
      </c>
      <c r="IT27" s="141">
        <v>1844145</v>
      </c>
      <c r="IU27" s="321">
        <v>1844145</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6400015</v>
      </c>
      <c r="JL27" s="119">
        <v>6870071</v>
      </c>
      <c r="JM27" s="119">
        <v>3700823</v>
      </c>
      <c r="JN27" s="119">
        <v>2666794</v>
      </c>
      <c r="JO27" s="119">
        <v>1259262</v>
      </c>
      <c r="JP27" s="120">
        <v>20896965</v>
      </c>
      <c r="JQ27" s="321">
        <v>20896965</v>
      </c>
      <c r="JR27" s="142">
        <v>0</v>
      </c>
      <c r="JS27" s="119">
        <v>0</v>
      </c>
      <c r="JT27" s="141">
        <v>0</v>
      </c>
      <c r="JU27" s="118">
        <v>0</v>
      </c>
      <c r="JV27" s="119">
        <v>653211</v>
      </c>
      <c r="JW27" s="119">
        <v>337833</v>
      </c>
      <c r="JX27" s="119">
        <v>485698</v>
      </c>
      <c r="JY27" s="119">
        <v>319234</v>
      </c>
      <c r="JZ27" s="119">
        <v>249606</v>
      </c>
      <c r="KA27" s="120">
        <v>2045582</v>
      </c>
      <c r="KB27" s="321">
        <v>2045582</v>
      </c>
      <c r="KC27" s="234">
        <v>113421</v>
      </c>
      <c r="KD27" s="230">
        <v>411535</v>
      </c>
      <c r="KE27" s="120">
        <v>524956</v>
      </c>
      <c r="KF27" s="118">
        <v>0</v>
      </c>
      <c r="KG27" s="119">
        <v>1849089</v>
      </c>
      <c r="KH27" s="119">
        <v>3278736</v>
      </c>
      <c r="KI27" s="119">
        <v>2883411</v>
      </c>
      <c r="KJ27" s="119">
        <v>1978190</v>
      </c>
      <c r="KK27" s="119">
        <v>1119771</v>
      </c>
      <c r="KL27" s="120">
        <v>11109197</v>
      </c>
      <c r="KM27" s="143">
        <v>11634153</v>
      </c>
      <c r="KN27" s="232">
        <v>0</v>
      </c>
      <c r="KO27" s="236">
        <v>0</v>
      </c>
      <c r="KP27" s="237">
        <v>0</v>
      </c>
      <c r="KQ27" s="140"/>
      <c r="KR27" s="119">
        <v>2965904</v>
      </c>
      <c r="KS27" s="119">
        <v>4690657</v>
      </c>
      <c r="KT27" s="119">
        <v>3179484</v>
      </c>
      <c r="KU27" s="119">
        <v>1909422</v>
      </c>
      <c r="KV27" s="119">
        <v>789243</v>
      </c>
      <c r="KW27" s="120">
        <v>13534710</v>
      </c>
      <c r="KX27" s="321">
        <v>13534710</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1037835</v>
      </c>
      <c r="LQ27" s="119">
        <v>5424767</v>
      </c>
      <c r="LR27" s="119">
        <v>2194983</v>
      </c>
      <c r="LS27" s="120">
        <v>8657585</v>
      </c>
      <c r="LT27" s="321">
        <v>8657585</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2614198</v>
      </c>
      <c r="MK27" s="119">
        <v>7120819</v>
      </c>
      <c r="ML27" s="119">
        <v>21023725</v>
      </c>
      <c r="MM27" s="119">
        <v>29408769</v>
      </c>
      <c r="MN27" s="119">
        <v>18450910</v>
      </c>
      <c r="MO27" s="120">
        <v>78618421</v>
      </c>
      <c r="MP27" s="143">
        <v>78618421</v>
      </c>
      <c r="MQ27" s="142">
        <v>0</v>
      </c>
      <c r="MR27" s="119">
        <v>0</v>
      </c>
      <c r="MS27" s="120">
        <v>0</v>
      </c>
      <c r="MT27" s="145"/>
      <c r="MU27" s="119">
        <v>307231</v>
      </c>
      <c r="MV27" s="119">
        <v>429858</v>
      </c>
      <c r="MW27" s="119">
        <v>11543439</v>
      </c>
      <c r="MX27" s="119">
        <v>16875924</v>
      </c>
      <c r="MY27" s="119">
        <v>9767468</v>
      </c>
      <c r="MZ27" s="120">
        <v>38923920</v>
      </c>
      <c r="NA27" s="143">
        <v>38923920</v>
      </c>
      <c r="NB27" s="142">
        <v>0</v>
      </c>
      <c r="NC27" s="119">
        <v>0</v>
      </c>
      <c r="ND27" s="120">
        <v>0</v>
      </c>
      <c r="NE27" s="145"/>
      <c r="NF27" s="119">
        <v>2306967</v>
      </c>
      <c r="NG27" s="119">
        <v>6690961</v>
      </c>
      <c r="NH27" s="119">
        <v>9480286</v>
      </c>
      <c r="NI27" s="119">
        <v>11437682</v>
      </c>
      <c r="NJ27" s="119">
        <v>6333707</v>
      </c>
      <c r="NK27" s="120">
        <v>36249603</v>
      </c>
      <c r="NL27" s="321">
        <v>36249603</v>
      </c>
      <c r="NM27" s="142">
        <v>0</v>
      </c>
      <c r="NN27" s="119">
        <v>0</v>
      </c>
      <c r="NO27" s="120">
        <v>0</v>
      </c>
      <c r="NP27" s="145"/>
      <c r="NQ27" s="119">
        <v>0</v>
      </c>
      <c r="NR27" s="119">
        <v>0</v>
      </c>
      <c r="NS27" s="119">
        <v>0</v>
      </c>
      <c r="NT27" s="119">
        <v>0</v>
      </c>
      <c r="NU27" s="119">
        <v>1504592</v>
      </c>
      <c r="NV27" s="120">
        <v>1504592</v>
      </c>
      <c r="NW27" s="121">
        <v>1504592</v>
      </c>
      <c r="NX27" s="142">
        <v>0</v>
      </c>
      <c r="NY27" s="119">
        <v>0</v>
      </c>
      <c r="NZ27" s="120">
        <v>0</v>
      </c>
      <c r="OA27" s="145"/>
      <c r="OB27" s="119">
        <v>0</v>
      </c>
      <c r="OC27" s="119">
        <v>0</v>
      </c>
      <c r="OD27" s="119">
        <v>0</v>
      </c>
      <c r="OE27" s="119">
        <v>1095163</v>
      </c>
      <c r="OF27" s="119">
        <v>845143</v>
      </c>
      <c r="OG27" s="120">
        <v>1940306</v>
      </c>
      <c r="OH27" s="121">
        <v>1940306</v>
      </c>
      <c r="OI27" s="142">
        <v>1106100</v>
      </c>
      <c r="OJ27" s="119">
        <v>3450163</v>
      </c>
      <c r="OK27" s="141">
        <v>4556263</v>
      </c>
      <c r="OL27" s="118">
        <v>0</v>
      </c>
      <c r="OM27" s="119">
        <v>40935850</v>
      </c>
      <c r="ON27" s="119">
        <v>53877503</v>
      </c>
      <c r="OO27" s="119">
        <v>56504562</v>
      </c>
      <c r="OP27" s="119">
        <v>64877871</v>
      </c>
      <c r="OQ27" s="119">
        <v>40300582</v>
      </c>
      <c r="OR27" s="120">
        <v>256496368</v>
      </c>
      <c r="OS27" s="143">
        <v>261052631</v>
      </c>
    </row>
    <row r="28" spans="2:409" ht="18.75" customHeight="1" x14ac:dyDescent="0.2">
      <c r="B28" s="62" t="s">
        <v>23</v>
      </c>
      <c r="C28" s="110">
        <v>2800331</v>
      </c>
      <c r="D28" s="114">
        <v>5967574</v>
      </c>
      <c r="E28" s="113">
        <v>8767905</v>
      </c>
      <c r="F28" s="109">
        <v>0</v>
      </c>
      <c r="G28" s="114">
        <v>48712879</v>
      </c>
      <c r="H28" s="114">
        <v>59696936</v>
      </c>
      <c r="I28" s="114">
        <v>51142646</v>
      </c>
      <c r="J28" s="114">
        <v>46533983</v>
      </c>
      <c r="K28" s="114">
        <v>30566461</v>
      </c>
      <c r="L28" s="173">
        <v>236652905</v>
      </c>
      <c r="M28" s="116">
        <v>245420810</v>
      </c>
      <c r="N28" s="110">
        <v>905800</v>
      </c>
      <c r="O28" s="114">
        <v>1822249</v>
      </c>
      <c r="P28" s="113">
        <v>2728049</v>
      </c>
      <c r="Q28" s="110">
        <v>0</v>
      </c>
      <c r="R28" s="114">
        <v>10610136</v>
      </c>
      <c r="S28" s="114">
        <v>15946785</v>
      </c>
      <c r="T28" s="114">
        <v>12691384</v>
      </c>
      <c r="U28" s="114">
        <v>13637195</v>
      </c>
      <c r="V28" s="114">
        <v>11315214</v>
      </c>
      <c r="W28" s="113">
        <v>64200714</v>
      </c>
      <c r="X28" s="116">
        <v>66928763</v>
      </c>
      <c r="Y28" s="110">
        <v>0</v>
      </c>
      <c r="Z28" s="114">
        <v>0</v>
      </c>
      <c r="AA28" s="113">
        <v>0</v>
      </c>
      <c r="AB28" s="110">
        <v>0</v>
      </c>
      <c r="AC28" s="114">
        <v>4493649</v>
      </c>
      <c r="AD28" s="114">
        <v>6949577</v>
      </c>
      <c r="AE28" s="114">
        <v>7120849</v>
      </c>
      <c r="AF28" s="114">
        <v>7122948</v>
      </c>
      <c r="AG28" s="114">
        <v>5692726</v>
      </c>
      <c r="AH28" s="113">
        <v>31379749</v>
      </c>
      <c r="AI28" s="116">
        <v>31379749</v>
      </c>
      <c r="AJ28" s="110">
        <v>0</v>
      </c>
      <c r="AK28" s="114">
        <v>0</v>
      </c>
      <c r="AL28" s="113">
        <v>0</v>
      </c>
      <c r="AM28" s="110">
        <v>0</v>
      </c>
      <c r="AN28" s="114">
        <v>0</v>
      </c>
      <c r="AO28" s="114">
        <v>146553</v>
      </c>
      <c r="AP28" s="114">
        <v>337176</v>
      </c>
      <c r="AQ28" s="114">
        <v>778436</v>
      </c>
      <c r="AR28" s="114">
        <v>1302888</v>
      </c>
      <c r="AS28" s="113">
        <v>2565053</v>
      </c>
      <c r="AT28" s="116">
        <v>2565053</v>
      </c>
      <c r="AU28" s="110">
        <v>640044</v>
      </c>
      <c r="AV28" s="114">
        <v>1436289</v>
      </c>
      <c r="AW28" s="113">
        <v>2076333</v>
      </c>
      <c r="AX28" s="110">
        <v>0</v>
      </c>
      <c r="AY28" s="114">
        <v>3876603</v>
      </c>
      <c r="AZ28" s="114">
        <v>6103832</v>
      </c>
      <c r="BA28" s="114">
        <v>2823808</v>
      </c>
      <c r="BB28" s="114">
        <v>3256775</v>
      </c>
      <c r="BC28" s="114">
        <v>2700935</v>
      </c>
      <c r="BD28" s="113">
        <v>18761953</v>
      </c>
      <c r="BE28" s="116">
        <v>20838286</v>
      </c>
      <c r="BF28" s="110">
        <v>66062</v>
      </c>
      <c r="BG28" s="114">
        <v>238212</v>
      </c>
      <c r="BH28" s="112">
        <v>304274</v>
      </c>
      <c r="BI28" s="111">
        <v>0</v>
      </c>
      <c r="BJ28" s="114">
        <v>223308</v>
      </c>
      <c r="BK28" s="114">
        <v>710734</v>
      </c>
      <c r="BL28" s="114">
        <v>325097</v>
      </c>
      <c r="BM28" s="114">
        <v>270340</v>
      </c>
      <c r="BN28" s="114">
        <v>122398</v>
      </c>
      <c r="BO28" s="113">
        <v>1651877</v>
      </c>
      <c r="BP28" s="116">
        <v>1956151</v>
      </c>
      <c r="BQ28" s="110">
        <v>199694</v>
      </c>
      <c r="BR28" s="114">
        <v>147748</v>
      </c>
      <c r="BS28" s="113">
        <v>347442</v>
      </c>
      <c r="BT28" s="110">
        <v>0</v>
      </c>
      <c r="BU28" s="114">
        <v>2016576</v>
      </c>
      <c r="BV28" s="114">
        <v>2036089</v>
      </c>
      <c r="BW28" s="114">
        <v>2084454</v>
      </c>
      <c r="BX28" s="114">
        <v>2208696</v>
      </c>
      <c r="BY28" s="114">
        <v>1496267</v>
      </c>
      <c r="BZ28" s="113">
        <v>9842082</v>
      </c>
      <c r="CA28" s="116">
        <v>10189524</v>
      </c>
      <c r="CB28" s="110">
        <v>94172</v>
      </c>
      <c r="CC28" s="114">
        <v>409534</v>
      </c>
      <c r="CD28" s="113">
        <v>503706</v>
      </c>
      <c r="CE28" s="110">
        <v>0</v>
      </c>
      <c r="CF28" s="114">
        <v>17531541</v>
      </c>
      <c r="CG28" s="114">
        <v>21296537</v>
      </c>
      <c r="CH28" s="114">
        <v>15102683</v>
      </c>
      <c r="CI28" s="114">
        <v>11110390</v>
      </c>
      <c r="CJ28" s="114">
        <v>4519996</v>
      </c>
      <c r="CK28" s="113">
        <v>69561147</v>
      </c>
      <c r="CL28" s="116">
        <v>70064853</v>
      </c>
      <c r="CM28" s="110">
        <v>0</v>
      </c>
      <c r="CN28" s="114">
        <v>0</v>
      </c>
      <c r="CO28" s="113">
        <v>0</v>
      </c>
      <c r="CP28" s="111">
        <v>0</v>
      </c>
      <c r="CQ28" s="114">
        <v>15155039</v>
      </c>
      <c r="CR28" s="114">
        <v>17191307</v>
      </c>
      <c r="CS28" s="114">
        <v>11890891</v>
      </c>
      <c r="CT28" s="114">
        <v>8584913</v>
      </c>
      <c r="CU28" s="114">
        <v>4249594</v>
      </c>
      <c r="CV28" s="113">
        <v>57071744</v>
      </c>
      <c r="CW28" s="116">
        <v>57071744</v>
      </c>
      <c r="CX28" s="110">
        <v>94172</v>
      </c>
      <c r="CY28" s="114">
        <v>409534</v>
      </c>
      <c r="CZ28" s="113">
        <v>503706</v>
      </c>
      <c r="DA28" s="110">
        <v>0</v>
      </c>
      <c r="DB28" s="114">
        <v>2376502</v>
      </c>
      <c r="DC28" s="114">
        <v>4105230</v>
      </c>
      <c r="DD28" s="114">
        <v>3211792</v>
      </c>
      <c r="DE28" s="114">
        <v>2525477</v>
      </c>
      <c r="DF28" s="114">
        <v>270402</v>
      </c>
      <c r="DG28" s="113">
        <v>12489403</v>
      </c>
      <c r="DH28" s="116">
        <v>12993109</v>
      </c>
      <c r="DI28" s="110">
        <v>27782</v>
      </c>
      <c r="DJ28" s="114">
        <v>75294</v>
      </c>
      <c r="DK28" s="112">
        <v>103076</v>
      </c>
      <c r="DL28" s="111">
        <v>0</v>
      </c>
      <c r="DM28" s="114">
        <v>1245982</v>
      </c>
      <c r="DN28" s="114">
        <v>2485691</v>
      </c>
      <c r="DO28" s="114">
        <v>5164679</v>
      </c>
      <c r="DP28" s="114">
        <v>4180227</v>
      </c>
      <c r="DQ28" s="114">
        <v>1991730</v>
      </c>
      <c r="DR28" s="113">
        <v>15068309</v>
      </c>
      <c r="DS28" s="116">
        <v>15171385</v>
      </c>
      <c r="DT28" s="110">
        <v>27782</v>
      </c>
      <c r="DU28" s="114">
        <v>75294</v>
      </c>
      <c r="DV28" s="113">
        <v>103076</v>
      </c>
      <c r="DW28" s="110">
        <v>0</v>
      </c>
      <c r="DX28" s="114">
        <v>1126624</v>
      </c>
      <c r="DY28" s="114">
        <v>2374022</v>
      </c>
      <c r="DZ28" s="114">
        <v>4877776</v>
      </c>
      <c r="EA28" s="114">
        <v>3906123</v>
      </c>
      <c r="EB28" s="114">
        <v>1479177</v>
      </c>
      <c r="EC28" s="113">
        <v>13763722</v>
      </c>
      <c r="ED28" s="116">
        <v>13866798</v>
      </c>
      <c r="EE28" s="110">
        <v>0</v>
      </c>
      <c r="EF28" s="112">
        <v>0</v>
      </c>
      <c r="EG28" s="113">
        <v>0</v>
      </c>
      <c r="EH28" s="110">
        <v>0</v>
      </c>
      <c r="EI28" s="114">
        <v>119358</v>
      </c>
      <c r="EJ28" s="114">
        <v>111669</v>
      </c>
      <c r="EK28" s="114">
        <v>286903</v>
      </c>
      <c r="EL28" s="114">
        <v>274104</v>
      </c>
      <c r="EM28" s="114">
        <v>512553</v>
      </c>
      <c r="EN28" s="112">
        <v>1304587</v>
      </c>
      <c r="EO28" s="116">
        <v>1304587</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8"/>
      <c r="FE28" s="114">
        <v>0</v>
      </c>
      <c r="FF28" s="114">
        <v>0</v>
      </c>
      <c r="FG28" s="114">
        <v>0</v>
      </c>
      <c r="FH28" s="114">
        <v>0</v>
      </c>
      <c r="FI28" s="114">
        <v>0</v>
      </c>
      <c r="FJ28" s="113">
        <v>0</v>
      </c>
      <c r="FK28" s="116">
        <v>0</v>
      </c>
      <c r="FL28" s="110">
        <v>822478</v>
      </c>
      <c r="FM28" s="114">
        <v>1981790</v>
      </c>
      <c r="FN28" s="113">
        <v>2804268</v>
      </c>
      <c r="FO28" s="110">
        <v>0</v>
      </c>
      <c r="FP28" s="114">
        <v>3010396</v>
      </c>
      <c r="FQ28" s="114">
        <v>5340687</v>
      </c>
      <c r="FR28" s="114">
        <v>3465992</v>
      </c>
      <c r="FS28" s="114">
        <v>3348837</v>
      </c>
      <c r="FT28" s="114">
        <v>1968376</v>
      </c>
      <c r="FU28" s="113">
        <v>17134288</v>
      </c>
      <c r="FV28" s="116">
        <v>19938556</v>
      </c>
      <c r="FW28" s="115">
        <v>483814</v>
      </c>
      <c r="FX28" s="114">
        <v>1341944</v>
      </c>
      <c r="FY28" s="112">
        <v>1825758</v>
      </c>
      <c r="FZ28" s="111">
        <v>0</v>
      </c>
      <c r="GA28" s="114">
        <v>2289477</v>
      </c>
      <c r="GB28" s="114">
        <v>5086421</v>
      </c>
      <c r="GC28" s="114">
        <v>3106300</v>
      </c>
      <c r="GD28" s="114">
        <v>3111399</v>
      </c>
      <c r="GE28" s="114">
        <v>1968376</v>
      </c>
      <c r="GF28" s="113">
        <v>15561973</v>
      </c>
      <c r="GG28" s="319">
        <v>17387731</v>
      </c>
      <c r="GH28" s="115">
        <v>45414</v>
      </c>
      <c r="GI28" s="114">
        <v>24300</v>
      </c>
      <c r="GJ28" s="112">
        <v>69714</v>
      </c>
      <c r="GK28" s="111">
        <v>0</v>
      </c>
      <c r="GL28" s="114">
        <v>102214</v>
      </c>
      <c r="GM28" s="114">
        <v>90166</v>
      </c>
      <c r="GN28" s="114">
        <v>169792</v>
      </c>
      <c r="GO28" s="114">
        <v>95778</v>
      </c>
      <c r="GP28" s="114">
        <v>0</v>
      </c>
      <c r="GQ28" s="113">
        <v>457950</v>
      </c>
      <c r="GR28" s="116">
        <v>527664</v>
      </c>
      <c r="GS28" s="110">
        <v>293250</v>
      </c>
      <c r="GT28" s="114">
        <v>615546</v>
      </c>
      <c r="GU28" s="113">
        <v>908796</v>
      </c>
      <c r="GV28" s="110">
        <v>0</v>
      </c>
      <c r="GW28" s="114">
        <v>618705</v>
      </c>
      <c r="GX28" s="114">
        <v>164100</v>
      </c>
      <c r="GY28" s="114">
        <v>189900</v>
      </c>
      <c r="GZ28" s="114">
        <v>141660</v>
      </c>
      <c r="HA28" s="114">
        <v>0</v>
      </c>
      <c r="HB28" s="112">
        <v>1114365</v>
      </c>
      <c r="HC28" s="116">
        <v>2023161</v>
      </c>
      <c r="HD28" s="110">
        <v>381359</v>
      </c>
      <c r="HE28" s="114">
        <v>485968</v>
      </c>
      <c r="HF28" s="112">
        <v>867327</v>
      </c>
      <c r="HG28" s="111">
        <v>0</v>
      </c>
      <c r="HH28" s="114">
        <v>8373823</v>
      </c>
      <c r="HI28" s="114">
        <v>7289349</v>
      </c>
      <c r="HJ28" s="114">
        <v>9937653</v>
      </c>
      <c r="HK28" s="114">
        <v>10692990</v>
      </c>
      <c r="HL28" s="114">
        <v>9206220</v>
      </c>
      <c r="HM28" s="113">
        <v>45500035</v>
      </c>
      <c r="HN28" s="109">
        <v>46367362</v>
      </c>
      <c r="HO28" s="115">
        <v>568740</v>
      </c>
      <c r="HP28" s="114">
        <v>1192739</v>
      </c>
      <c r="HQ28" s="113">
        <v>1761479</v>
      </c>
      <c r="HR28" s="110">
        <v>0</v>
      </c>
      <c r="HS28" s="114">
        <v>7941001</v>
      </c>
      <c r="HT28" s="114">
        <v>7337887</v>
      </c>
      <c r="HU28" s="114">
        <v>4780255</v>
      </c>
      <c r="HV28" s="114">
        <v>3564344</v>
      </c>
      <c r="HW28" s="114">
        <v>1564925</v>
      </c>
      <c r="HX28" s="112">
        <v>25188412</v>
      </c>
      <c r="HY28" s="116">
        <v>26949891</v>
      </c>
      <c r="HZ28" s="150">
        <v>0</v>
      </c>
      <c r="IA28" s="135">
        <v>250031</v>
      </c>
      <c r="IB28" s="150">
        <v>250031</v>
      </c>
      <c r="IC28" s="134">
        <v>0</v>
      </c>
      <c r="ID28" s="135">
        <v>10138281</v>
      </c>
      <c r="IE28" s="136">
        <v>7224674</v>
      </c>
      <c r="IF28" s="137">
        <v>7900955</v>
      </c>
      <c r="IG28" s="135">
        <v>6597856</v>
      </c>
      <c r="IH28" s="137">
        <v>3351140</v>
      </c>
      <c r="II28" s="138">
        <v>35212906</v>
      </c>
      <c r="IJ28" s="150">
        <v>35462937</v>
      </c>
      <c r="IK28" s="232">
        <v>0</v>
      </c>
      <c r="IL28" s="236">
        <v>0</v>
      </c>
      <c r="IM28" s="237">
        <v>0</v>
      </c>
      <c r="IN28" s="140"/>
      <c r="IO28" s="119">
        <v>195282</v>
      </c>
      <c r="IP28" s="119">
        <v>105389</v>
      </c>
      <c r="IQ28" s="119">
        <v>0</v>
      </c>
      <c r="IR28" s="119">
        <v>0</v>
      </c>
      <c r="IS28" s="119">
        <v>267732</v>
      </c>
      <c r="IT28" s="141">
        <v>568403</v>
      </c>
      <c r="IU28" s="321">
        <v>568403</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2486679</v>
      </c>
      <c r="JL28" s="119">
        <v>2221977</v>
      </c>
      <c r="JM28" s="119">
        <v>1596296</v>
      </c>
      <c r="JN28" s="119">
        <v>1567238</v>
      </c>
      <c r="JO28" s="119">
        <v>380300</v>
      </c>
      <c r="JP28" s="120">
        <v>8252490</v>
      </c>
      <c r="JQ28" s="321">
        <v>8252490</v>
      </c>
      <c r="JR28" s="142">
        <v>0</v>
      </c>
      <c r="JS28" s="119">
        <v>0</v>
      </c>
      <c r="JT28" s="141">
        <v>0</v>
      </c>
      <c r="JU28" s="118">
        <v>0</v>
      </c>
      <c r="JV28" s="119">
        <v>0</v>
      </c>
      <c r="JW28" s="119">
        <v>45685</v>
      </c>
      <c r="JX28" s="119">
        <v>110877</v>
      </c>
      <c r="JY28" s="119">
        <v>277899</v>
      </c>
      <c r="JZ28" s="119">
        <v>0</v>
      </c>
      <c r="KA28" s="120">
        <v>434461</v>
      </c>
      <c r="KB28" s="321">
        <v>434461</v>
      </c>
      <c r="KC28" s="234">
        <v>0</v>
      </c>
      <c r="KD28" s="230">
        <v>0</v>
      </c>
      <c r="KE28" s="120">
        <v>0</v>
      </c>
      <c r="KF28" s="118">
        <v>0</v>
      </c>
      <c r="KG28" s="119">
        <v>931369</v>
      </c>
      <c r="KH28" s="119">
        <v>490235</v>
      </c>
      <c r="KI28" s="119">
        <v>534074</v>
      </c>
      <c r="KJ28" s="119">
        <v>280163</v>
      </c>
      <c r="KK28" s="119">
        <v>614416</v>
      </c>
      <c r="KL28" s="120">
        <v>2850257</v>
      </c>
      <c r="KM28" s="143">
        <v>2850257</v>
      </c>
      <c r="KN28" s="232">
        <v>0</v>
      </c>
      <c r="KO28" s="236">
        <v>250031</v>
      </c>
      <c r="KP28" s="237">
        <v>250031</v>
      </c>
      <c r="KQ28" s="140"/>
      <c r="KR28" s="119">
        <v>6524951</v>
      </c>
      <c r="KS28" s="119">
        <v>4361388</v>
      </c>
      <c r="KT28" s="119">
        <v>5659708</v>
      </c>
      <c r="KU28" s="119">
        <v>4168071</v>
      </c>
      <c r="KV28" s="119">
        <v>2088692</v>
      </c>
      <c r="KW28" s="120">
        <v>22802810</v>
      </c>
      <c r="KX28" s="321">
        <v>23052841</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1">
        <v>0</v>
      </c>
      <c r="LU28" s="142">
        <v>0</v>
      </c>
      <c r="LV28" s="119">
        <v>0</v>
      </c>
      <c r="LW28" s="120">
        <v>0</v>
      </c>
      <c r="LX28" s="145"/>
      <c r="LY28" s="119">
        <v>0</v>
      </c>
      <c r="LZ28" s="119">
        <v>0</v>
      </c>
      <c r="MA28" s="119">
        <v>0</v>
      </c>
      <c r="MB28" s="119">
        <v>304485</v>
      </c>
      <c r="MC28" s="119">
        <v>0</v>
      </c>
      <c r="MD28" s="120">
        <v>304485</v>
      </c>
      <c r="ME28" s="121">
        <v>304485</v>
      </c>
      <c r="MF28" s="142">
        <v>0</v>
      </c>
      <c r="MG28" s="119">
        <v>0</v>
      </c>
      <c r="MH28" s="120">
        <v>0</v>
      </c>
      <c r="MI28" s="145"/>
      <c r="MJ28" s="119">
        <v>4433908</v>
      </c>
      <c r="MK28" s="119">
        <v>13076377</v>
      </c>
      <c r="ML28" s="119">
        <v>32152992</v>
      </c>
      <c r="MM28" s="119">
        <v>55190395</v>
      </c>
      <c r="MN28" s="119">
        <v>42658867</v>
      </c>
      <c r="MO28" s="120">
        <v>147512539</v>
      </c>
      <c r="MP28" s="143">
        <v>147512539</v>
      </c>
      <c r="MQ28" s="142">
        <v>0</v>
      </c>
      <c r="MR28" s="119">
        <v>0</v>
      </c>
      <c r="MS28" s="120">
        <v>0</v>
      </c>
      <c r="MT28" s="145"/>
      <c r="MU28" s="119">
        <v>656529</v>
      </c>
      <c r="MV28" s="119">
        <v>3958032</v>
      </c>
      <c r="MW28" s="119">
        <v>21127222</v>
      </c>
      <c r="MX28" s="119">
        <v>36146349</v>
      </c>
      <c r="MY28" s="119">
        <v>30599615</v>
      </c>
      <c r="MZ28" s="120">
        <v>92487747</v>
      </c>
      <c r="NA28" s="143">
        <v>92487747</v>
      </c>
      <c r="NB28" s="142">
        <v>0</v>
      </c>
      <c r="NC28" s="119">
        <v>0</v>
      </c>
      <c r="ND28" s="120">
        <v>0</v>
      </c>
      <c r="NE28" s="145"/>
      <c r="NF28" s="119">
        <v>3777379</v>
      </c>
      <c r="NG28" s="119">
        <v>9118345</v>
      </c>
      <c r="NH28" s="119">
        <v>10660262</v>
      </c>
      <c r="NI28" s="119">
        <v>17181051</v>
      </c>
      <c r="NJ28" s="119">
        <v>9924171</v>
      </c>
      <c r="NK28" s="120">
        <v>50661208</v>
      </c>
      <c r="NL28" s="321">
        <v>50661208</v>
      </c>
      <c r="NM28" s="142">
        <v>0</v>
      </c>
      <c r="NN28" s="119">
        <v>0</v>
      </c>
      <c r="NO28" s="120">
        <v>0</v>
      </c>
      <c r="NP28" s="145"/>
      <c r="NQ28" s="119">
        <v>0</v>
      </c>
      <c r="NR28" s="119">
        <v>0</v>
      </c>
      <c r="NS28" s="119">
        <v>0</v>
      </c>
      <c r="NT28" s="119">
        <v>720450</v>
      </c>
      <c r="NU28" s="119">
        <v>350051</v>
      </c>
      <c r="NV28" s="120">
        <v>1070501</v>
      </c>
      <c r="NW28" s="121">
        <v>1070501</v>
      </c>
      <c r="NX28" s="142">
        <v>0</v>
      </c>
      <c r="NY28" s="119">
        <v>0</v>
      </c>
      <c r="NZ28" s="120">
        <v>0</v>
      </c>
      <c r="OA28" s="145"/>
      <c r="OB28" s="119">
        <v>0</v>
      </c>
      <c r="OC28" s="119">
        <v>0</v>
      </c>
      <c r="OD28" s="119">
        <v>365508</v>
      </c>
      <c r="OE28" s="119">
        <v>1142545</v>
      </c>
      <c r="OF28" s="119">
        <v>1785030</v>
      </c>
      <c r="OG28" s="120">
        <v>3293083</v>
      </c>
      <c r="OH28" s="121">
        <v>3293083</v>
      </c>
      <c r="OI28" s="142">
        <v>2800331</v>
      </c>
      <c r="OJ28" s="119">
        <v>6217605</v>
      </c>
      <c r="OK28" s="141">
        <v>9017936</v>
      </c>
      <c r="OL28" s="118">
        <v>0</v>
      </c>
      <c r="OM28" s="119">
        <v>63285068</v>
      </c>
      <c r="ON28" s="119">
        <v>79997987</v>
      </c>
      <c r="OO28" s="119">
        <v>91196593</v>
      </c>
      <c r="OP28" s="119">
        <v>108322234</v>
      </c>
      <c r="OQ28" s="119">
        <v>76576468</v>
      </c>
      <c r="OR28" s="120">
        <v>419378350</v>
      </c>
      <c r="OS28" s="143">
        <v>428396286</v>
      </c>
    </row>
    <row r="29" spans="2:409" ht="18.75" customHeight="1" x14ac:dyDescent="0.2">
      <c r="B29" s="62" t="s">
        <v>24</v>
      </c>
      <c r="C29" s="110">
        <v>2400323</v>
      </c>
      <c r="D29" s="114">
        <v>3244681</v>
      </c>
      <c r="E29" s="113">
        <v>5645004</v>
      </c>
      <c r="F29" s="109">
        <v>0</v>
      </c>
      <c r="G29" s="114">
        <v>26272502</v>
      </c>
      <c r="H29" s="114">
        <v>25090106</v>
      </c>
      <c r="I29" s="114">
        <v>23758895</v>
      </c>
      <c r="J29" s="114">
        <v>24285097</v>
      </c>
      <c r="K29" s="114">
        <v>23113283</v>
      </c>
      <c r="L29" s="173">
        <v>122519883</v>
      </c>
      <c r="M29" s="116">
        <v>128164887</v>
      </c>
      <c r="N29" s="110">
        <v>413804</v>
      </c>
      <c r="O29" s="114">
        <v>695459</v>
      </c>
      <c r="P29" s="113">
        <v>1109263</v>
      </c>
      <c r="Q29" s="110">
        <v>0</v>
      </c>
      <c r="R29" s="114">
        <v>6278617</v>
      </c>
      <c r="S29" s="114">
        <v>5891457</v>
      </c>
      <c r="T29" s="114">
        <v>6855940</v>
      </c>
      <c r="U29" s="114">
        <v>8307591</v>
      </c>
      <c r="V29" s="114">
        <v>9983931</v>
      </c>
      <c r="W29" s="113">
        <v>37317536</v>
      </c>
      <c r="X29" s="116">
        <v>38426799</v>
      </c>
      <c r="Y29" s="110">
        <v>0</v>
      </c>
      <c r="Z29" s="114">
        <v>0</v>
      </c>
      <c r="AA29" s="113">
        <v>0</v>
      </c>
      <c r="AB29" s="110">
        <v>0</v>
      </c>
      <c r="AC29" s="114">
        <v>2501013</v>
      </c>
      <c r="AD29" s="114">
        <v>2471503</v>
      </c>
      <c r="AE29" s="114">
        <v>3446306</v>
      </c>
      <c r="AF29" s="114">
        <v>5117150</v>
      </c>
      <c r="AG29" s="114">
        <v>5276048</v>
      </c>
      <c r="AH29" s="113">
        <v>18812020</v>
      </c>
      <c r="AI29" s="116">
        <v>18812020</v>
      </c>
      <c r="AJ29" s="110">
        <v>0</v>
      </c>
      <c r="AK29" s="114">
        <v>0</v>
      </c>
      <c r="AL29" s="113">
        <v>0</v>
      </c>
      <c r="AM29" s="110">
        <v>0</v>
      </c>
      <c r="AN29" s="114">
        <v>0</v>
      </c>
      <c r="AO29" s="114">
        <v>26891</v>
      </c>
      <c r="AP29" s="114">
        <v>383833</v>
      </c>
      <c r="AQ29" s="114">
        <v>487672</v>
      </c>
      <c r="AR29" s="114">
        <v>1436578</v>
      </c>
      <c r="AS29" s="113">
        <v>2334974</v>
      </c>
      <c r="AT29" s="116">
        <v>2334974</v>
      </c>
      <c r="AU29" s="110">
        <v>223536</v>
      </c>
      <c r="AV29" s="114">
        <v>419500</v>
      </c>
      <c r="AW29" s="113">
        <v>643036</v>
      </c>
      <c r="AX29" s="110">
        <v>0</v>
      </c>
      <c r="AY29" s="114">
        <v>2483118</v>
      </c>
      <c r="AZ29" s="114">
        <v>2263380</v>
      </c>
      <c r="BA29" s="114">
        <v>1940220</v>
      </c>
      <c r="BB29" s="114">
        <v>1480925</v>
      </c>
      <c r="BC29" s="114">
        <v>2213754</v>
      </c>
      <c r="BD29" s="113">
        <v>10381397</v>
      </c>
      <c r="BE29" s="116">
        <v>11024433</v>
      </c>
      <c r="BF29" s="110">
        <v>0</v>
      </c>
      <c r="BG29" s="114">
        <v>76035</v>
      </c>
      <c r="BH29" s="112">
        <v>76035</v>
      </c>
      <c r="BI29" s="111">
        <v>0</v>
      </c>
      <c r="BJ29" s="114">
        <v>155210</v>
      </c>
      <c r="BK29" s="114">
        <v>179055</v>
      </c>
      <c r="BL29" s="114">
        <v>73260</v>
      </c>
      <c r="BM29" s="114">
        <v>210455</v>
      </c>
      <c r="BN29" s="114">
        <v>207142</v>
      </c>
      <c r="BO29" s="113">
        <v>825122</v>
      </c>
      <c r="BP29" s="116">
        <v>901157</v>
      </c>
      <c r="BQ29" s="110">
        <v>190268</v>
      </c>
      <c r="BR29" s="114">
        <v>199924</v>
      </c>
      <c r="BS29" s="113">
        <v>390192</v>
      </c>
      <c r="BT29" s="110">
        <v>0</v>
      </c>
      <c r="BU29" s="114">
        <v>1139276</v>
      </c>
      <c r="BV29" s="114">
        <v>950628</v>
      </c>
      <c r="BW29" s="114">
        <v>1012321</v>
      </c>
      <c r="BX29" s="114">
        <v>1011389</v>
      </c>
      <c r="BY29" s="114">
        <v>850409</v>
      </c>
      <c r="BZ29" s="113">
        <v>4964023</v>
      </c>
      <c r="CA29" s="116">
        <v>5354215</v>
      </c>
      <c r="CB29" s="110">
        <v>254951</v>
      </c>
      <c r="CC29" s="114">
        <v>583324</v>
      </c>
      <c r="CD29" s="113">
        <v>838275</v>
      </c>
      <c r="CE29" s="110">
        <v>0</v>
      </c>
      <c r="CF29" s="114">
        <v>7968617</v>
      </c>
      <c r="CG29" s="114">
        <v>7617997</v>
      </c>
      <c r="CH29" s="114">
        <v>5174486</v>
      </c>
      <c r="CI29" s="114">
        <v>3244683</v>
      </c>
      <c r="CJ29" s="114">
        <v>2806147</v>
      </c>
      <c r="CK29" s="113">
        <v>26811930</v>
      </c>
      <c r="CL29" s="116">
        <v>27650205</v>
      </c>
      <c r="CM29" s="110">
        <v>0</v>
      </c>
      <c r="CN29" s="114">
        <v>0</v>
      </c>
      <c r="CO29" s="113">
        <v>0</v>
      </c>
      <c r="CP29" s="111">
        <v>0</v>
      </c>
      <c r="CQ29" s="114">
        <v>5880370</v>
      </c>
      <c r="CR29" s="114">
        <v>5251902</v>
      </c>
      <c r="CS29" s="114">
        <v>3946006</v>
      </c>
      <c r="CT29" s="114">
        <v>2550661</v>
      </c>
      <c r="CU29" s="114">
        <v>1171069</v>
      </c>
      <c r="CV29" s="113">
        <v>18800008</v>
      </c>
      <c r="CW29" s="116">
        <v>18800008</v>
      </c>
      <c r="CX29" s="110">
        <v>254951</v>
      </c>
      <c r="CY29" s="114">
        <v>583324</v>
      </c>
      <c r="CZ29" s="113">
        <v>838275</v>
      </c>
      <c r="DA29" s="110">
        <v>0</v>
      </c>
      <c r="DB29" s="114">
        <v>2088247</v>
      </c>
      <c r="DC29" s="114">
        <v>2366095</v>
      </c>
      <c r="DD29" s="114">
        <v>1228480</v>
      </c>
      <c r="DE29" s="114">
        <v>694022</v>
      </c>
      <c r="DF29" s="114">
        <v>1635078</v>
      </c>
      <c r="DG29" s="113">
        <v>8011922</v>
      </c>
      <c r="DH29" s="116">
        <v>8850197</v>
      </c>
      <c r="DI29" s="110">
        <v>14661</v>
      </c>
      <c r="DJ29" s="114">
        <v>111251</v>
      </c>
      <c r="DK29" s="112">
        <v>125912</v>
      </c>
      <c r="DL29" s="111">
        <v>0</v>
      </c>
      <c r="DM29" s="114">
        <v>1108045</v>
      </c>
      <c r="DN29" s="114">
        <v>1670275</v>
      </c>
      <c r="DO29" s="114">
        <v>2152163</v>
      </c>
      <c r="DP29" s="114">
        <v>2863328</v>
      </c>
      <c r="DQ29" s="114">
        <v>2065414</v>
      </c>
      <c r="DR29" s="113">
        <v>9859225</v>
      </c>
      <c r="DS29" s="116">
        <v>9985137</v>
      </c>
      <c r="DT29" s="110">
        <v>14661</v>
      </c>
      <c r="DU29" s="114">
        <v>111251</v>
      </c>
      <c r="DV29" s="113">
        <v>125912</v>
      </c>
      <c r="DW29" s="110">
        <v>0</v>
      </c>
      <c r="DX29" s="114">
        <v>954274</v>
      </c>
      <c r="DY29" s="114">
        <v>1626679</v>
      </c>
      <c r="DZ29" s="114">
        <v>2029302</v>
      </c>
      <c r="EA29" s="114">
        <v>2719029</v>
      </c>
      <c r="EB29" s="114">
        <v>2065414</v>
      </c>
      <c r="EC29" s="113">
        <v>9394698</v>
      </c>
      <c r="ED29" s="116">
        <v>9520610</v>
      </c>
      <c r="EE29" s="110">
        <v>0</v>
      </c>
      <c r="EF29" s="112">
        <v>0</v>
      </c>
      <c r="EG29" s="113">
        <v>0</v>
      </c>
      <c r="EH29" s="110">
        <v>0</v>
      </c>
      <c r="EI29" s="114">
        <v>153771</v>
      </c>
      <c r="EJ29" s="114">
        <v>43596</v>
      </c>
      <c r="EK29" s="114">
        <v>122861</v>
      </c>
      <c r="EL29" s="114">
        <v>144299</v>
      </c>
      <c r="EM29" s="114">
        <v>0</v>
      </c>
      <c r="EN29" s="112">
        <v>464527</v>
      </c>
      <c r="EO29" s="116">
        <v>464527</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8"/>
      <c r="FE29" s="114">
        <v>0</v>
      </c>
      <c r="FF29" s="114">
        <v>0</v>
      </c>
      <c r="FG29" s="114">
        <v>0</v>
      </c>
      <c r="FH29" s="114">
        <v>0</v>
      </c>
      <c r="FI29" s="114">
        <v>0</v>
      </c>
      <c r="FJ29" s="113">
        <v>0</v>
      </c>
      <c r="FK29" s="116">
        <v>0</v>
      </c>
      <c r="FL29" s="110">
        <v>550050</v>
      </c>
      <c r="FM29" s="114">
        <v>674020</v>
      </c>
      <c r="FN29" s="113">
        <v>1224070</v>
      </c>
      <c r="FO29" s="110">
        <v>0</v>
      </c>
      <c r="FP29" s="114">
        <v>987422</v>
      </c>
      <c r="FQ29" s="114">
        <v>2141353</v>
      </c>
      <c r="FR29" s="114">
        <v>1644179</v>
      </c>
      <c r="FS29" s="114">
        <v>1503807</v>
      </c>
      <c r="FT29" s="114">
        <v>1801166</v>
      </c>
      <c r="FU29" s="113">
        <v>8077927</v>
      </c>
      <c r="FV29" s="116">
        <v>9301997</v>
      </c>
      <c r="FW29" s="115">
        <v>326050</v>
      </c>
      <c r="FX29" s="114">
        <v>365433</v>
      </c>
      <c r="FY29" s="112">
        <v>691483</v>
      </c>
      <c r="FZ29" s="111">
        <v>0</v>
      </c>
      <c r="GA29" s="114">
        <v>987422</v>
      </c>
      <c r="GB29" s="114">
        <v>2071837</v>
      </c>
      <c r="GC29" s="114">
        <v>1495427</v>
      </c>
      <c r="GD29" s="114">
        <v>1359236</v>
      </c>
      <c r="GE29" s="114">
        <v>1801166</v>
      </c>
      <c r="GF29" s="113">
        <v>7715088</v>
      </c>
      <c r="GG29" s="319">
        <v>8406571</v>
      </c>
      <c r="GH29" s="115">
        <v>44000</v>
      </c>
      <c r="GI29" s="114">
        <v>23017</v>
      </c>
      <c r="GJ29" s="112">
        <v>67017</v>
      </c>
      <c r="GK29" s="111">
        <v>0</v>
      </c>
      <c r="GL29" s="114">
        <v>0</v>
      </c>
      <c r="GM29" s="114">
        <v>8316</v>
      </c>
      <c r="GN29" s="114">
        <v>28512</v>
      </c>
      <c r="GO29" s="114">
        <v>132871</v>
      </c>
      <c r="GP29" s="114">
        <v>0</v>
      </c>
      <c r="GQ29" s="113">
        <v>169699</v>
      </c>
      <c r="GR29" s="116">
        <v>236716</v>
      </c>
      <c r="GS29" s="110">
        <v>180000</v>
      </c>
      <c r="GT29" s="114">
        <v>285570</v>
      </c>
      <c r="GU29" s="113">
        <v>465570</v>
      </c>
      <c r="GV29" s="110">
        <v>0</v>
      </c>
      <c r="GW29" s="114">
        <v>0</v>
      </c>
      <c r="GX29" s="114">
        <v>61200</v>
      </c>
      <c r="GY29" s="114">
        <v>120240</v>
      </c>
      <c r="GZ29" s="114">
        <v>11700</v>
      </c>
      <c r="HA29" s="114">
        <v>0</v>
      </c>
      <c r="HB29" s="112">
        <v>193140</v>
      </c>
      <c r="HC29" s="116">
        <v>658710</v>
      </c>
      <c r="HD29" s="110">
        <v>722557</v>
      </c>
      <c r="HE29" s="114">
        <v>757269</v>
      </c>
      <c r="HF29" s="112">
        <v>1479826</v>
      </c>
      <c r="HG29" s="111">
        <v>0</v>
      </c>
      <c r="HH29" s="114">
        <v>5877995</v>
      </c>
      <c r="HI29" s="114">
        <v>5033122</v>
      </c>
      <c r="HJ29" s="114">
        <v>5876437</v>
      </c>
      <c r="HK29" s="114">
        <v>7015451</v>
      </c>
      <c r="HL29" s="114">
        <v>5235054</v>
      </c>
      <c r="HM29" s="113">
        <v>29038059</v>
      </c>
      <c r="HN29" s="109">
        <v>30517885</v>
      </c>
      <c r="HO29" s="115">
        <v>444300</v>
      </c>
      <c r="HP29" s="114">
        <v>423358</v>
      </c>
      <c r="HQ29" s="113">
        <v>867658</v>
      </c>
      <c r="HR29" s="110">
        <v>0</v>
      </c>
      <c r="HS29" s="114">
        <v>4051806</v>
      </c>
      <c r="HT29" s="114">
        <v>2735902</v>
      </c>
      <c r="HU29" s="114">
        <v>2055690</v>
      </c>
      <c r="HV29" s="114">
        <v>1350237</v>
      </c>
      <c r="HW29" s="114">
        <v>1221571</v>
      </c>
      <c r="HX29" s="112">
        <v>11415206</v>
      </c>
      <c r="HY29" s="116">
        <v>12282864</v>
      </c>
      <c r="HZ29" s="131">
        <v>233741</v>
      </c>
      <c r="IA29" s="132">
        <v>288586</v>
      </c>
      <c r="IB29" s="133">
        <v>522327</v>
      </c>
      <c r="IC29" s="146">
        <v>0</v>
      </c>
      <c r="ID29" s="132">
        <v>4741362</v>
      </c>
      <c r="IE29" s="147">
        <v>4017601</v>
      </c>
      <c r="IF29" s="133">
        <v>6510248</v>
      </c>
      <c r="IG29" s="132">
        <v>3719445</v>
      </c>
      <c r="IH29" s="133">
        <v>2533184</v>
      </c>
      <c r="II29" s="148">
        <v>21521840</v>
      </c>
      <c r="IJ29" s="139">
        <v>22044167</v>
      </c>
      <c r="IK29" s="232">
        <v>0</v>
      </c>
      <c r="IL29" s="236">
        <v>0</v>
      </c>
      <c r="IM29" s="237">
        <v>0</v>
      </c>
      <c r="IN29" s="140"/>
      <c r="IO29" s="119">
        <v>219467</v>
      </c>
      <c r="IP29" s="119">
        <v>219218</v>
      </c>
      <c r="IQ29" s="119">
        <v>330523</v>
      </c>
      <c r="IR29" s="119">
        <v>403929</v>
      </c>
      <c r="IS29" s="119">
        <v>329893</v>
      </c>
      <c r="IT29" s="141">
        <v>1503030</v>
      </c>
      <c r="IU29" s="321">
        <v>1503030</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1956499</v>
      </c>
      <c r="JL29" s="119">
        <v>781060</v>
      </c>
      <c r="JM29" s="119">
        <v>1069663</v>
      </c>
      <c r="JN29" s="119">
        <v>437547</v>
      </c>
      <c r="JO29" s="119">
        <v>124964</v>
      </c>
      <c r="JP29" s="120">
        <v>4369733</v>
      </c>
      <c r="JQ29" s="321">
        <v>4369733</v>
      </c>
      <c r="JR29" s="142">
        <v>0</v>
      </c>
      <c r="JS29" s="119">
        <v>0</v>
      </c>
      <c r="JT29" s="141">
        <v>0</v>
      </c>
      <c r="JU29" s="118">
        <v>0</v>
      </c>
      <c r="JV29" s="119">
        <v>664470</v>
      </c>
      <c r="JW29" s="119">
        <v>616101</v>
      </c>
      <c r="JX29" s="119">
        <v>366898</v>
      </c>
      <c r="JY29" s="119">
        <v>172839</v>
      </c>
      <c r="JZ29" s="119">
        <v>212179</v>
      </c>
      <c r="KA29" s="120">
        <v>2032487</v>
      </c>
      <c r="KB29" s="321">
        <v>2032487</v>
      </c>
      <c r="KC29" s="234">
        <v>233741</v>
      </c>
      <c r="KD29" s="230">
        <v>288586</v>
      </c>
      <c r="KE29" s="120">
        <v>522327</v>
      </c>
      <c r="KF29" s="118">
        <v>0</v>
      </c>
      <c r="KG29" s="119">
        <v>1650414</v>
      </c>
      <c r="KH29" s="119">
        <v>1101901</v>
      </c>
      <c r="KI29" s="119">
        <v>1716501</v>
      </c>
      <c r="KJ29" s="119">
        <v>1128096</v>
      </c>
      <c r="KK29" s="119">
        <v>848710</v>
      </c>
      <c r="KL29" s="120">
        <v>6445622</v>
      </c>
      <c r="KM29" s="143">
        <v>6967949</v>
      </c>
      <c r="KN29" s="232">
        <v>0</v>
      </c>
      <c r="KO29" s="236">
        <v>0</v>
      </c>
      <c r="KP29" s="237">
        <v>0</v>
      </c>
      <c r="KQ29" s="140"/>
      <c r="KR29" s="119">
        <v>250512</v>
      </c>
      <c r="KS29" s="119">
        <v>1299321</v>
      </c>
      <c r="KT29" s="119">
        <v>3026663</v>
      </c>
      <c r="KU29" s="119">
        <v>1577034</v>
      </c>
      <c r="KV29" s="119">
        <v>1017438</v>
      </c>
      <c r="KW29" s="120">
        <v>7170968</v>
      </c>
      <c r="KX29" s="321">
        <v>7170968</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1">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2100392</v>
      </c>
      <c r="MK29" s="119">
        <v>4141366</v>
      </c>
      <c r="ML29" s="119">
        <v>14072522</v>
      </c>
      <c r="MM29" s="119">
        <v>31416240</v>
      </c>
      <c r="MN29" s="119">
        <v>20027966</v>
      </c>
      <c r="MO29" s="120">
        <v>71758486</v>
      </c>
      <c r="MP29" s="143">
        <v>71758486</v>
      </c>
      <c r="MQ29" s="142">
        <v>0</v>
      </c>
      <c r="MR29" s="119">
        <v>0</v>
      </c>
      <c r="MS29" s="120">
        <v>0</v>
      </c>
      <c r="MT29" s="145"/>
      <c r="MU29" s="119">
        <v>0</v>
      </c>
      <c r="MV29" s="119">
        <v>0</v>
      </c>
      <c r="MW29" s="119">
        <v>8721799</v>
      </c>
      <c r="MX29" s="119">
        <v>20622098</v>
      </c>
      <c r="MY29" s="119">
        <v>17896241</v>
      </c>
      <c r="MZ29" s="120">
        <v>47240138</v>
      </c>
      <c r="NA29" s="143">
        <v>47240138</v>
      </c>
      <c r="NB29" s="142">
        <v>0</v>
      </c>
      <c r="NC29" s="119">
        <v>0</v>
      </c>
      <c r="ND29" s="120">
        <v>0</v>
      </c>
      <c r="NE29" s="145"/>
      <c r="NF29" s="119">
        <v>2100392</v>
      </c>
      <c r="NG29" s="119">
        <v>4141366</v>
      </c>
      <c r="NH29" s="119">
        <v>5350723</v>
      </c>
      <c r="NI29" s="119">
        <v>10794142</v>
      </c>
      <c r="NJ29" s="119">
        <v>2131725</v>
      </c>
      <c r="NK29" s="120">
        <v>24518348</v>
      </c>
      <c r="NL29" s="321">
        <v>24518348</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2634064</v>
      </c>
      <c r="OJ29" s="119">
        <v>3533267</v>
      </c>
      <c r="OK29" s="141">
        <v>6167331</v>
      </c>
      <c r="OL29" s="118">
        <v>0</v>
      </c>
      <c r="OM29" s="119">
        <v>33114256</v>
      </c>
      <c r="ON29" s="119">
        <v>33249073</v>
      </c>
      <c r="OO29" s="119">
        <v>44341665</v>
      </c>
      <c r="OP29" s="119">
        <v>59420782</v>
      </c>
      <c r="OQ29" s="119">
        <v>45674433</v>
      </c>
      <c r="OR29" s="120">
        <v>215800209</v>
      </c>
      <c r="OS29" s="143">
        <v>221967540</v>
      </c>
    </row>
    <row r="30" spans="2:409" ht="18.75" customHeight="1" x14ac:dyDescent="0.2">
      <c r="B30" s="62" t="s">
        <v>25</v>
      </c>
      <c r="C30" s="110">
        <v>2212026</v>
      </c>
      <c r="D30" s="114">
        <v>3849807</v>
      </c>
      <c r="E30" s="113">
        <v>6061833</v>
      </c>
      <c r="F30" s="109">
        <v>0</v>
      </c>
      <c r="G30" s="114">
        <v>28575610</v>
      </c>
      <c r="H30" s="114">
        <v>28669470</v>
      </c>
      <c r="I30" s="114">
        <v>20456362</v>
      </c>
      <c r="J30" s="114">
        <v>27047914</v>
      </c>
      <c r="K30" s="114">
        <v>18564212</v>
      </c>
      <c r="L30" s="173">
        <v>123313568</v>
      </c>
      <c r="M30" s="116">
        <v>129375401</v>
      </c>
      <c r="N30" s="110">
        <v>470092</v>
      </c>
      <c r="O30" s="114">
        <v>1102747</v>
      </c>
      <c r="P30" s="113">
        <v>1572839</v>
      </c>
      <c r="Q30" s="110">
        <v>0</v>
      </c>
      <c r="R30" s="114">
        <v>7726168</v>
      </c>
      <c r="S30" s="114">
        <v>7823355</v>
      </c>
      <c r="T30" s="114">
        <v>6680680</v>
      </c>
      <c r="U30" s="114">
        <v>9926383</v>
      </c>
      <c r="V30" s="114">
        <v>10600633</v>
      </c>
      <c r="W30" s="113">
        <v>42757219</v>
      </c>
      <c r="X30" s="116">
        <v>44330058</v>
      </c>
      <c r="Y30" s="110">
        <v>0</v>
      </c>
      <c r="Z30" s="114">
        <v>0</v>
      </c>
      <c r="AA30" s="113">
        <v>0</v>
      </c>
      <c r="AB30" s="110">
        <v>0</v>
      </c>
      <c r="AC30" s="114">
        <v>3932167</v>
      </c>
      <c r="AD30" s="114">
        <v>3866569</v>
      </c>
      <c r="AE30" s="114">
        <v>3918495</v>
      </c>
      <c r="AF30" s="114">
        <v>6219260</v>
      </c>
      <c r="AG30" s="114">
        <v>6153045</v>
      </c>
      <c r="AH30" s="113">
        <v>24089536</v>
      </c>
      <c r="AI30" s="116">
        <v>24089536</v>
      </c>
      <c r="AJ30" s="110">
        <v>0</v>
      </c>
      <c r="AK30" s="114">
        <v>0</v>
      </c>
      <c r="AL30" s="113">
        <v>0</v>
      </c>
      <c r="AM30" s="110">
        <v>0</v>
      </c>
      <c r="AN30" s="114">
        <v>101961</v>
      </c>
      <c r="AO30" s="114">
        <v>457187</v>
      </c>
      <c r="AP30" s="114">
        <v>368342</v>
      </c>
      <c r="AQ30" s="114">
        <v>1089454</v>
      </c>
      <c r="AR30" s="114">
        <v>1848525</v>
      </c>
      <c r="AS30" s="113">
        <v>3865469</v>
      </c>
      <c r="AT30" s="116">
        <v>3865469</v>
      </c>
      <c r="AU30" s="110">
        <v>368767</v>
      </c>
      <c r="AV30" s="114">
        <v>876476</v>
      </c>
      <c r="AW30" s="113">
        <v>1245243</v>
      </c>
      <c r="AX30" s="110">
        <v>0</v>
      </c>
      <c r="AY30" s="114">
        <v>2707009</v>
      </c>
      <c r="AZ30" s="114">
        <v>2071313</v>
      </c>
      <c r="BA30" s="114">
        <v>1582814</v>
      </c>
      <c r="BB30" s="114">
        <v>1348086</v>
      </c>
      <c r="BC30" s="114">
        <v>1650753</v>
      </c>
      <c r="BD30" s="113">
        <v>9359975</v>
      </c>
      <c r="BE30" s="116">
        <v>10605218</v>
      </c>
      <c r="BF30" s="110">
        <v>35092</v>
      </c>
      <c r="BG30" s="114">
        <v>83197</v>
      </c>
      <c r="BH30" s="112">
        <v>118289</v>
      </c>
      <c r="BI30" s="111">
        <v>0</v>
      </c>
      <c r="BJ30" s="114">
        <v>67317</v>
      </c>
      <c r="BK30" s="114">
        <v>561220</v>
      </c>
      <c r="BL30" s="114">
        <v>249133</v>
      </c>
      <c r="BM30" s="114">
        <v>142422</v>
      </c>
      <c r="BN30" s="114">
        <v>167176</v>
      </c>
      <c r="BO30" s="113">
        <v>1187268</v>
      </c>
      <c r="BP30" s="116">
        <v>1305557</v>
      </c>
      <c r="BQ30" s="110">
        <v>66233</v>
      </c>
      <c r="BR30" s="114">
        <v>143074</v>
      </c>
      <c r="BS30" s="113">
        <v>209307</v>
      </c>
      <c r="BT30" s="110">
        <v>0</v>
      </c>
      <c r="BU30" s="114">
        <v>917714</v>
      </c>
      <c r="BV30" s="114">
        <v>867066</v>
      </c>
      <c r="BW30" s="114">
        <v>561896</v>
      </c>
      <c r="BX30" s="114">
        <v>1127161</v>
      </c>
      <c r="BY30" s="114">
        <v>781134</v>
      </c>
      <c r="BZ30" s="113">
        <v>4254971</v>
      </c>
      <c r="CA30" s="116">
        <v>4464278</v>
      </c>
      <c r="CB30" s="110">
        <v>167850</v>
      </c>
      <c r="CC30" s="114">
        <v>612940</v>
      </c>
      <c r="CD30" s="113">
        <v>780790</v>
      </c>
      <c r="CE30" s="110">
        <v>0</v>
      </c>
      <c r="CF30" s="114">
        <v>10705152</v>
      </c>
      <c r="CG30" s="114">
        <v>10328057</v>
      </c>
      <c r="CH30" s="114">
        <v>6421320</v>
      </c>
      <c r="CI30" s="114">
        <v>6867322</v>
      </c>
      <c r="CJ30" s="114">
        <v>1502218</v>
      </c>
      <c r="CK30" s="113">
        <v>35824069</v>
      </c>
      <c r="CL30" s="116">
        <v>36604859</v>
      </c>
      <c r="CM30" s="110">
        <v>0</v>
      </c>
      <c r="CN30" s="114">
        <v>0</v>
      </c>
      <c r="CO30" s="113">
        <v>0</v>
      </c>
      <c r="CP30" s="111">
        <v>0</v>
      </c>
      <c r="CQ30" s="114">
        <v>8330330</v>
      </c>
      <c r="CR30" s="114">
        <v>6404371</v>
      </c>
      <c r="CS30" s="114">
        <v>4841291</v>
      </c>
      <c r="CT30" s="114">
        <v>5639810</v>
      </c>
      <c r="CU30" s="114">
        <v>885287</v>
      </c>
      <c r="CV30" s="113">
        <v>26101089</v>
      </c>
      <c r="CW30" s="116">
        <v>26101089</v>
      </c>
      <c r="CX30" s="110">
        <v>167850</v>
      </c>
      <c r="CY30" s="114">
        <v>612940</v>
      </c>
      <c r="CZ30" s="113">
        <v>780790</v>
      </c>
      <c r="DA30" s="110">
        <v>0</v>
      </c>
      <c r="DB30" s="114">
        <v>2374822</v>
      </c>
      <c r="DC30" s="114">
        <v>3923686</v>
      </c>
      <c r="DD30" s="114">
        <v>1580029</v>
      </c>
      <c r="DE30" s="114">
        <v>1227512</v>
      </c>
      <c r="DF30" s="114">
        <v>616931</v>
      </c>
      <c r="DG30" s="113">
        <v>9722980</v>
      </c>
      <c r="DH30" s="116">
        <v>10503770</v>
      </c>
      <c r="DI30" s="110">
        <v>0</v>
      </c>
      <c r="DJ30" s="114">
        <v>145672</v>
      </c>
      <c r="DK30" s="112">
        <v>145672</v>
      </c>
      <c r="DL30" s="111">
        <v>0</v>
      </c>
      <c r="DM30" s="114">
        <v>832379</v>
      </c>
      <c r="DN30" s="114">
        <v>1577178</v>
      </c>
      <c r="DO30" s="114">
        <v>2163856</v>
      </c>
      <c r="DP30" s="114">
        <v>1318791</v>
      </c>
      <c r="DQ30" s="114">
        <v>564849</v>
      </c>
      <c r="DR30" s="113">
        <v>6457053</v>
      </c>
      <c r="DS30" s="116">
        <v>6602725</v>
      </c>
      <c r="DT30" s="110">
        <v>0</v>
      </c>
      <c r="DU30" s="114">
        <v>145672</v>
      </c>
      <c r="DV30" s="113">
        <v>145672</v>
      </c>
      <c r="DW30" s="110">
        <v>0</v>
      </c>
      <c r="DX30" s="114">
        <v>446580</v>
      </c>
      <c r="DY30" s="114">
        <v>1413778</v>
      </c>
      <c r="DZ30" s="114">
        <v>1557436</v>
      </c>
      <c r="EA30" s="114">
        <v>924651</v>
      </c>
      <c r="EB30" s="114">
        <v>350237</v>
      </c>
      <c r="EC30" s="113">
        <v>4692682</v>
      </c>
      <c r="ED30" s="116">
        <v>4838354</v>
      </c>
      <c r="EE30" s="110">
        <v>0</v>
      </c>
      <c r="EF30" s="112">
        <v>0</v>
      </c>
      <c r="EG30" s="113">
        <v>0</v>
      </c>
      <c r="EH30" s="110">
        <v>0</v>
      </c>
      <c r="EI30" s="114">
        <v>385799</v>
      </c>
      <c r="EJ30" s="114">
        <v>163400</v>
      </c>
      <c r="EK30" s="114">
        <v>606420</v>
      </c>
      <c r="EL30" s="114">
        <v>394140</v>
      </c>
      <c r="EM30" s="114">
        <v>214612</v>
      </c>
      <c r="EN30" s="112">
        <v>1764371</v>
      </c>
      <c r="EO30" s="116">
        <v>1764371</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8"/>
      <c r="FE30" s="114">
        <v>0</v>
      </c>
      <c r="FF30" s="114">
        <v>0</v>
      </c>
      <c r="FG30" s="114">
        <v>0</v>
      </c>
      <c r="FH30" s="114">
        <v>0</v>
      </c>
      <c r="FI30" s="114">
        <v>0</v>
      </c>
      <c r="FJ30" s="113">
        <v>0</v>
      </c>
      <c r="FK30" s="116">
        <v>0</v>
      </c>
      <c r="FL30" s="110">
        <v>971914</v>
      </c>
      <c r="FM30" s="114">
        <v>1122460</v>
      </c>
      <c r="FN30" s="113">
        <v>2094374</v>
      </c>
      <c r="FO30" s="110">
        <v>0</v>
      </c>
      <c r="FP30" s="114">
        <v>1259187</v>
      </c>
      <c r="FQ30" s="114">
        <v>2635243</v>
      </c>
      <c r="FR30" s="114">
        <v>1776009</v>
      </c>
      <c r="FS30" s="114">
        <v>2028848</v>
      </c>
      <c r="FT30" s="114">
        <v>1559838</v>
      </c>
      <c r="FU30" s="113">
        <v>9259125</v>
      </c>
      <c r="FV30" s="116">
        <v>11353499</v>
      </c>
      <c r="FW30" s="115">
        <v>394114</v>
      </c>
      <c r="FX30" s="114">
        <v>740425</v>
      </c>
      <c r="FY30" s="112">
        <v>1134539</v>
      </c>
      <c r="FZ30" s="111">
        <v>0</v>
      </c>
      <c r="GA30" s="114">
        <v>972507</v>
      </c>
      <c r="GB30" s="114">
        <v>2364433</v>
      </c>
      <c r="GC30" s="114">
        <v>1776009</v>
      </c>
      <c r="GD30" s="114">
        <v>1866848</v>
      </c>
      <c r="GE30" s="114">
        <v>1379838</v>
      </c>
      <c r="GF30" s="113">
        <v>8359635</v>
      </c>
      <c r="GG30" s="319">
        <v>9494174</v>
      </c>
      <c r="GH30" s="115">
        <v>28800</v>
      </c>
      <c r="GI30" s="114">
        <v>69195</v>
      </c>
      <c r="GJ30" s="112">
        <v>97995</v>
      </c>
      <c r="GK30" s="111">
        <v>0</v>
      </c>
      <c r="GL30" s="114">
        <v>12800</v>
      </c>
      <c r="GM30" s="114">
        <v>150480</v>
      </c>
      <c r="GN30" s="114">
        <v>0</v>
      </c>
      <c r="GO30" s="114">
        <v>36000</v>
      </c>
      <c r="GP30" s="114">
        <v>0</v>
      </c>
      <c r="GQ30" s="113">
        <v>199280</v>
      </c>
      <c r="GR30" s="116">
        <v>297275</v>
      </c>
      <c r="GS30" s="110">
        <v>549000</v>
      </c>
      <c r="GT30" s="114">
        <v>312840</v>
      </c>
      <c r="GU30" s="113">
        <v>861840</v>
      </c>
      <c r="GV30" s="110">
        <v>0</v>
      </c>
      <c r="GW30" s="114">
        <v>273880</v>
      </c>
      <c r="GX30" s="114">
        <v>120330</v>
      </c>
      <c r="GY30" s="114">
        <v>0</v>
      </c>
      <c r="GZ30" s="114">
        <v>126000</v>
      </c>
      <c r="HA30" s="114">
        <v>180000</v>
      </c>
      <c r="HB30" s="112">
        <v>700210</v>
      </c>
      <c r="HC30" s="116">
        <v>1562050</v>
      </c>
      <c r="HD30" s="110">
        <v>184858</v>
      </c>
      <c r="HE30" s="114">
        <v>192422</v>
      </c>
      <c r="HF30" s="112">
        <v>377280</v>
      </c>
      <c r="HG30" s="111">
        <v>0</v>
      </c>
      <c r="HH30" s="114">
        <v>3601846</v>
      </c>
      <c r="HI30" s="114">
        <v>3080638</v>
      </c>
      <c r="HJ30" s="114">
        <v>1313621</v>
      </c>
      <c r="HK30" s="114">
        <v>5030502</v>
      </c>
      <c r="HL30" s="114">
        <v>3315915</v>
      </c>
      <c r="HM30" s="113">
        <v>16342522</v>
      </c>
      <c r="HN30" s="109">
        <v>16719802</v>
      </c>
      <c r="HO30" s="115">
        <v>417312</v>
      </c>
      <c r="HP30" s="114">
        <v>673566</v>
      </c>
      <c r="HQ30" s="113">
        <v>1090878</v>
      </c>
      <c r="HR30" s="110">
        <v>0</v>
      </c>
      <c r="HS30" s="114">
        <v>4450878</v>
      </c>
      <c r="HT30" s="114">
        <v>3224999</v>
      </c>
      <c r="HU30" s="114">
        <v>2100876</v>
      </c>
      <c r="HV30" s="114">
        <v>1876068</v>
      </c>
      <c r="HW30" s="114">
        <v>1020759</v>
      </c>
      <c r="HX30" s="112">
        <v>12673580</v>
      </c>
      <c r="HY30" s="116">
        <v>13764458</v>
      </c>
      <c r="HZ30" s="150">
        <v>0</v>
      </c>
      <c r="IA30" s="135">
        <v>0</v>
      </c>
      <c r="IB30" s="150">
        <v>0</v>
      </c>
      <c r="IC30" s="134">
        <v>0</v>
      </c>
      <c r="ID30" s="135">
        <v>8703045</v>
      </c>
      <c r="IE30" s="136">
        <v>4612988</v>
      </c>
      <c r="IF30" s="137">
        <v>3635028</v>
      </c>
      <c r="IG30" s="135">
        <v>2237129</v>
      </c>
      <c r="IH30" s="137">
        <v>301437</v>
      </c>
      <c r="II30" s="138">
        <v>19489627</v>
      </c>
      <c r="IJ30" s="150">
        <v>19489627</v>
      </c>
      <c r="IK30" s="232">
        <v>0</v>
      </c>
      <c r="IL30" s="236">
        <v>0</v>
      </c>
      <c r="IM30" s="237">
        <v>0</v>
      </c>
      <c r="IN30" s="140"/>
      <c r="IO30" s="119">
        <v>0</v>
      </c>
      <c r="IP30" s="119">
        <v>0</v>
      </c>
      <c r="IQ30" s="119">
        <v>0</v>
      </c>
      <c r="IR30" s="119">
        <v>0</v>
      </c>
      <c r="IS30" s="119">
        <v>0</v>
      </c>
      <c r="IT30" s="141">
        <v>0</v>
      </c>
      <c r="IU30" s="321">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4509822</v>
      </c>
      <c r="JL30" s="119">
        <v>2119539</v>
      </c>
      <c r="JM30" s="119">
        <v>1211892</v>
      </c>
      <c r="JN30" s="119">
        <v>510245</v>
      </c>
      <c r="JO30" s="119">
        <v>178580</v>
      </c>
      <c r="JP30" s="120">
        <v>8530078</v>
      </c>
      <c r="JQ30" s="321">
        <v>8530078</v>
      </c>
      <c r="JR30" s="142">
        <v>0</v>
      </c>
      <c r="JS30" s="119">
        <v>0</v>
      </c>
      <c r="JT30" s="141">
        <v>0</v>
      </c>
      <c r="JU30" s="118">
        <v>0</v>
      </c>
      <c r="JV30" s="119">
        <v>0</v>
      </c>
      <c r="JW30" s="119">
        <v>0</v>
      </c>
      <c r="JX30" s="119">
        <v>0</v>
      </c>
      <c r="JY30" s="119">
        <v>0</v>
      </c>
      <c r="JZ30" s="119">
        <v>0</v>
      </c>
      <c r="KA30" s="120">
        <v>0</v>
      </c>
      <c r="KB30" s="321">
        <v>0</v>
      </c>
      <c r="KC30" s="234">
        <v>0</v>
      </c>
      <c r="KD30" s="230">
        <v>0</v>
      </c>
      <c r="KE30" s="120">
        <v>0</v>
      </c>
      <c r="KF30" s="118">
        <v>0</v>
      </c>
      <c r="KG30" s="119">
        <v>730633</v>
      </c>
      <c r="KH30" s="119">
        <v>876191</v>
      </c>
      <c r="KI30" s="119">
        <v>999582</v>
      </c>
      <c r="KJ30" s="119">
        <v>0</v>
      </c>
      <c r="KK30" s="119">
        <v>0</v>
      </c>
      <c r="KL30" s="120">
        <v>2606406</v>
      </c>
      <c r="KM30" s="143">
        <v>2606406</v>
      </c>
      <c r="KN30" s="232">
        <v>0</v>
      </c>
      <c r="KO30" s="236">
        <v>0</v>
      </c>
      <c r="KP30" s="237">
        <v>0</v>
      </c>
      <c r="KQ30" s="140"/>
      <c r="KR30" s="119">
        <v>3462590</v>
      </c>
      <c r="KS30" s="119">
        <v>1617258</v>
      </c>
      <c r="KT30" s="119">
        <v>1423554</v>
      </c>
      <c r="KU30" s="119">
        <v>1726884</v>
      </c>
      <c r="KV30" s="119">
        <v>122857</v>
      </c>
      <c r="KW30" s="120">
        <v>8353143</v>
      </c>
      <c r="KX30" s="321">
        <v>8353143</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1">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2816921</v>
      </c>
      <c r="MK30" s="119">
        <v>7537454</v>
      </c>
      <c r="ML30" s="119">
        <v>23268658</v>
      </c>
      <c r="MM30" s="119">
        <v>35763633</v>
      </c>
      <c r="MN30" s="119">
        <v>23652575</v>
      </c>
      <c r="MO30" s="120">
        <v>93039241</v>
      </c>
      <c r="MP30" s="143">
        <v>93039241</v>
      </c>
      <c r="MQ30" s="142">
        <v>0</v>
      </c>
      <c r="MR30" s="119">
        <v>0</v>
      </c>
      <c r="MS30" s="120">
        <v>0</v>
      </c>
      <c r="MT30" s="145"/>
      <c r="MU30" s="119">
        <v>701821</v>
      </c>
      <c r="MV30" s="119">
        <v>1763236</v>
      </c>
      <c r="MW30" s="119">
        <v>16095824</v>
      </c>
      <c r="MX30" s="119">
        <v>21489530</v>
      </c>
      <c r="MY30" s="119">
        <v>16728640</v>
      </c>
      <c r="MZ30" s="120">
        <v>56779051</v>
      </c>
      <c r="NA30" s="143">
        <v>56779051</v>
      </c>
      <c r="NB30" s="142">
        <v>0</v>
      </c>
      <c r="NC30" s="119">
        <v>0</v>
      </c>
      <c r="ND30" s="120">
        <v>0</v>
      </c>
      <c r="NE30" s="145"/>
      <c r="NF30" s="119">
        <v>2115100</v>
      </c>
      <c r="NG30" s="119">
        <v>5774218</v>
      </c>
      <c r="NH30" s="119">
        <v>7172834</v>
      </c>
      <c r="NI30" s="119">
        <v>13873828</v>
      </c>
      <c r="NJ30" s="119">
        <v>6513987</v>
      </c>
      <c r="NK30" s="120">
        <v>35449967</v>
      </c>
      <c r="NL30" s="321">
        <v>35449967</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400275</v>
      </c>
      <c r="OF30" s="119">
        <v>409948</v>
      </c>
      <c r="OG30" s="120">
        <v>810223</v>
      </c>
      <c r="OH30" s="121">
        <v>810223</v>
      </c>
      <c r="OI30" s="142">
        <v>2212026</v>
      </c>
      <c r="OJ30" s="119">
        <v>3849807</v>
      </c>
      <c r="OK30" s="141">
        <v>6061833</v>
      </c>
      <c r="OL30" s="118">
        <v>0</v>
      </c>
      <c r="OM30" s="119">
        <v>40095576</v>
      </c>
      <c r="ON30" s="119">
        <v>40819912</v>
      </c>
      <c r="OO30" s="119">
        <v>47360048</v>
      </c>
      <c r="OP30" s="119">
        <v>65048676</v>
      </c>
      <c r="OQ30" s="119">
        <v>42518224</v>
      </c>
      <c r="OR30" s="120">
        <v>235842436</v>
      </c>
      <c r="OS30" s="143">
        <v>241904269</v>
      </c>
    </row>
    <row r="31" spans="2:409" ht="18.75" customHeight="1" x14ac:dyDescent="0.2">
      <c r="B31" s="62" t="s">
        <v>26</v>
      </c>
      <c r="C31" s="110">
        <v>1685571</v>
      </c>
      <c r="D31" s="114">
        <v>2373561</v>
      </c>
      <c r="E31" s="113">
        <v>4059132</v>
      </c>
      <c r="F31" s="109">
        <v>0</v>
      </c>
      <c r="G31" s="114">
        <v>21909575</v>
      </c>
      <c r="H31" s="114">
        <v>25207783</v>
      </c>
      <c r="I31" s="114">
        <v>23156660</v>
      </c>
      <c r="J31" s="114">
        <v>23507823</v>
      </c>
      <c r="K31" s="114">
        <v>19604962</v>
      </c>
      <c r="L31" s="173">
        <v>113386803</v>
      </c>
      <c r="M31" s="116">
        <v>117445935</v>
      </c>
      <c r="N31" s="110">
        <v>360272</v>
      </c>
      <c r="O31" s="114">
        <v>491000</v>
      </c>
      <c r="P31" s="113">
        <v>851272</v>
      </c>
      <c r="Q31" s="110">
        <v>0</v>
      </c>
      <c r="R31" s="114">
        <v>5958897</v>
      </c>
      <c r="S31" s="114">
        <v>7595498</v>
      </c>
      <c r="T31" s="114">
        <v>6490520</v>
      </c>
      <c r="U31" s="114">
        <v>9997553</v>
      </c>
      <c r="V31" s="114">
        <v>10421385</v>
      </c>
      <c r="W31" s="113">
        <v>40463853</v>
      </c>
      <c r="X31" s="116">
        <v>41315125</v>
      </c>
      <c r="Y31" s="110">
        <v>0</v>
      </c>
      <c r="Z31" s="114">
        <v>0</v>
      </c>
      <c r="AA31" s="113">
        <v>0</v>
      </c>
      <c r="AB31" s="110">
        <v>0</v>
      </c>
      <c r="AC31" s="114">
        <v>2849061</v>
      </c>
      <c r="AD31" s="114">
        <v>3819632</v>
      </c>
      <c r="AE31" s="114">
        <v>3240262</v>
      </c>
      <c r="AF31" s="114">
        <v>5835162</v>
      </c>
      <c r="AG31" s="114">
        <v>6752152</v>
      </c>
      <c r="AH31" s="113">
        <v>22496269</v>
      </c>
      <c r="AI31" s="116">
        <v>22496269</v>
      </c>
      <c r="AJ31" s="110">
        <v>0</v>
      </c>
      <c r="AK31" s="114">
        <v>0</v>
      </c>
      <c r="AL31" s="113">
        <v>0</v>
      </c>
      <c r="AM31" s="110">
        <v>0</v>
      </c>
      <c r="AN31" s="114">
        <v>0</v>
      </c>
      <c r="AO31" s="114">
        <v>76816</v>
      </c>
      <c r="AP31" s="114">
        <v>272568</v>
      </c>
      <c r="AQ31" s="114">
        <v>765601</v>
      </c>
      <c r="AR31" s="114">
        <v>854500</v>
      </c>
      <c r="AS31" s="113">
        <v>1969485</v>
      </c>
      <c r="AT31" s="116">
        <v>1969485</v>
      </c>
      <c r="AU31" s="110">
        <v>233692</v>
      </c>
      <c r="AV31" s="114">
        <v>446288</v>
      </c>
      <c r="AW31" s="113">
        <v>679980</v>
      </c>
      <c r="AX31" s="110">
        <v>0</v>
      </c>
      <c r="AY31" s="114">
        <v>2275036</v>
      </c>
      <c r="AZ31" s="114">
        <v>2722839</v>
      </c>
      <c r="BA31" s="114">
        <v>1898794</v>
      </c>
      <c r="BB31" s="114">
        <v>2354064</v>
      </c>
      <c r="BC31" s="114">
        <v>2045102</v>
      </c>
      <c r="BD31" s="113">
        <v>11295835</v>
      </c>
      <c r="BE31" s="116">
        <v>11975815</v>
      </c>
      <c r="BF31" s="110">
        <v>0</v>
      </c>
      <c r="BG31" s="114">
        <v>0</v>
      </c>
      <c r="BH31" s="112">
        <v>0</v>
      </c>
      <c r="BI31" s="111">
        <v>0</v>
      </c>
      <c r="BJ31" s="114">
        <v>102528</v>
      </c>
      <c r="BK31" s="114">
        <v>293169</v>
      </c>
      <c r="BL31" s="114">
        <v>171920</v>
      </c>
      <c r="BM31" s="114">
        <v>19896</v>
      </c>
      <c r="BN31" s="114">
        <v>114528</v>
      </c>
      <c r="BO31" s="113">
        <v>702041</v>
      </c>
      <c r="BP31" s="116">
        <v>702041</v>
      </c>
      <c r="BQ31" s="110">
        <v>126580</v>
      </c>
      <c r="BR31" s="114">
        <v>44712</v>
      </c>
      <c r="BS31" s="113">
        <v>171292</v>
      </c>
      <c r="BT31" s="110">
        <v>0</v>
      </c>
      <c r="BU31" s="114">
        <v>732272</v>
      </c>
      <c r="BV31" s="114">
        <v>683042</v>
      </c>
      <c r="BW31" s="114">
        <v>906976</v>
      </c>
      <c r="BX31" s="114">
        <v>1022830</v>
      </c>
      <c r="BY31" s="114">
        <v>655103</v>
      </c>
      <c r="BZ31" s="113">
        <v>4000223</v>
      </c>
      <c r="CA31" s="116">
        <v>4171515</v>
      </c>
      <c r="CB31" s="110">
        <v>112345</v>
      </c>
      <c r="CC31" s="114">
        <v>243887</v>
      </c>
      <c r="CD31" s="113">
        <v>356232</v>
      </c>
      <c r="CE31" s="110">
        <v>0</v>
      </c>
      <c r="CF31" s="114">
        <v>6437999</v>
      </c>
      <c r="CG31" s="114">
        <v>6766536</v>
      </c>
      <c r="CH31" s="114">
        <v>5498618</v>
      </c>
      <c r="CI31" s="114">
        <v>3345131</v>
      </c>
      <c r="CJ31" s="114">
        <v>2641873</v>
      </c>
      <c r="CK31" s="113">
        <v>24690157</v>
      </c>
      <c r="CL31" s="116">
        <v>25046389</v>
      </c>
      <c r="CM31" s="110">
        <v>0</v>
      </c>
      <c r="CN31" s="114">
        <v>0</v>
      </c>
      <c r="CO31" s="113">
        <v>0</v>
      </c>
      <c r="CP31" s="111">
        <v>0</v>
      </c>
      <c r="CQ31" s="114">
        <v>5724643</v>
      </c>
      <c r="CR31" s="114">
        <v>5506162</v>
      </c>
      <c r="CS31" s="114">
        <v>4604020</v>
      </c>
      <c r="CT31" s="114">
        <v>2943983</v>
      </c>
      <c r="CU31" s="114">
        <v>2208421</v>
      </c>
      <c r="CV31" s="113">
        <v>20987229</v>
      </c>
      <c r="CW31" s="116">
        <v>20987229</v>
      </c>
      <c r="CX31" s="110">
        <v>112345</v>
      </c>
      <c r="CY31" s="114">
        <v>243887</v>
      </c>
      <c r="CZ31" s="113">
        <v>356232</v>
      </c>
      <c r="DA31" s="110">
        <v>0</v>
      </c>
      <c r="DB31" s="114">
        <v>713356</v>
      </c>
      <c r="DC31" s="114">
        <v>1260374</v>
      </c>
      <c r="DD31" s="114">
        <v>894598</v>
      </c>
      <c r="DE31" s="114">
        <v>401148</v>
      </c>
      <c r="DF31" s="114">
        <v>433452</v>
      </c>
      <c r="DG31" s="113">
        <v>3702928</v>
      </c>
      <c r="DH31" s="116">
        <v>4059160</v>
      </c>
      <c r="DI31" s="110">
        <v>0</v>
      </c>
      <c r="DJ31" s="114">
        <v>104890</v>
      </c>
      <c r="DK31" s="112">
        <v>104890</v>
      </c>
      <c r="DL31" s="111">
        <v>0</v>
      </c>
      <c r="DM31" s="114">
        <v>531380</v>
      </c>
      <c r="DN31" s="114">
        <v>1225555</v>
      </c>
      <c r="DO31" s="114">
        <v>2138955</v>
      </c>
      <c r="DP31" s="114">
        <v>2055744</v>
      </c>
      <c r="DQ31" s="114">
        <v>806693</v>
      </c>
      <c r="DR31" s="113">
        <v>6758327</v>
      </c>
      <c r="DS31" s="116">
        <v>6863217</v>
      </c>
      <c r="DT31" s="110">
        <v>0</v>
      </c>
      <c r="DU31" s="114">
        <v>104890</v>
      </c>
      <c r="DV31" s="113">
        <v>104890</v>
      </c>
      <c r="DW31" s="110">
        <v>0</v>
      </c>
      <c r="DX31" s="114">
        <v>436991</v>
      </c>
      <c r="DY31" s="114">
        <v>1050029</v>
      </c>
      <c r="DZ31" s="114">
        <v>2087790</v>
      </c>
      <c r="EA31" s="114">
        <v>1961458</v>
      </c>
      <c r="EB31" s="114">
        <v>806693</v>
      </c>
      <c r="EC31" s="113">
        <v>6342961</v>
      </c>
      <c r="ED31" s="116">
        <v>6447851</v>
      </c>
      <c r="EE31" s="110">
        <v>0</v>
      </c>
      <c r="EF31" s="112">
        <v>0</v>
      </c>
      <c r="EG31" s="113">
        <v>0</v>
      </c>
      <c r="EH31" s="110">
        <v>0</v>
      </c>
      <c r="EI31" s="114">
        <v>94389</v>
      </c>
      <c r="EJ31" s="114">
        <v>175526</v>
      </c>
      <c r="EK31" s="114">
        <v>51165</v>
      </c>
      <c r="EL31" s="114">
        <v>94286</v>
      </c>
      <c r="EM31" s="114">
        <v>0</v>
      </c>
      <c r="EN31" s="112">
        <v>415366</v>
      </c>
      <c r="EO31" s="116">
        <v>415366</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8"/>
      <c r="FE31" s="114">
        <v>0</v>
      </c>
      <c r="FF31" s="114">
        <v>0</v>
      </c>
      <c r="FG31" s="114">
        <v>0</v>
      </c>
      <c r="FH31" s="114">
        <v>0</v>
      </c>
      <c r="FI31" s="114">
        <v>0</v>
      </c>
      <c r="FJ31" s="113">
        <v>0</v>
      </c>
      <c r="FK31" s="116">
        <v>0</v>
      </c>
      <c r="FL31" s="110">
        <v>257292</v>
      </c>
      <c r="FM31" s="114">
        <v>865908</v>
      </c>
      <c r="FN31" s="113">
        <v>1123200</v>
      </c>
      <c r="FO31" s="110">
        <v>0</v>
      </c>
      <c r="FP31" s="114">
        <v>1186733</v>
      </c>
      <c r="FQ31" s="114">
        <v>2531092</v>
      </c>
      <c r="FR31" s="114">
        <v>1904084</v>
      </c>
      <c r="FS31" s="114">
        <v>1955129</v>
      </c>
      <c r="FT31" s="114">
        <v>1616805</v>
      </c>
      <c r="FU31" s="113">
        <v>9193843</v>
      </c>
      <c r="FV31" s="116">
        <v>10317043</v>
      </c>
      <c r="FW31" s="115">
        <v>235908</v>
      </c>
      <c r="FX31" s="114">
        <v>496385</v>
      </c>
      <c r="FY31" s="112">
        <v>732293</v>
      </c>
      <c r="FZ31" s="111">
        <v>0</v>
      </c>
      <c r="GA31" s="114">
        <v>1144343</v>
      </c>
      <c r="GB31" s="114">
        <v>2264211</v>
      </c>
      <c r="GC31" s="114">
        <v>1639724</v>
      </c>
      <c r="GD31" s="114">
        <v>1724473</v>
      </c>
      <c r="GE31" s="114">
        <v>1544085</v>
      </c>
      <c r="GF31" s="113">
        <v>8316836</v>
      </c>
      <c r="GG31" s="319">
        <v>9049129</v>
      </c>
      <c r="GH31" s="115">
        <v>21384</v>
      </c>
      <c r="GI31" s="114">
        <v>118602</v>
      </c>
      <c r="GJ31" s="112">
        <v>139986</v>
      </c>
      <c r="GK31" s="111">
        <v>0</v>
      </c>
      <c r="GL31" s="114">
        <v>10890</v>
      </c>
      <c r="GM31" s="114">
        <v>89311</v>
      </c>
      <c r="GN31" s="114">
        <v>0</v>
      </c>
      <c r="GO31" s="114">
        <v>23364</v>
      </c>
      <c r="GP31" s="114">
        <v>72720</v>
      </c>
      <c r="GQ31" s="113">
        <v>196285</v>
      </c>
      <c r="GR31" s="116">
        <v>336271</v>
      </c>
      <c r="GS31" s="110">
        <v>0</v>
      </c>
      <c r="GT31" s="114">
        <v>250921</v>
      </c>
      <c r="GU31" s="113">
        <v>250921</v>
      </c>
      <c r="GV31" s="110">
        <v>0</v>
      </c>
      <c r="GW31" s="114">
        <v>31500</v>
      </c>
      <c r="GX31" s="114">
        <v>177570</v>
      </c>
      <c r="GY31" s="114">
        <v>264360</v>
      </c>
      <c r="GZ31" s="114">
        <v>207292</v>
      </c>
      <c r="HA31" s="114">
        <v>0</v>
      </c>
      <c r="HB31" s="112">
        <v>680722</v>
      </c>
      <c r="HC31" s="116">
        <v>931643</v>
      </c>
      <c r="HD31" s="110">
        <v>625185</v>
      </c>
      <c r="HE31" s="114">
        <v>197142</v>
      </c>
      <c r="HF31" s="112">
        <v>822327</v>
      </c>
      <c r="HG31" s="111">
        <v>0</v>
      </c>
      <c r="HH31" s="114">
        <v>3460613</v>
      </c>
      <c r="HI31" s="114">
        <v>3621817</v>
      </c>
      <c r="HJ31" s="114">
        <v>4637427</v>
      </c>
      <c r="HK31" s="114">
        <v>4342586</v>
      </c>
      <c r="HL31" s="114">
        <v>2922115</v>
      </c>
      <c r="HM31" s="113">
        <v>18984558</v>
      </c>
      <c r="HN31" s="109">
        <v>19806885</v>
      </c>
      <c r="HO31" s="115">
        <v>330477</v>
      </c>
      <c r="HP31" s="114">
        <v>470734</v>
      </c>
      <c r="HQ31" s="113">
        <v>801211</v>
      </c>
      <c r="HR31" s="110">
        <v>0</v>
      </c>
      <c r="HS31" s="114">
        <v>4333953</v>
      </c>
      <c r="HT31" s="114">
        <v>3467285</v>
      </c>
      <c r="HU31" s="114">
        <v>2487056</v>
      </c>
      <c r="HV31" s="114">
        <v>1811680</v>
      </c>
      <c r="HW31" s="114">
        <v>1196091</v>
      </c>
      <c r="HX31" s="112">
        <v>13296065</v>
      </c>
      <c r="HY31" s="116">
        <v>14097276</v>
      </c>
      <c r="HZ31" s="131">
        <v>53875</v>
      </c>
      <c r="IA31" s="132">
        <v>0</v>
      </c>
      <c r="IB31" s="133">
        <v>53875</v>
      </c>
      <c r="IC31" s="146">
        <v>0</v>
      </c>
      <c r="ID31" s="132">
        <v>5721505</v>
      </c>
      <c r="IE31" s="147">
        <v>7330521</v>
      </c>
      <c r="IF31" s="133">
        <v>9141106</v>
      </c>
      <c r="IG31" s="132">
        <v>5077608</v>
      </c>
      <c r="IH31" s="133">
        <v>4414085</v>
      </c>
      <c r="II31" s="148">
        <v>31684825</v>
      </c>
      <c r="IJ31" s="139">
        <v>31738700</v>
      </c>
      <c r="IK31" s="232">
        <v>0</v>
      </c>
      <c r="IL31" s="236">
        <v>0</v>
      </c>
      <c r="IM31" s="237">
        <v>0</v>
      </c>
      <c r="IN31" s="140"/>
      <c r="IO31" s="119">
        <v>0</v>
      </c>
      <c r="IP31" s="119">
        <v>0</v>
      </c>
      <c r="IQ31" s="119">
        <v>0</v>
      </c>
      <c r="IR31" s="119">
        <v>0</v>
      </c>
      <c r="IS31" s="119">
        <v>0</v>
      </c>
      <c r="IT31" s="141">
        <v>0</v>
      </c>
      <c r="IU31" s="321">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2307793</v>
      </c>
      <c r="JL31" s="119">
        <v>3139548</v>
      </c>
      <c r="JM31" s="119">
        <v>2313938</v>
      </c>
      <c r="JN31" s="119">
        <v>1169877</v>
      </c>
      <c r="JO31" s="119">
        <v>1619463</v>
      </c>
      <c r="JP31" s="120">
        <v>10550619</v>
      </c>
      <c r="JQ31" s="321">
        <v>10550619</v>
      </c>
      <c r="JR31" s="142">
        <v>0</v>
      </c>
      <c r="JS31" s="119">
        <v>0</v>
      </c>
      <c r="JT31" s="141">
        <v>0</v>
      </c>
      <c r="JU31" s="118">
        <v>0</v>
      </c>
      <c r="JV31" s="119">
        <v>0</v>
      </c>
      <c r="JW31" s="119">
        <v>369031</v>
      </c>
      <c r="JX31" s="119">
        <v>1066331</v>
      </c>
      <c r="JY31" s="119">
        <v>166880</v>
      </c>
      <c r="JZ31" s="119">
        <v>523915</v>
      </c>
      <c r="KA31" s="120">
        <v>2126157</v>
      </c>
      <c r="KB31" s="321">
        <v>2126157</v>
      </c>
      <c r="KC31" s="234">
        <v>53875</v>
      </c>
      <c r="KD31" s="230">
        <v>0</v>
      </c>
      <c r="KE31" s="120">
        <v>53875</v>
      </c>
      <c r="KF31" s="118">
        <v>0</v>
      </c>
      <c r="KG31" s="119">
        <v>906199</v>
      </c>
      <c r="KH31" s="119">
        <v>1165301</v>
      </c>
      <c r="KI31" s="119">
        <v>978672</v>
      </c>
      <c r="KJ31" s="119">
        <v>308835</v>
      </c>
      <c r="KK31" s="119">
        <v>955404</v>
      </c>
      <c r="KL31" s="120">
        <v>4314411</v>
      </c>
      <c r="KM31" s="143">
        <v>4368286</v>
      </c>
      <c r="KN31" s="232">
        <v>0</v>
      </c>
      <c r="KO31" s="236">
        <v>0</v>
      </c>
      <c r="KP31" s="237">
        <v>0</v>
      </c>
      <c r="KQ31" s="140"/>
      <c r="KR31" s="119">
        <v>2507513</v>
      </c>
      <c r="KS31" s="119">
        <v>2656641</v>
      </c>
      <c r="KT31" s="119">
        <v>4527688</v>
      </c>
      <c r="KU31" s="119">
        <v>3432016</v>
      </c>
      <c r="KV31" s="119">
        <v>1315303</v>
      </c>
      <c r="KW31" s="120">
        <v>14439161</v>
      </c>
      <c r="KX31" s="321">
        <v>14439161</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254477</v>
      </c>
      <c r="LQ31" s="119">
        <v>0</v>
      </c>
      <c r="LR31" s="119">
        <v>0</v>
      </c>
      <c r="LS31" s="120">
        <v>254477</v>
      </c>
      <c r="LT31" s="321">
        <v>254477</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2643693</v>
      </c>
      <c r="MK31" s="119">
        <v>7772545</v>
      </c>
      <c r="ML31" s="119">
        <v>12094174</v>
      </c>
      <c r="MM31" s="119">
        <v>26444218</v>
      </c>
      <c r="MN31" s="119">
        <v>17255563</v>
      </c>
      <c r="MO31" s="120">
        <v>66210193</v>
      </c>
      <c r="MP31" s="143">
        <v>66210193</v>
      </c>
      <c r="MQ31" s="142">
        <v>0</v>
      </c>
      <c r="MR31" s="119">
        <v>0</v>
      </c>
      <c r="MS31" s="120">
        <v>0</v>
      </c>
      <c r="MT31" s="145"/>
      <c r="MU31" s="119">
        <v>0</v>
      </c>
      <c r="MV31" s="119">
        <v>1760408</v>
      </c>
      <c r="MW31" s="119">
        <v>7464859</v>
      </c>
      <c r="MX31" s="119">
        <v>19543296</v>
      </c>
      <c r="MY31" s="119">
        <v>12823151</v>
      </c>
      <c r="MZ31" s="120">
        <v>41591714</v>
      </c>
      <c r="NA31" s="143">
        <v>41591714</v>
      </c>
      <c r="NB31" s="142">
        <v>0</v>
      </c>
      <c r="NC31" s="119">
        <v>0</v>
      </c>
      <c r="ND31" s="120">
        <v>0</v>
      </c>
      <c r="NE31" s="145"/>
      <c r="NF31" s="119">
        <v>2643693</v>
      </c>
      <c r="NG31" s="119">
        <v>6012137</v>
      </c>
      <c r="NH31" s="119">
        <v>4629315</v>
      </c>
      <c r="NI31" s="119">
        <v>6490096</v>
      </c>
      <c r="NJ31" s="119">
        <v>3570010</v>
      </c>
      <c r="NK31" s="120">
        <v>23345251</v>
      </c>
      <c r="NL31" s="321">
        <v>23345251</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410826</v>
      </c>
      <c r="OF31" s="119">
        <v>862402</v>
      </c>
      <c r="OG31" s="120">
        <v>1273228</v>
      </c>
      <c r="OH31" s="121">
        <v>1273228</v>
      </c>
      <c r="OI31" s="142">
        <v>1739446</v>
      </c>
      <c r="OJ31" s="119">
        <v>2373561</v>
      </c>
      <c r="OK31" s="141">
        <v>4113007</v>
      </c>
      <c r="OL31" s="118">
        <v>0</v>
      </c>
      <c r="OM31" s="119">
        <v>30274773</v>
      </c>
      <c r="ON31" s="119">
        <v>40310849</v>
      </c>
      <c r="OO31" s="119">
        <v>44391940</v>
      </c>
      <c r="OP31" s="119">
        <v>55029649</v>
      </c>
      <c r="OQ31" s="119">
        <v>41274610</v>
      </c>
      <c r="OR31" s="120">
        <v>211281821</v>
      </c>
      <c r="OS31" s="143">
        <v>215394828</v>
      </c>
    </row>
    <row r="32" spans="2:409" ht="18.75" customHeight="1" x14ac:dyDescent="0.2">
      <c r="B32" s="62" t="s">
        <v>27</v>
      </c>
      <c r="C32" s="110">
        <v>2595124</v>
      </c>
      <c r="D32" s="114">
        <v>6188473</v>
      </c>
      <c r="E32" s="113">
        <v>8783597</v>
      </c>
      <c r="F32" s="109">
        <v>0</v>
      </c>
      <c r="G32" s="114">
        <v>20654287</v>
      </c>
      <c r="H32" s="114">
        <v>24108739</v>
      </c>
      <c r="I32" s="114">
        <v>23372619</v>
      </c>
      <c r="J32" s="114">
        <v>23895050</v>
      </c>
      <c r="K32" s="114">
        <v>15785365</v>
      </c>
      <c r="L32" s="173">
        <v>107816060</v>
      </c>
      <c r="M32" s="116">
        <v>116599657</v>
      </c>
      <c r="N32" s="110">
        <v>587841</v>
      </c>
      <c r="O32" s="114">
        <v>1602042</v>
      </c>
      <c r="P32" s="113">
        <v>2189883</v>
      </c>
      <c r="Q32" s="110">
        <v>0</v>
      </c>
      <c r="R32" s="114">
        <v>4362841</v>
      </c>
      <c r="S32" s="114">
        <v>5722289</v>
      </c>
      <c r="T32" s="114">
        <v>6308218</v>
      </c>
      <c r="U32" s="114">
        <v>7578687</v>
      </c>
      <c r="V32" s="114">
        <v>8020982</v>
      </c>
      <c r="W32" s="113">
        <v>31993017</v>
      </c>
      <c r="X32" s="116">
        <v>34182900</v>
      </c>
      <c r="Y32" s="110">
        <v>0</v>
      </c>
      <c r="Z32" s="114">
        <v>0</v>
      </c>
      <c r="AA32" s="113">
        <v>0</v>
      </c>
      <c r="AB32" s="110">
        <v>0</v>
      </c>
      <c r="AC32" s="114">
        <v>2327905</v>
      </c>
      <c r="AD32" s="114">
        <v>3337211</v>
      </c>
      <c r="AE32" s="114">
        <v>3659676</v>
      </c>
      <c r="AF32" s="114">
        <v>4262990</v>
      </c>
      <c r="AG32" s="114">
        <v>4253156</v>
      </c>
      <c r="AH32" s="113">
        <v>17840938</v>
      </c>
      <c r="AI32" s="116">
        <v>17840938</v>
      </c>
      <c r="AJ32" s="110">
        <v>0</v>
      </c>
      <c r="AK32" s="114">
        <v>0</v>
      </c>
      <c r="AL32" s="113">
        <v>0</v>
      </c>
      <c r="AM32" s="110">
        <v>0</v>
      </c>
      <c r="AN32" s="114">
        <v>51346</v>
      </c>
      <c r="AO32" s="114">
        <v>206552</v>
      </c>
      <c r="AP32" s="114">
        <v>276002</v>
      </c>
      <c r="AQ32" s="114">
        <v>714087</v>
      </c>
      <c r="AR32" s="114">
        <v>1128762</v>
      </c>
      <c r="AS32" s="113">
        <v>2376749</v>
      </c>
      <c r="AT32" s="116">
        <v>2376749</v>
      </c>
      <c r="AU32" s="110">
        <v>510556</v>
      </c>
      <c r="AV32" s="114">
        <v>1361603</v>
      </c>
      <c r="AW32" s="113">
        <v>1872159</v>
      </c>
      <c r="AX32" s="110">
        <v>0</v>
      </c>
      <c r="AY32" s="114">
        <v>1244253</v>
      </c>
      <c r="AZ32" s="114">
        <v>1368050</v>
      </c>
      <c r="BA32" s="114">
        <v>1268605</v>
      </c>
      <c r="BB32" s="114">
        <v>1587143</v>
      </c>
      <c r="BC32" s="114">
        <v>2059308</v>
      </c>
      <c r="BD32" s="113">
        <v>7527359</v>
      </c>
      <c r="BE32" s="116">
        <v>9399518</v>
      </c>
      <c r="BF32" s="110">
        <v>0</v>
      </c>
      <c r="BG32" s="114">
        <v>63628</v>
      </c>
      <c r="BH32" s="112">
        <v>63628</v>
      </c>
      <c r="BI32" s="111">
        <v>0</v>
      </c>
      <c r="BJ32" s="114">
        <v>0</v>
      </c>
      <c r="BK32" s="114">
        <v>85978</v>
      </c>
      <c r="BL32" s="114">
        <v>0</v>
      </c>
      <c r="BM32" s="114">
        <v>108347</v>
      </c>
      <c r="BN32" s="114">
        <v>65004</v>
      </c>
      <c r="BO32" s="113">
        <v>259329</v>
      </c>
      <c r="BP32" s="116">
        <v>322957</v>
      </c>
      <c r="BQ32" s="110">
        <v>77285</v>
      </c>
      <c r="BR32" s="114">
        <v>176811</v>
      </c>
      <c r="BS32" s="113">
        <v>254096</v>
      </c>
      <c r="BT32" s="110">
        <v>0</v>
      </c>
      <c r="BU32" s="114">
        <v>739337</v>
      </c>
      <c r="BV32" s="114">
        <v>724498</v>
      </c>
      <c r="BW32" s="114">
        <v>1103935</v>
      </c>
      <c r="BX32" s="114">
        <v>906120</v>
      </c>
      <c r="BY32" s="114">
        <v>514752</v>
      </c>
      <c r="BZ32" s="113">
        <v>3988642</v>
      </c>
      <c r="CA32" s="116">
        <v>4242738</v>
      </c>
      <c r="CB32" s="110">
        <v>213683</v>
      </c>
      <c r="CC32" s="114">
        <v>1223326</v>
      </c>
      <c r="CD32" s="113">
        <v>1437009</v>
      </c>
      <c r="CE32" s="110">
        <v>0</v>
      </c>
      <c r="CF32" s="114">
        <v>6626801</v>
      </c>
      <c r="CG32" s="114">
        <v>7495947</v>
      </c>
      <c r="CH32" s="114">
        <v>4461520</v>
      </c>
      <c r="CI32" s="114">
        <v>3255857</v>
      </c>
      <c r="CJ32" s="114">
        <v>1748940</v>
      </c>
      <c r="CK32" s="113">
        <v>23589065</v>
      </c>
      <c r="CL32" s="116">
        <v>25026074</v>
      </c>
      <c r="CM32" s="110">
        <v>0</v>
      </c>
      <c r="CN32" s="114">
        <v>0</v>
      </c>
      <c r="CO32" s="113">
        <v>0</v>
      </c>
      <c r="CP32" s="111">
        <v>0</v>
      </c>
      <c r="CQ32" s="114">
        <v>5474573</v>
      </c>
      <c r="CR32" s="114">
        <v>5761192</v>
      </c>
      <c r="CS32" s="114">
        <v>3509031</v>
      </c>
      <c r="CT32" s="114">
        <v>2812412</v>
      </c>
      <c r="CU32" s="114">
        <v>1347896</v>
      </c>
      <c r="CV32" s="113">
        <v>18905104</v>
      </c>
      <c r="CW32" s="116">
        <v>18905104</v>
      </c>
      <c r="CX32" s="110">
        <v>213683</v>
      </c>
      <c r="CY32" s="114">
        <v>1223326</v>
      </c>
      <c r="CZ32" s="113">
        <v>1437009</v>
      </c>
      <c r="DA32" s="110">
        <v>0</v>
      </c>
      <c r="DB32" s="114">
        <v>1152228</v>
      </c>
      <c r="DC32" s="114">
        <v>1734755</v>
      </c>
      <c r="DD32" s="114">
        <v>952489</v>
      </c>
      <c r="DE32" s="114">
        <v>443445</v>
      </c>
      <c r="DF32" s="114">
        <v>401044</v>
      </c>
      <c r="DG32" s="113">
        <v>4683961</v>
      </c>
      <c r="DH32" s="116">
        <v>6120970</v>
      </c>
      <c r="DI32" s="110">
        <v>26118</v>
      </c>
      <c r="DJ32" s="114">
        <v>110578</v>
      </c>
      <c r="DK32" s="112">
        <v>136696</v>
      </c>
      <c r="DL32" s="111">
        <v>0</v>
      </c>
      <c r="DM32" s="114">
        <v>688392</v>
      </c>
      <c r="DN32" s="114">
        <v>759979</v>
      </c>
      <c r="DO32" s="114">
        <v>1547720</v>
      </c>
      <c r="DP32" s="114">
        <v>1417169</v>
      </c>
      <c r="DQ32" s="114">
        <v>780663</v>
      </c>
      <c r="DR32" s="113">
        <v>5193923</v>
      </c>
      <c r="DS32" s="116">
        <v>5330619</v>
      </c>
      <c r="DT32" s="110">
        <v>0</v>
      </c>
      <c r="DU32" s="114">
        <v>110578</v>
      </c>
      <c r="DV32" s="113">
        <v>110578</v>
      </c>
      <c r="DW32" s="110">
        <v>0</v>
      </c>
      <c r="DX32" s="114">
        <v>380259</v>
      </c>
      <c r="DY32" s="114">
        <v>711442</v>
      </c>
      <c r="DZ32" s="114">
        <v>1526633</v>
      </c>
      <c r="EA32" s="114">
        <v>1095463</v>
      </c>
      <c r="EB32" s="114">
        <v>701978</v>
      </c>
      <c r="EC32" s="113">
        <v>4415775</v>
      </c>
      <c r="ED32" s="116">
        <v>4526353</v>
      </c>
      <c r="EE32" s="110">
        <v>26118</v>
      </c>
      <c r="EF32" s="112">
        <v>0</v>
      </c>
      <c r="EG32" s="113">
        <v>26118</v>
      </c>
      <c r="EH32" s="110">
        <v>0</v>
      </c>
      <c r="EI32" s="114">
        <v>308133</v>
      </c>
      <c r="EJ32" s="114">
        <v>48537</v>
      </c>
      <c r="EK32" s="114">
        <v>21087</v>
      </c>
      <c r="EL32" s="114">
        <v>321706</v>
      </c>
      <c r="EM32" s="114">
        <v>78685</v>
      </c>
      <c r="EN32" s="112">
        <v>778148</v>
      </c>
      <c r="EO32" s="116">
        <v>804266</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8"/>
      <c r="FE32" s="114">
        <v>0</v>
      </c>
      <c r="FF32" s="114">
        <v>0</v>
      </c>
      <c r="FG32" s="114">
        <v>0</v>
      </c>
      <c r="FH32" s="114">
        <v>0</v>
      </c>
      <c r="FI32" s="114">
        <v>0</v>
      </c>
      <c r="FJ32" s="113">
        <v>0</v>
      </c>
      <c r="FK32" s="116">
        <v>0</v>
      </c>
      <c r="FL32" s="110">
        <v>720412</v>
      </c>
      <c r="FM32" s="114">
        <v>1018178</v>
      </c>
      <c r="FN32" s="113">
        <v>1738590</v>
      </c>
      <c r="FO32" s="110">
        <v>0</v>
      </c>
      <c r="FP32" s="114">
        <v>776056</v>
      </c>
      <c r="FQ32" s="114">
        <v>2254911</v>
      </c>
      <c r="FR32" s="114">
        <v>1600693</v>
      </c>
      <c r="FS32" s="114">
        <v>1569352</v>
      </c>
      <c r="FT32" s="114">
        <v>1075882</v>
      </c>
      <c r="FU32" s="113">
        <v>7276894</v>
      </c>
      <c r="FV32" s="116">
        <v>9015484</v>
      </c>
      <c r="FW32" s="115">
        <v>394986</v>
      </c>
      <c r="FX32" s="114">
        <v>870309</v>
      </c>
      <c r="FY32" s="112">
        <v>1265295</v>
      </c>
      <c r="FZ32" s="111">
        <v>0</v>
      </c>
      <c r="GA32" s="114">
        <v>528358</v>
      </c>
      <c r="GB32" s="114">
        <v>1976411</v>
      </c>
      <c r="GC32" s="114">
        <v>1366063</v>
      </c>
      <c r="GD32" s="114">
        <v>1418278</v>
      </c>
      <c r="GE32" s="114">
        <v>1075882</v>
      </c>
      <c r="GF32" s="113">
        <v>6364992</v>
      </c>
      <c r="GG32" s="319">
        <v>7630287</v>
      </c>
      <c r="GH32" s="115">
        <v>22815</v>
      </c>
      <c r="GI32" s="114">
        <v>38001</v>
      </c>
      <c r="GJ32" s="112">
        <v>60816</v>
      </c>
      <c r="GK32" s="111">
        <v>0</v>
      </c>
      <c r="GL32" s="114">
        <v>58212</v>
      </c>
      <c r="GM32" s="114">
        <v>62284</v>
      </c>
      <c r="GN32" s="114">
        <v>62370</v>
      </c>
      <c r="GO32" s="114">
        <v>21384</v>
      </c>
      <c r="GP32" s="114">
        <v>0</v>
      </c>
      <c r="GQ32" s="113">
        <v>204250</v>
      </c>
      <c r="GR32" s="116">
        <v>265066</v>
      </c>
      <c r="GS32" s="110">
        <v>302611</v>
      </c>
      <c r="GT32" s="114">
        <v>109868</v>
      </c>
      <c r="GU32" s="113">
        <v>412479</v>
      </c>
      <c r="GV32" s="110">
        <v>0</v>
      </c>
      <c r="GW32" s="114">
        <v>189486</v>
      </c>
      <c r="GX32" s="114">
        <v>216216</v>
      </c>
      <c r="GY32" s="114">
        <v>172260</v>
      </c>
      <c r="GZ32" s="114">
        <v>129690</v>
      </c>
      <c r="HA32" s="114">
        <v>0</v>
      </c>
      <c r="HB32" s="112">
        <v>707652</v>
      </c>
      <c r="HC32" s="116">
        <v>1120131</v>
      </c>
      <c r="HD32" s="110">
        <v>532636</v>
      </c>
      <c r="HE32" s="114">
        <v>1486827</v>
      </c>
      <c r="HF32" s="112">
        <v>2019463</v>
      </c>
      <c r="HG32" s="111">
        <v>0</v>
      </c>
      <c r="HH32" s="114">
        <v>5284812</v>
      </c>
      <c r="HI32" s="114">
        <v>5232764</v>
      </c>
      <c r="HJ32" s="114">
        <v>7438761</v>
      </c>
      <c r="HK32" s="114">
        <v>8686259</v>
      </c>
      <c r="HL32" s="114">
        <v>3415456</v>
      </c>
      <c r="HM32" s="113">
        <v>30058052</v>
      </c>
      <c r="HN32" s="109">
        <v>32077515</v>
      </c>
      <c r="HO32" s="115">
        <v>514434</v>
      </c>
      <c r="HP32" s="114">
        <v>747522</v>
      </c>
      <c r="HQ32" s="113">
        <v>1261956</v>
      </c>
      <c r="HR32" s="110">
        <v>0</v>
      </c>
      <c r="HS32" s="114">
        <v>2915385</v>
      </c>
      <c r="HT32" s="114">
        <v>2642849</v>
      </c>
      <c r="HU32" s="114">
        <v>2015707</v>
      </c>
      <c r="HV32" s="114">
        <v>1387726</v>
      </c>
      <c r="HW32" s="114">
        <v>743442</v>
      </c>
      <c r="HX32" s="112">
        <v>9705109</v>
      </c>
      <c r="HY32" s="116">
        <v>10967065</v>
      </c>
      <c r="HZ32" s="150">
        <v>0</v>
      </c>
      <c r="IA32" s="135">
        <v>0</v>
      </c>
      <c r="IB32" s="150">
        <v>0</v>
      </c>
      <c r="IC32" s="134">
        <v>0</v>
      </c>
      <c r="ID32" s="135">
        <v>5757457</v>
      </c>
      <c r="IE32" s="136">
        <v>2668139</v>
      </c>
      <c r="IF32" s="137">
        <v>6096824</v>
      </c>
      <c r="IG32" s="135">
        <v>3895437</v>
      </c>
      <c r="IH32" s="137">
        <v>1940752</v>
      </c>
      <c r="II32" s="138">
        <v>20358609</v>
      </c>
      <c r="IJ32" s="150">
        <v>20358609</v>
      </c>
      <c r="IK32" s="232">
        <v>0</v>
      </c>
      <c r="IL32" s="236">
        <v>0</v>
      </c>
      <c r="IM32" s="237">
        <v>0</v>
      </c>
      <c r="IN32" s="140"/>
      <c r="IO32" s="119">
        <v>0</v>
      </c>
      <c r="IP32" s="119">
        <v>106659</v>
      </c>
      <c r="IQ32" s="119">
        <v>172056</v>
      </c>
      <c r="IR32" s="119">
        <v>0</v>
      </c>
      <c r="IS32" s="119">
        <v>0</v>
      </c>
      <c r="IT32" s="141">
        <v>278715</v>
      </c>
      <c r="IU32" s="321">
        <v>278715</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1453984</v>
      </c>
      <c r="JL32" s="119">
        <v>612587</v>
      </c>
      <c r="JM32" s="119">
        <v>676382</v>
      </c>
      <c r="JN32" s="119">
        <v>130611</v>
      </c>
      <c r="JO32" s="119">
        <v>111284</v>
      </c>
      <c r="JP32" s="120">
        <v>2984848</v>
      </c>
      <c r="JQ32" s="321">
        <v>2984848</v>
      </c>
      <c r="JR32" s="142">
        <v>0</v>
      </c>
      <c r="JS32" s="119">
        <v>0</v>
      </c>
      <c r="JT32" s="141">
        <v>0</v>
      </c>
      <c r="JU32" s="118">
        <v>0</v>
      </c>
      <c r="JV32" s="119">
        <v>191408</v>
      </c>
      <c r="JW32" s="119">
        <v>186773</v>
      </c>
      <c r="JX32" s="119">
        <v>167206</v>
      </c>
      <c r="JY32" s="119">
        <v>292392</v>
      </c>
      <c r="JZ32" s="119">
        <v>0</v>
      </c>
      <c r="KA32" s="120">
        <v>837779</v>
      </c>
      <c r="KB32" s="321">
        <v>837779</v>
      </c>
      <c r="KC32" s="234">
        <v>0</v>
      </c>
      <c r="KD32" s="230">
        <v>0</v>
      </c>
      <c r="KE32" s="120">
        <v>0</v>
      </c>
      <c r="KF32" s="118">
        <v>0</v>
      </c>
      <c r="KG32" s="119">
        <v>0</v>
      </c>
      <c r="KH32" s="119">
        <v>195943</v>
      </c>
      <c r="KI32" s="119">
        <v>0</v>
      </c>
      <c r="KJ32" s="119">
        <v>0</v>
      </c>
      <c r="KK32" s="119">
        <v>0</v>
      </c>
      <c r="KL32" s="120">
        <v>195943</v>
      </c>
      <c r="KM32" s="143">
        <v>195943</v>
      </c>
      <c r="KN32" s="232">
        <v>0</v>
      </c>
      <c r="KO32" s="236">
        <v>0</v>
      </c>
      <c r="KP32" s="237">
        <v>0</v>
      </c>
      <c r="KQ32" s="140"/>
      <c r="KR32" s="119">
        <v>4112065</v>
      </c>
      <c r="KS32" s="119">
        <v>1566177</v>
      </c>
      <c r="KT32" s="119">
        <v>2443531</v>
      </c>
      <c r="KU32" s="119">
        <v>554522</v>
      </c>
      <c r="KV32" s="119">
        <v>965500</v>
      </c>
      <c r="KW32" s="120">
        <v>9641795</v>
      </c>
      <c r="KX32" s="321">
        <v>9641795</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2357246</v>
      </c>
      <c r="LQ32" s="119">
        <v>2917912</v>
      </c>
      <c r="LR32" s="119">
        <v>863968</v>
      </c>
      <c r="LS32" s="120">
        <v>6139126</v>
      </c>
      <c r="LT32" s="321">
        <v>6139126</v>
      </c>
      <c r="LU32" s="142">
        <v>0</v>
      </c>
      <c r="LV32" s="119">
        <v>0</v>
      </c>
      <c r="LW32" s="120">
        <v>0</v>
      </c>
      <c r="LX32" s="145"/>
      <c r="LY32" s="119">
        <v>0</v>
      </c>
      <c r="LZ32" s="119">
        <v>0</v>
      </c>
      <c r="MA32" s="119">
        <v>280403</v>
      </c>
      <c r="MB32" s="119">
        <v>0</v>
      </c>
      <c r="MC32" s="119">
        <v>0</v>
      </c>
      <c r="MD32" s="120">
        <v>280403</v>
      </c>
      <c r="ME32" s="121">
        <v>280403</v>
      </c>
      <c r="MF32" s="142">
        <v>0</v>
      </c>
      <c r="MG32" s="119">
        <v>0</v>
      </c>
      <c r="MH32" s="120">
        <v>0</v>
      </c>
      <c r="MI32" s="145"/>
      <c r="MJ32" s="119">
        <v>2536415</v>
      </c>
      <c r="MK32" s="119">
        <v>3842582</v>
      </c>
      <c r="ML32" s="119">
        <v>16336886</v>
      </c>
      <c r="MM32" s="119">
        <v>21906625</v>
      </c>
      <c r="MN32" s="119">
        <v>16081668</v>
      </c>
      <c r="MO32" s="120">
        <v>60704176</v>
      </c>
      <c r="MP32" s="143">
        <v>60704176</v>
      </c>
      <c r="MQ32" s="142">
        <v>0</v>
      </c>
      <c r="MR32" s="119">
        <v>0</v>
      </c>
      <c r="MS32" s="120">
        <v>0</v>
      </c>
      <c r="MT32" s="145"/>
      <c r="MU32" s="119">
        <v>414768</v>
      </c>
      <c r="MV32" s="119">
        <v>460300</v>
      </c>
      <c r="MW32" s="119">
        <v>8730961</v>
      </c>
      <c r="MX32" s="119">
        <v>14005805</v>
      </c>
      <c r="MY32" s="119">
        <v>12294776</v>
      </c>
      <c r="MZ32" s="120">
        <v>35906610</v>
      </c>
      <c r="NA32" s="143">
        <v>35906610</v>
      </c>
      <c r="NB32" s="142">
        <v>0</v>
      </c>
      <c r="NC32" s="119">
        <v>0</v>
      </c>
      <c r="ND32" s="120">
        <v>0</v>
      </c>
      <c r="NE32" s="145"/>
      <c r="NF32" s="119">
        <v>2121647</v>
      </c>
      <c r="NG32" s="119">
        <v>3382282</v>
      </c>
      <c r="NH32" s="119">
        <v>7605925</v>
      </c>
      <c r="NI32" s="119">
        <v>6547299</v>
      </c>
      <c r="NJ32" s="119">
        <v>3323358</v>
      </c>
      <c r="NK32" s="120">
        <v>22980511</v>
      </c>
      <c r="NL32" s="321">
        <v>22980511</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1353521</v>
      </c>
      <c r="OF32" s="119">
        <v>463534</v>
      </c>
      <c r="OG32" s="120">
        <v>1817055</v>
      </c>
      <c r="OH32" s="121">
        <v>1817055</v>
      </c>
      <c r="OI32" s="142">
        <v>2595124</v>
      </c>
      <c r="OJ32" s="119">
        <v>6188473</v>
      </c>
      <c r="OK32" s="141">
        <v>8783597</v>
      </c>
      <c r="OL32" s="118">
        <v>0</v>
      </c>
      <c r="OM32" s="119">
        <v>28948159</v>
      </c>
      <c r="ON32" s="119">
        <v>30619460</v>
      </c>
      <c r="OO32" s="119">
        <v>45806329</v>
      </c>
      <c r="OP32" s="119">
        <v>49697112</v>
      </c>
      <c r="OQ32" s="119">
        <v>33807785</v>
      </c>
      <c r="OR32" s="120">
        <v>188878845</v>
      </c>
      <c r="OS32" s="143">
        <v>197662442</v>
      </c>
    </row>
    <row r="33" spans="2:409" ht="18.75" customHeight="1" x14ac:dyDescent="0.2">
      <c r="B33" s="62" t="s">
        <v>28</v>
      </c>
      <c r="C33" s="110">
        <v>194994</v>
      </c>
      <c r="D33" s="114">
        <v>526262</v>
      </c>
      <c r="E33" s="113">
        <v>721256</v>
      </c>
      <c r="F33" s="109">
        <v>0</v>
      </c>
      <c r="G33" s="114">
        <v>5000306</v>
      </c>
      <c r="H33" s="114">
        <v>8879612</v>
      </c>
      <c r="I33" s="114">
        <v>5044225</v>
      </c>
      <c r="J33" s="114">
        <v>6689251</v>
      </c>
      <c r="K33" s="114">
        <v>4874784</v>
      </c>
      <c r="L33" s="173">
        <v>30488178</v>
      </c>
      <c r="M33" s="116">
        <v>31209434</v>
      </c>
      <c r="N33" s="110">
        <v>17694</v>
      </c>
      <c r="O33" s="114">
        <v>116208</v>
      </c>
      <c r="P33" s="113">
        <v>133902</v>
      </c>
      <c r="Q33" s="110">
        <v>0</v>
      </c>
      <c r="R33" s="114">
        <v>1005107</v>
      </c>
      <c r="S33" s="114">
        <v>1761799</v>
      </c>
      <c r="T33" s="114">
        <v>943903</v>
      </c>
      <c r="U33" s="114">
        <v>1244083</v>
      </c>
      <c r="V33" s="114">
        <v>2022716</v>
      </c>
      <c r="W33" s="113">
        <v>6977608</v>
      </c>
      <c r="X33" s="116">
        <v>7111510</v>
      </c>
      <c r="Y33" s="110">
        <v>0</v>
      </c>
      <c r="Z33" s="114">
        <v>0</v>
      </c>
      <c r="AA33" s="113">
        <v>0</v>
      </c>
      <c r="AB33" s="110">
        <v>0</v>
      </c>
      <c r="AC33" s="114">
        <v>575184</v>
      </c>
      <c r="AD33" s="114">
        <v>768439</v>
      </c>
      <c r="AE33" s="114">
        <v>370781</v>
      </c>
      <c r="AF33" s="114">
        <v>263465</v>
      </c>
      <c r="AG33" s="114">
        <v>1113128</v>
      </c>
      <c r="AH33" s="113">
        <v>3090997</v>
      </c>
      <c r="AI33" s="116">
        <v>3090997</v>
      </c>
      <c r="AJ33" s="110">
        <v>0</v>
      </c>
      <c r="AK33" s="114">
        <v>0</v>
      </c>
      <c r="AL33" s="113">
        <v>0</v>
      </c>
      <c r="AM33" s="110">
        <v>0</v>
      </c>
      <c r="AN33" s="114">
        <v>0</v>
      </c>
      <c r="AO33" s="114">
        <v>62775</v>
      </c>
      <c r="AP33" s="114">
        <v>76072</v>
      </c>
      <c r="AQ33" s="114">
        <v>169009</v>
      </c>
      <c r="AR33" s="114">
        <v>101431</v>
      </c>
      <c r="AS33" s="113">
        <v>409287</v>
      </c>
      <c r="AT33" s="116">
        <v>409287</v>
      </c>
      <c r="AU33" s="110">
        <v>15012</v>
      </c>
      <c r="AV33" s="114">
        <v>110844</v>
      </c>
      <c r="AW33" s="113">
        <v>125856</v>
      </c>
      <c r="AX33" s="110">
        <v>0</v>
      </c>
      <c r="AY33" s="114">
        <v>151029</v>
      </c>
      <c r="AZ33" s="114">
        <v>631254</v>
      </c>
      <c r="BA33" s="114">
        <v>282243</v>
      </c>
      <c r="BB33" s="114">
        <v>532396</v>
      </c>
      <c r="BC33" s="114">
        <v>586984</v>
      </c>
      <c r="BD33" s="113">
        <v>2183906</v>
      </c>
      <c r="BE33" s="116">
        <v>2309762</v>
      </c>
      <c r="BF33" s="110">
        <v>0</v>
      </c>
      <c r="BG33" s="114">
        <v>0</v>
      </c>
      <c r="BH33" s="112">
        <v>0</v>
      </c>
      <c r="BI33" s="111">
        <v>0</v>
      </c>
      <c r="BJ33" s="114">
        <v>148817</v>
      </c>
      <c r="BK33" s="114">
        <v>17775</v>
      </c>
      <c r="BL33" s="114">
        <v>0</v>
      </c>
      <c r="BM33" s="114">
        <v>53736</v>
      </c>
      <c r="BN33" s="114">
        <v>44438</v>
      </c>
      <c r="BO33" s="113">
        <v>264766</v>
      </c>
      <c r="BP33" s="116">
        <v>264766</v>
      </c>
      <c r="BQ33" s="110">
        <v>2682</v>
      </c>
      <c r="BR33" s="114">
        <v>5364</v>
      </c>
      <c r="BS33" s="113">
        <v>8046</v>
      </c>
      <c r="BT33" s="110">
        <v>0</v>
      </c>
      <c r="BU33" s="114">
        <v>130077</v>
      </c>
      <c r="BV33" s="114">
        <v>281556</v>
      </c>
      <c r="BW33" s="114">
        <v>214807</v>
      </c>
      <c r="BX33" s="114">
        <v>225477</v>
      </c>
      <c r="BY33" s="114">
        <v>176735</v>
      </c>
      <c r="BZ33" s="113">
        <v>1028652</v>
      </c>
      <c r="CA33" s="116">
        <v>1036698</v>
      </c>
      <c r="CB33" s="110">
        <v>0</v>
      </c>
      <c r="CC33" s="114">
        <v>164185</v>
      </c>
      <c r="CD33" s="113">
        <v>164185</v>
      </c>
      <c r="CE33" s="110">
        <v>0</v>
      </c>
      <c r="CF33" s="114">
        <v>1932351</v>
      </c>
      <c r="CG33" s="114">
        <v>3531709</v>
      </c>
      <c r="CH33" s="114">
        <v>1480433</v>
      </c>
      <c r="CI33" s="114">
        <v>2291478</v>
      </c>
      <c r="CJ33" s="114">
        <v>1214761</v>
      </c>
      <c r="CK33" s="113">
        <v>10450732</v>
      </c>
      <c r="CL33" s="116">
        <v>10614917</v>
      </c>
      <c r="CM33" s="110">
        <v>0</v>
      </c>
      <c r="CN33" s="114">
        <v>0</v>
      </c>
      <c r="CO33" s="113">
        <v>0</v>
      </c>
      <c r="CP33" s="111">
        <v>0</v>
      </c>
      <c r="CQ33" s="114">
        <v>1665329</v>
      </c>
      <c r="CR33" s="114">
        <v>2641552</v>
      </c>
      <c r="CS33" s="114">
        <v>1231664</v>
      </c>
      <c r="CT33" s="114">
        <v>1825391</v>
      </c>
      <c r="CU33" s="114">
        <v>805799</v>
      </c>
      <c r="CV33" s="113">
        <v>8169735</v>
      </c>
      <c r="CW33" s="116">
        <v>8169735</v>
      </c>
      <c r="CX33" s="110">
        <v>0</v>
      </c>
      <c r="CY33" s="114">
        <v>164185</v>
      </c>
      <c r="CZ33" s="113">
        <v>164185</v>
      </c>
      <c r="DA33" s="110">
        <v>0</v>
      </c>
      <c r="DB33" s="114">
        <v>267022</v>
      </c>
      <c r="DC33" s="114">
        <v>890157</v>
      </c>
      <c r="DD33" s="114">
        <v>248769</v>
      </c>
      <c r="DE33" s="114">
        <v>466087</v>
      </c>
      <c r="DF33" s="114">
        <v>408962</v>
      </c>
      <c r="DG33" s="113">
        <v>2280997</v>
      </c>
      <c r="DH33" s="116">
        <v>2445182</v>
      </c>
      <c r="DI33" s="110">
        <v>0</v>
      </c>
      <c r="DJ33" s="114">
        <v>29555</v>
      </c>
      <c r="DK33" s="112">
        <v>29555</v>
      </c>
      <c r="DL33" s="111">
        <v>0</v>
      </c>
      <c r="DM33" s="114">
        <v>198232</v>
      </c>
      <c r="DN33" s="114">
        <v>189348</v>
      </c>
      <c r="DO33" s="114">
        <v>677197</v>
      </c>
      <c r="DP33" s="114">
        <v>748554</v>
      </c>
      <c r="DQ33" s="114">
        <v>315681</v>
      </c>
      <c r="DR33" s="113">
        <v>2129012</v>
      </c>
      <c r="DS33" s="116">
        <v>2158567</v>
      </c>
      <c r="DT33" s="110">
        <v>0</v>
      </c>
      <c r="DU33" s="114">
        <v>29555</v>
      </c>
      <c r="DV33" s="113">
        <v>29555</v>
      </c>
      <c r="DW33" s="110">
        <v>0</v>
      </c>
      <c r="DX33" s="114">
        <v>57726</v>
      </c>
      <c r="DY33" s="114">
        <v>147728</v>
      </c>
      <c r="DZ33" s="114">
        <v>441057</v>
      </c>
      <c r="EA33" s="114">
        <v>621510</v>
      </c>
      <c r="EB33" s="114">
        <v>280536</v>
      </c>
      <c r="EC33" s="113">
        <v>1548557</v>
      </c>
      <c r="ED33" s="116">
        <v>1578112</v>
      </c>
      <c r="EE33" s="110">
        <v>0</v>
      </c>
      <c r="EF33" s="112">
        <v>0</v>
      </c>
      <c r="EG33" s="113">
        <v>0</v>
      </c>
      <c r="EH33" s="110">
        <v>0</v>
      </c>
      <c r="EI33" s="114">
        <v>140506</v>
      </c>
      <c r="EJ33" s="114">
        <v>41620</v>
      </c>
      <c r="EK33" s="114">
        <v>236140</v>
      </c>
      <c r="EL33" s="114">
        <v>127044</v>
      </c>
      <c r="EM33" s="114">
        <v>35145</v>
      </c>
      <c r="EN33" s="112">
        <v>580455</v>
      </c>
      <c r="EO33" s="116">
        <v>580455</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8"/>
      <c r="FE33" s="114">
        <v>0</v>
      </c>
      <c r="FF33" s="114">
        <v>0</v>
      </c>
      <c r="FG33" s="114">
        <v>0</v>
      </c>
      <c r="FH33" s="114">
        <v>0</v>
      </c>
      <c r="FI33" s="114">
        <v>0</v>
      </c>
      <c r="FJ33" s="113">
        <v>0</v>
      </c>
      <c r="FK33" s="116">
        <v>0</v>
      </c>
      <c r="FL33" s="110">
        <v>86903</v>
      </c>
      <c r="FM33" s="114">
        <v>125714</v>
      </c>
      <c r="FN33" s="113">
        <v>212617</v>
      </c>
      <c r="FO33" s="110">
        <v>0</v>
      </c>
      <c r="FP33" s="114">
        <v>179100</v>
      </c>
      <c r="FQ33" s="114">
        <v>814640</v>
      </c>
      <c r="FR33" s="114">
        <v>418155</v>
      </c>
      <c r="FS33" s="114">
        <v>728877</v>
      </c>
      <c r="FT33" s="114">
        <v>474893</v>
      </c>
      <c r="FU33" s="113">
        <v>2615665</v>
      </c>
      <c r="FV33" s="116">
        <v>2828282</v>
      </c>
      <c r="FW33" s="115">
        <v>46610</v>
      </c>
      <c r="FX33" s="114">
        <v>87950</v>
      </c>
      <c r="FY33" s="112">
        <v>134560</v>
      </c>
      <c r="FZ33" s="111">
        <v>0</v>
      </c>
      <c r="GA33" s="114">
        <v>179100</v>
      </c>
      <c r="GB33" s="114">
        <v>814640</v>
      </c>
      <c r="GC33" s="114">
        <v>372219</v>
      </c>
      <c r="GD33" s="114">
        <v>486540</v>
      </c>
      <c r="GE33" s="114">
        <v>474893</v>
      </c>
      <c r="GF33" s="113">
        <v>2327392</v>
      </c>
      <c r="GG33" s="319">
        <v>2461952</v>
      </c>
      <c r="GH33" s="115">
        <v>0</v>
      </c>
      <c r="GI33" s="114">
        <v>37764</v>
      </c>
      <c r="GJ33" s="112">
        <v>37764</v>
      </c>
      <c r="GK33" s="111">
        <v>0</v>
      </c>
      <c r="GL33" s="114">
        <v>0</v>
      </c>
      <c r="GM33" s="114">
        <v>0</v>
      </c>
      <c r="GN33" s="114">
        <v>45936</v>
      </c>
      <c r="GO33" s="114">
        <v>182937</v>
      </c>
      <c r="GP33" s="114">
        <v>0</v>
      </c>
      <c r="GQ33" s="113">
        <v>228873</v>
      </c>
      <c r="GR33" s="116">
        <v>266637</v>
      </c>
      <c r="GS33" s="110">
        <v>40293</v>
      </c>
      <c r="GT33" s="114">
        <v>0</v>
      </c>
      <c r="GU33" s="113">
        <v>40293</v>
      </c>
      <c r="GV33" s="110">
        <v>0</v>
      </c>
      <c r="GW33" s="114">
        <v>0</v>
      </c>
      <c r="GX33" s="114">
        <v>0</v>
      </c>
      <c r="GY33" s="114">
        <v>0</v>
      </c>
      <c r="GZ33" s="114">
        <v>59400</v>
      </c>
      <c r="HA33" s="114">
        <v>0</v>
      </c>
      <c r="HB33" s="112">
        <v>59400</v>
      </c>
      <c r="HC33" s="116">
        <v>99693</v>
      </c>
      <c r="HD33" s="110">
        <v>59737</v>
      </c>
      <c r="HE33" s="114">
        <v>0</v>
      </c>
      <c r="HF33" s="112">
        <v>59737</v>
      </c>
      <c r="HG33" s="111">
        <v>0</v>
      </c>
      <c r="HH33" s="114">
        <v>757930</v>
      </c>
      <c r="HI33" s="114">
        <v>1380281</v>
      </c>
      <c r="HJ33" s="114">
        <v>1019664</v>
      </c>
      <c r="HK33" s="114">
        <v>1203625</v>
      </c>
      <c r="HL33" s="114">
        <v>513254</v>
      </c>
      <c r="HM33" s="113">
        <v>4874754</v>
      </c>
      <c r="HN33" s="109">
        <v>4934491</v>
      </c>
      <c r="HO33" s="115">
        <v>30660</v>
      </c>
      <c r="HP33" s="114">
        <v>90600</v>
      </c>
      <c r="HQ33" s="113">
        <v>121260</v>
      </c>
      <c r="HR33" s="110">
        <v>0</v>
      </c>
      <c r="HS33" s="114">
        <v>927586</v>
      </c>
      <c r="HT33" s="114">
        <v>1201835</v>
      </c>
      <c r="HU33" s="114">
        <v>504873</v>
      </c>
      <c r="HV33" s="114">
        <v>472634</v>
      </c>
      <c r="HW33" s="114">
        <v>333479</v>
      </c>
      <c r="HX33" s="112">
        <v>3440407</v>
      </c>
      <c r="HY33" s="116">
        <v>3561667</v>
      </c>
      <c r="HZ33" s="131">
        <v>0</v>
      </c>
      <c r="IA33" s="132">
        <v>0</v>
      </c>
      <c r="IB33" s="133">
        <v>0</v>
      </c>
      <c r="IC33" s="146">
        <v>0</v>
      </c>
      <c r="ID33" s="132">
        <v>728504</v>
      </c>
      <c r="IE33" s="147">
        <v>1705731</v>
      </c>
      <c r="IF33" s="133">
        <v>2319354</v>
      </c>
      <c r="IG33" s="132">
        <v>452655</v>
      </c>
      <c r="IH33" s="133">
        <v>1142756</v>
      </c>
      <c r="II33" s="148">
        <v>6349000</v>
      </c>
      <c r="IJ33" s="139">
        <v>6349000</v>
      </c>
      <c r="IK33" s="232">
        <v>0</v>
      </c>
      <c r="IL33" s="236">
        <v>0</v>
      </c>
      <c r="IM33" s="237">
        <v>0</v>
      </c>
      <c r="IN33" s="140"/>
      <c r="IO33" s="119">
        <v>0</v>
      </c>
      <c r="IP33" s="119">
        <v>0</v>
      </c>
      <c r="IQ33" s="119">
        <v>0</v>
      </c>
      <c r="IR33" s="119">
        <v>0</v>
      </c>
      <c r="IS33" s="119">
        <v>0</v>
      </c>
      <c r="IT33" s="141">
        <v>0</v>
      </c>
      <c r="IU33" s="321">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642374</v>
      </c>
      <c r="JL33" s="119">
        <v>574071</v>
      </c>
      <c r="JM33" s="119">
        <v>68850</v>
      </c>
      <c r="JN33" s="119">
        <v>169722</v>
      </c>
      <c r="JO33" s="119">
        <v>55638</v>
      </c>
      <c r="JP33" s="120">
        <v>1510655</v>
      </c>
      <c r="JQ33" s="321">
        <v>1510655</v>
      </c>
      <c r="JR33" s="142">
        <v>0</v>
      </c>
      <c r="JS33" s="119">
        <v>0</v>
      </c>
      <c r="JT33" s="141">
        <v>0</v>
      </c>
      <c r="JU33" s="118">
        <v>0</v>
      </c>
      <c r="JV33" s="119">
        <v>86130</v>
      </c>
      <c r="JW33" s="119">
        <v>59346</v>
      </c>
      <c r="JX33" s="119">
        <v>317385</v>
      </c>
      <c r="JY33" s="119">
        <v>0</v>
      </c>
      <c r="JZ33" s="119">
        <v>40480</v>
      </c>
      <c r="KA33" s="120">
        <v>503341</v>
      </c>
      <c r="KB33" s="321">
        <v>503341</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1072314</v>
      </c>
      <c r="KT33" s="119">
        <v>1667034</v>
      </c>
      <c r="KU33" s="119">
        <v>282933</v>
      </c>
      <c r="KV33" s="119">
        <v>1046638</v>
      </c>
      <c r="KW33" s="120">
        <v>4068919</v>
      </c>
      <c r="KX33" s="321">
        <v>4068919</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266085</v>
      </c>
      <c r="LQ33" s="119">
        <v>0</v>
      </c>
      <c r="LR33" s="119">
        <v>0</v>
      </c>
      <c r="LS33" s="120">
        <v>266085</v>
      </c>
      <c r="LT33" s="321">
        <v>266085</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252083</v>
      </c>
      <c r="MK33" s="119">
        <v>2319527</v>
      </c>
      <c r="ML33" s="119">
        <v>6329523</v>
      </c>
      <c r="MM33" s="119">
        <v>8750223</v>
      </c>
      <c r="MN33" s="119">
        <v>4379526</v>
      </c>
      <c r="MO33" s="120">
        <v>22030882</v>
      </c>
      <c r="MP33" s="143">
        <v>22030882</v>
      </c>
      <c r="MQ33" s="142">
        <v>0</v>
      </c>
      <c r="MR33" s="119">
        <v>0</v>
      </c>
      <c r="MS33" s="120">
        <v>0</v>
      </c>
      <c r="MT33" s="145"/>
      <c r="MU33" s="119">
        <v>0</v>
      </c>
      <c r="MV33" s="119">
        <v>211158</v>
      </c>
      <c r="MW33" s="119">
        <v>3421665</v>
      </c>
      <c r="MX33" s="119">
        <v>4602094</v>
      </c>
      <c r="MY33" s="119">
        <v>3093392</v>
      </c>
      <c r="MZ33" s="120">
        <v>11328309</v>
      </c>
      <c r="NA33" s="143">
        <v>11328309</v>
      </c>
      <c r="NB33" s="142">
        <v>0</v>
      </c>
      <c r="NC33" s="119">
        <v>0</v>
      </c>
      <c r="ND33" s="120">
        <v>0</v>
      </c>
      <c r="NE33" s="145"/>
      <c r="NF33" s="119">
        <v>252083</v>
      </c>
      <c r="NG33" s="119">
        <v>2108369</v>
      </c>
      <c r="NH33" s="119">
        <v>2907858</v>
      </c>
      <c r="NI33" s="119">
        <v>4148129</v>
      </c>
      <c r="NJ33" s="119">
        <v>1286134</v>
      </c>
      <c r="NK33" s="120">
        <v>10702573</v>
      </c>
      <c r="NL33" s="321">
        <v>10702573</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194994</v>
      </c>
      <c r="OJ33" s="119">
        <v>526262</v>
      </c>
      <c r="OK33" s="141">
        <v>721256</v>
      </c>
      <c r="OL33" s="118">
        <v>0</v>
      </c>
      <c r="OM33" s="119">
        <v>5980893</v>
      </c>
      <c r="ON33" s="119">
        <v>12904870</v>
      </c>
      <c r="OO33" s="119">
        <v>13693102</v>
      </c>
      <c r="OP33" s="119">
        <v>15892129</v>
      </c>
      <c r="OQ33" s="119">
        <v>10397066</v>
      </c>
      <c r="OR33" s="120">
        <v>58868060</v>
      </c>
      <c r="OS33" s="143">
        <v>59589316</v>
      </c>
    </row>
    <row r="34" spans="2:409" ht="18.75" customHeight="1" x14ac:dyDescent="0.2">
      <c r="B34" s="62" t="s">
        <v>29</v>
      </c>
      <c r="C34" s="110">
        <v>411648</v>
      </c>
      <c r="D34" s="114">
        <v>974586</v>
      </c>
      <c r="E34" s="113">
        <v>1386234</v>
      </c>
      <c r="F34" s="109">
        <v>0</v>
      </c>
      <c r="G34" s="114">
        <v>7845403</v>
      </c>
      <c r="H34" s="114">
        <v>11447128</v>
      </c>
      <c r="I34" s="114">
        <v>6967247</v>
      </c>
      <c r="J34" s="114">
        <v>10702401</v>
      </c>
      <c r="K34" s="114">
        <v>5739758</v>
      </c>
      <c r="L34" s="173">
        <v>42701937</v>
      </c>
      <c r="M34" s="116">
        <v>44088171</v>
      </c>
      <c r="N34" s="110">
        <v>74659</v>
      </c>
      <c r="O34" s="114">
        <v>223479</v>
      </c>
      <c r="P34" s="113">
        <v>298138</v>
      </c>
      <c r="Q34" s="110">
        <v>0</v>
      </c>
      <c r="R34" s="114">
        <v>2014471</v>
      </c>
      <c r="S34" s="114">
        <v>2328817</v>
      </c>
      <c r="T34" s="114">
        <v>1668844</v>
      </c>
      <c r="U34" s="114">
        <v>3830749</v>
      </c>
      <c r="V34" s="114">
        <v>2127205</v>
      </c>
      <c r="W34" s="113">
        <v>11970086</v>
      </c>
      <c r="X34" s="116">
        <v>12268224</v>
      </c>
      <c r="Y34" s="110">
        <v>0</v>
      </c>
      <c r="Z34" s="114">
        <v>0</v>
      </c>
      <c r="AA34" s="113">
        <v>0</v>
      </c>
      <c r="AB34" s="110">
        <v>0</v>
      </c>
      <c r="AC34" s="114">
        <v>1117006</v>
      </c>
      <c r="AD34" s="114">
        <v>1304488</v>
      </c>
      <c r="AE34" s="114">
        <v>887401</v>
      </c>
      <c r="AF34" s="114">
        <v>2722376</v>
      </c>
      <c r="AG34" s="114">
        <v>1340306</v>
      </c>
      <c r="AH34" s="113">
        <v>7371577</v>
      </c>
      <c r="AI34" s="116">
        <v>7371577</v>
      </c>
      <c r="AJ34" s="110">
        <v>0</v>
      </c>
      <c r="AK34" s="114">
        <v>0</v>
      </c>
      <c r="AL34" s="113">
        <v>0</v>
      </c>
      <c r="AM34" s="110">
        <v>0</v>
      </c>
      <c r="AN34" s="114">
        <v>53387</v>
      </c>
      <c r="AO34" s="114">
        <v>38036</v>
      </c>
      <c r="AP34" s="114">
        <v>98696</v>
      </c>
      <c r="AQ34" s="114">
        <v>121944</v>
      </c>
      <c r="AR34" s="114">
        <v>375533</v>
      </c>
      <c r="AS34" s="113">
        <v>687596</v>
      </c>
      <c r="AT34" s="116">
        <v>687596</v>
      </c>
      <c r="AU34" s="110">
        <v>45679</v>
      </c>
      <c r="AV34" s="114">
        <v>178560</v>
      </c>
      <c r="AW34" s="113">
        <v>224239</v>
      </c>
      <c r="AX34" s="110">
        <v>0</v>
      </c>
      <c r="AY34" s="114">
        <v>572181</v>
      </c>
      <c r="AZ34" s="114">
        <v>552926</v>
      </c>
      <c r="BA34" s="114">
        <v>568003</v>
      </c>
      <c r="BB34" s="114">
        <v>511163</v>
      </c>
      <c r="BC34" s="114">
        <v>252239</v>
      </c>
      <c r="BD34" s="113">
        <v>2456512</v>
      </c>
      <c r="BE34" s="116">
        <v>2680751</v>
      </c>
      <c r="BF34" s="110">
        <v>0</v>
      </c>
      <c r="BG34" s="114">
        <v>34344</v>
      </c>
      <c r="BH34" s="112">
        <v>34344</v>
      </c>
      <c r="BI34" s="111">
        <v>0</v>
      </c>
      <c r="BJ34" s="114">
        <v>87952</v>
      </c>
      <c r="BK34" s="114">
        <v>119513</v>
      </c>
      <c r="BL34" s="114">
        <v>0</v>
      </c>
      <c r="BM34" s="114">
        <v>217031</v>
      </c>
      <c r="BN34" s="114">
        <v>0</v>
      </c>
      <c r="BO34" s="113">
        <v>424496</v>
      </c>
      <c r="BP34" s="116">
        <v>458840</v>
      </c>
      <c r="BQ34" s="110">
        <v>28980</v>
      </c>
      <c r="BR34" s="114">
        <v>10575</v>
      </c>
      <c r="BS34" s="113">
        <v>39555</v>
      </c>
      <c r="BT34" s="110">
        <v>0</v>
      </c>
      <c r="BU34" s="114">
        <v>183945</v>
      </c>
      <c r="BV34" s="114">
        <v>313854</v>
      </c>
      <c r="BW34" s="114">
        <v>114744</v>
      </c>
      <c r="BX34" s="114">
        <v>258235</v>
      </c>
      <c r="BY34" s="114">
        <v>159127</v>
      </c>
      <c r="BZ34" s="113">
        <v>1029905</v>
      </c>
      <c r="CA34" s="116">
        <v>1069460</v>
      </c>
      <c r="CB34" s="110">
        <v>44199</v>
      </c>
      <c r="CC34" s="114">
        <v>121365</v>
      </c>
      <c r="CD34" s="113">
        <v>165564</v>
      </c>
      <c r="CE34" s="110">
        <v>0</v>
      </c>
      <c r="CF34" s="114">
        <v>2713437</v>
      </c>
      <c r="CG34" s="114">
        <v>3384494</v>
      </c>
      <c r="CH34" s="114">
        <v>2205966</v>
      </c>
      <c r="CI34" s="114">
        <v>2601316</v>
      </c>
      <c r="CJ34" s="114">
        <v>959319</v>
      </c>
      <c r="CK34" s="113">
        <v>11864532</v>
      </c>
      <c r="CL34" s="116">
        <v>12030096</v>
      </c>
      <c r="CM34" s="110">
        <v>0</v>
      </c>
      <c r="CN34" s="114">
        <v>0</v>
      </c>
      <c r="CO34" s="113">
        <v>0</v>
      </c>
      <c r="CP34" s="111">
        <v>0</v>
      </c>
      <c r="CQ34" s="114">
        <v>1830109</v>
      </c>
      <c r="CR34" s="114">
        <v>2791567</v>
      </c>
      <c r="CS34" s="114">
        <v>1702009</v>
      </c>
      <c r="CT34" s="114">
        <v>2071389</v>
      </c>
      <c r="CU34" s="114">
        <v>655336</v>
      </c>
      <c r="CV34" s="113">
        <v>9050410</v>
      </c>
      <c r="CW34" s="116">
        <v>9050410</v>
      </c>
      <c r="CX34" s="110">
        <v>44199</v>
      </c>
      <c r="CY34" s="114">
        <v>121365</v>
      </c>
      <c r="CZ34" s="113">
        <v>165564</v>
      </c>
      <c r="DA34" s="110">
        <v>0</v>
      </c>
      <c r="DB34" s="114">
        <v>883328</v>
      </c>
      <c r="DC34" s="114">
        <v>592927</v>
      </c>
      <c r="DD34" s="114">
        <v>503957</v>
      </c>
      <c r="DE34" s="114">
        <v>529927</v>
      </c>
      <c r="DF34" s="114">
        <v>303983</v>
      </c>
      <c r="DG34" s="113">
        <v>2814122</v>
      </c>
      <c r="DH34" s="116">
        <v>2979686</v>
      </c>
      <c r="DI34" s="110">
        <v>0</v>
      </c>
      <c r="DJ34" s="114">
        <v>0</v>
      </c>
      <c r="DK34" s="112">
        <v>0</v>
      </c>
      <c r="DL34" s="111">
        <v>0</v>
      </c>
      <c r="DM34" s="114">
        <v>277169</v>
      </c>
      <c r="DN34" s="114">
        <v>1465153</v>
      </c>
      <c r="DO34" s="114">
        <v>1233762</v>
      </c>
      <c r="DP34" s="114">
        <v>1025965</v>
      </c>
      <c r="DQ34" s="114">
        <v>965015</v>
      </c>
      <c r="DR34" s="113">
        <v>4967064</v>
      </c>
      <c r="DS34" s="116">
        <v>4967064</v>
      </c>
      <c r="DT34" s="110">
        <v>0</v>
      </c>
      <c r="DU34" s="114">
        <v>0</v>
      </c>
      <c r="DV34" s="113">
        <v>0</v>
      </c>
      <c r="DW34" s="110">
        <v>0</v>
      </c>
      <c r="DX34" s="114">
        <v>38858</v>
      </c>
      <c r="DY34" s="114">
        <v>1311087</v>
      </c>
      <c r="DZ34" s="114">
        <v>1188411</v>
      </c>
      <c r="EA34" s="114">
        <v>969573</v>
      </c>
      <c r="EB34" s="114">
        <v>799415</v>
      </c>
      <c r="EC34" s="113">
        <v>4307344</v>
      </c>
      <c r="ED34" s="116">
        <v>4307344</v>
      </c>
      <c r="EE34" s="110">
        <v>0</v>
      </c>
      <c r="EF34" s="112">
        <v>0</v>
      </c>
      <c r="EG34" s="113">
        <v>0</v>
      </c>
      <c r="EH34" s="110">
        <v>0</v>
      </c>
      <c r="EI34" s="114">
        <v>238311</v>
      </c>
      <c r="EJ34" s="114">
        <v>154066</v>
      </c>
      <c r="EK34" s="114">
        <v>45351</v>
      </c>
      <c r="EL34" s="114">
        <v>56392</v>
      </c>
      <c r="EM34" s="114">
        <v>165600</v>
      </c>
      <c r="EN34" s="112">
        <v>659720</v>
      </c>
      <c r="EO34" s="116">
        <v>659720</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8"/>
      <c r="FE34" s="114">
        <v>0</v>
      </c>
      <c r="FF34" s="114">
        <v>0</v>
      </c>
      <c r="FG34" s="114">
        <v>0</v>
      </c>
      <c r="FH34" s="114">
        <v>0</v>
      </c>
      <c r="FI34" s="114">
        <v>0</v>
      </c>
      <c r="FJ34" s="113">
        <v>0</v>
      </c>
      <c r="FK34" s="116">
        <v>0</v>
      </c>
      <c r="FL34" s="110">
        <v>165770</v>
      </c>
      <c r="FM34" s="114">
        <v>477822</v>
      </c>
      <c r="FN34" s="113">
        <v>643592</v>
      </c>
      <c r="FO34" s="110">
        <v>0</v>
      </c>
      <c r="FP34" s="114">
        <v>554027</v>
      </c>
      <c r="FQ34" s="114">
        <v>1045694</v>
      </c>
      <c r="FR34" s="114">
        <v>622224</v>
      </c>
      <c r="FS34" s="114">
        <v>854271</v>
      </c>
      <c r="FT34" s="114">
        <v>643857</v>
      </c>
      <c r="FU34" s="113">
        <v>3720073</v>
      </c>
      <c r="FV34" s="116">
        <v>4363665</v>
      </c>
      <c r="FW34" s="115">
        <v>149930</v>
      </c>
      <c r="FX34" s="114">
        <v>175260</v>
      </c>
      <c r="FY34" s="112">
        <v>325190</v>
      </c>
      <c r="FZ34" s="111">
        <v>0</v>
      </c>
      <c r="GA34" s="114">
        <v>309299</v>
      </c>
      <c r="GB34" s="114">
        <v>957674</v>
      </c>
      <c r="GC34" s="114">
        <v>513324</v>
      </c>
      <c r="GD34" s="114">
        <v>824703</v>
      </c>
      <c r="GE34" s="114">
        <v>643857</v>
      </c>
      <c r="GF34" s="113">
        <v>3248857</v>
      </c>
      <c r="GG34" s="319">
        <v>3574047</v>
      </c>
      <c r="GH34" s="115">
        <v>15840</v>
      </c>
      <c r="GI34" s="114">
        <v>74052</v>
      </c>
      <c r="GJ34" s="112">
        <v>89892</v>
      </c>
      <c r="GK34" s="111">
        <v>0</v>
      </c>
      <c r="GL34" s="114">
        <v>34848</v>
      </c>
      <c r="GM34" s="114">
        <v>22320</v>
      </c>
      <c r="GN34" s="114">
        <v>19800</v>
      </c>
      <c r="GO34" s="114">
        <v>29568</v>
      </c>
      <c r="GP34" s="114">
        <v>0</v>
      </c>
      <c r="GQ34" s="113">
        <v>106536</v>
      </c>
      <c r="GR34" s="116">
        <v>196428</v>
      </c>
      <c r="GS34" s="110">
        <v>0</v>
      </c>
      <c r="GT34" s="114">
        <v>228510</v>
      </c>
      <c r="GU34" s="113">
        <v>228510</v>
      </c>
      <c r="GV34" s="110">
        <v>0</v>
      </c>
      <c r="GW34" s="114">
        <v>209880</v>
      </c>
      <c r="GX34" s="114">
        <v>65700</v>
      </c>
      <c r="GY34" s="114">
        <v>89100</v>
      </c>
      <c r="GZ34" s="114">
        <v>0</v>
      </c>
      <c r="HA34" s="114">
        <v>0</v>
      </c>
      <c r="HB34" s="112">
        <v>364680</v>
      </c>
      <c r="HC34" s="116">
        <v>593190</v>
      </c>
      <c r="HD34" s="110">
        <v>0</v>
      </c>
      <c r="HE34" s="114">
        <v>0</v>
      </c>
      <c r="HF34" s="112">
        <v>0</v>
      </c>
      <c r="HG34" s="111">
        <v>0</v>
      </c>
      <c r="HH34" s="114">
        <v>1133788</v>
      </c>
      <c r="HI34" s="114">
        <v>1898697</v>
      </c>
      <c r="HJ34" s="114">
        <v>437140</v>
      </c>
      <c r="HK34" s="114">
        <v>1651807</v>
      </c>
      <c r="HL34" s="114">
        <v>631627</v>
      </c>
      <c r="HM34" s="113">
        <v>5753059</v>
      </c>
      <c r="HN34" s="109">
        <v>5753059</v>
      </c>
      <c r="HO34" s="115">
        <v>127020</v>
      </c>
      <c r="HP34" s="114">
        <v>151920</v>
      </c>
      <c r="HQ34" s="113">
        <v>278940</v>
      </c>
      <c r="HR34" s="110">
        <v>0</v>
      </c>
      <c r="HS34" s="114">
        <v>1152511</v>
      </c>
      <c r="HT34" s="114">
        <v>1324273</v>
      </c>
      <c r="HU34" s="114">
        <v>799311</v>
      </c>
      <c r="HV34" s="114">
        <v>738293</v>
      </c>
      <c r="HW34" s="114">
        <v>412735</v>
      </c>
      <c r="HX34" s="112">
        <v>4427123</v>
      </c>
      <c r="HY34" s="116">
        <v>4706063</v>
      </c>
      <c r="HZ34" s="150">
        <v>51453</v>
      </c>
      <c r="IA34" s="135">
        <v>260199</v>
      </c>
      <c r="IB34" s="150">
        <v>311652</v>
      </c>
      <c r="IC34" s="134">
        <v>0</v>
      </c>
      <c r="ID34" s="135">
        <v>2978052</v>
      </c>
      <c r="IE34" s="136">
        <v>3458685</v>
      </c>
      <c r="IF34" s="137">
        <v>4075479</v>
      </c>
      <c r="IG34" s="135">
        <v>4011525</v>
      </c>
      <c r="IH34" s="137">
        <v>3014334</v>
      </c>
      <c r="II34" s="138">
        <v>17538075</v>
      </c>
      <c r="IJ34" s="150">
        <v>17849727</v>
      </c>
      <c r="IK34" s="232">
        <v>0</v>
      </c>
      <c r="IL34" s="236">
        <v>0</v>
      </c>
      <c r="IM34" s="237">
        <v>0</v>
      </c>
      <c r="IN34" s="140"/>
      <c r="IO34" s="119">
        <v>0</v>
      </c>
      <c r="IP34" s="119">
        <v>0</v>
      </c>
      <c r="IQ34" s="119">
        <v>0</v>
      </c>
      <c r="IR34" s="119">
        <v>0</v>
      </c>
      <c r="IS34" s="119">
        <v>0</v>
      </c>
      <c r="IT34" s="141">
        <v>0</v>
      </c>
      <c r="IU34" s="321">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979048</v>
      </c>
      <c r="JL34" s="119">
        <v>1086456</v>
      </c>
      <c r="JM34" s="119">
        <v>227312</v>
      </c>
      <c r="JN34" s="119">
        <v>334584</v>
      </c>
      <c r="JO34" s="119">
        <v>0</v>
      </c>
      <c r="JP34" s="120">
        <v>2627400</v>
      </c>
      <c r="JQ34" s="321">
        <v>2627400</v>
      </c>
      <c r="JR34" s="142">
        <v>0</v>
      </c>
      <c r="JS34" s="119">
        <v>0</v>
      </c>
      <c r="JT34" s="141">
        <v>0</v>
      </c>
      <c r="JU34" s="118">
        <v>0</v>
      </c>
      <c r="JV34" s="119">
        <v>0</v>
      </c>
      <c r="JW34" s="119">
        <v>83088</v>
      </c>
      <c r="JX34" s="119">
        <v>257005</v>
      </c>
      <c r="JY34" s="119">
        <v>0</v>
      </c>
      <c r="JZ34" s="119">
        <v>0</v>
      </c>
      <c r="KA34" s="120">
        <v>340093</v>
      </c>
      <c r="KB34" s="321">
        <v>340093</v>
      </c>
      <c r="KC34" s="234">
        <v>51453</v>
      </c>
      <c r="KD34" s="230">
        <v>260199</v>
      </c>
      <c r="KE34" s="120">
        <v>311652</v>
      </c>
      <c r="KF34" s="118">
        <v>0</v>
      </c>
      <c r="KG34" s="119">
        <v>1268861</v>
      </c>
      <c r="KH34" s="119">
        <v>777006</v>
      </c>
      <c r="KI34" s="119">
        <v>1236807</v>
      </c>
      <c r="KJ34" s="119">
        <v>1175013</v>
      </c>
      <c r="KK34" s="119">
        <v>613170</v>
      </c>
      <c r="KL34" s="120">
        <v>5070857</v>
      </c>
      <c r="KM34" s="143">
        <v>5382509</v>
      </c>
      <c r="KN34" s="232">
        <v>0</v>
      </c>
      <c r="KO34" s="236">
        <v>0</v>
      </c>
      <c r="KP34" s="237">
        <v>0</v>
      </c>
      <c r="KQ34" s="140"/>
      <c r="KR34" s="119">
        <v>730143</v>
      </c>
      <c r="KS34" s="119">
        <v>781461</v>
      </c>
      <c r="KT34" s="119">
        <v>526464</v>
      </c>
      <c r="KU34" s="119">
        <v>268299</v>
      </c>
      <c r="KV34" s="119">
        <v>547344</v>
      </c>
      <c r="KW34" s="120">
        <v>2853711</v>
      </c>
      <c r="KX34" s="321">
        <v>2853711</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730674</v>
      </c>
      <c r="LP34" s="119">
        <v>1827891</v>
      </c>
      <c r="LQ34" s="119">
        <v>2233629</v>
      </c>
      <c r="LR34" s="119">
        <v>1853820</v>
      </c>
      <c r="LS34" s="120">
        <v>6646014</v>
      </c>
      <c r="LT34" s="321">
        <v>6646014</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1031602</v>
      </c>
      <c r="MK34" s="119">
        <v>2873651</v>
      </c>
      <c r="ML34" s="119">
        <v>6028479</v>
      </c>
      <c r="MM34" s="119">
        <v>13690295</v>
      </c>
      <c r="MN34" s="119">
        <v>9245028</v>
      </c>
      <c r="MO34" s="120">
        <v>32869055</v>
      </c>
      <c r="MP34" s="143">
        <v>32869055</v>
      </c>
      <c r="MQ34" s="142">
        <v>0</v>
      </c>
      <c r="MR34" s="119">
        <v>0</v>
      </c>
      <c r="MS34" s="120">
        <v>0</v>
      </c>
      <c r="MT34" s="145"/>
      <c r="MU34" s="119">
        <v>0</v>
      </c>
      <c r="MV34" s="119">
        <v>687137</v>
      </c>
      <c r="MW34" s="119">
        <v>4019522</v>
      </c>
      <c r="MX34" s="119">
        <v>9483810</v>
      </c>
      <c r="MY34" s="119">
        <v>5359815</v>
      </c>
      <c r="MZ34" s="120">
        <v>19550284</v>
      </c>
      <c r="NA34" s="143">
        <v>19550284</v>
      </c>
      <c r="NB34" s="142">
        <v>0</v>
      </c>
      <c r="NC34" s="119">
        <v>0</v>
      </c>
      <c r="ND34" s="120">
        <v>0</v>
      </c>
      <c r="NE34" s="145"/>
      <c r="NF34" s="119">
        <v>1031602</v>
      </c>
      <c r="NG34" s="119">
        <v>2186514</v>
      </c>
      <c r="NH34" s="119">
        <v>2008957</v>
      </c>
      <c r="NI34" s="119">
        <v>3820000</v>
      </c>
      <c r="NJ34" s="119">
        <v>3523142</v>
      </c>
      <c r="NK34" s="120">
        <v>12570215</v>
      </c>
      <c r="NL34" s="321">
        <v>12570215</v>
      </c>
      <c r="NM34" s="142">
        <v>0</v>
      </c>
      <c r="NN34" s="119">
        <v>0</v>
      </c>
      <c r="NO34" s="120">
        <v>0</v>
      </c>
      <c r="NP34" s="145"/>
      <c r="NQ34" s="119">
        <v>0</v>
      </c>
      <c r="NR34" s="119">
        <v>0</v>
      </c>
      <c r="NS34" s="119">
        <v>0</v>
      </c>
      <c r="NT34" s="119">
        <v>0</v>
      </c>
      <c r="NU34" s="119">
        <v>362071</v>
      </c>
      <c r="NV34" s="120">
        <v>362071</v>
      </c>
      <c r="NW34" s="121">
        <v>362071</v>
      </c>
      <c r="NX34" s="142">
        <v>0</v>
      </c>
      <c r="NY34" s="119">
        <v>0</v>
      </c>
      <c r="NZ34" s="120">
        <v>0</v>
      </c>
      <c r="OA34" s="145"/>
      <c r="OB34" s="119">
        <v>0</v>
      </c>
      <c r="OC34" s="119">
        <v>0</v>
      </c>
      <c r="OD34" s="119">
        <v>0</v>
      </c>
      <c r="OE34" s="119">
        <v>386485</v>
      </c>
      <c r="OF34" s="119">
        <v>0</v>
      </c>
      <c r="OG34" s="120">
        <v>386485</v>
      </c>
      <c r="OH34" s="121">
        <v>386485</v>
      </c>
      <c r="OI34" s="142">
        <v>463101</v>
      </c>
      <c r="OJ34" s="119">
        <v>1234785</v>
      </c>
      <c r="OK34" s="141">
        <v>1697886</v>
      </c>
      <c r="OL34" s="118">
        <v>0</v>
      </c>
      <c r="OM34" s="119">
        <v>11855057</v>
      </c>
      <c r="ON34" s="119">
        <v>17779464</v>
      </c>
      <c r="OO34" s="119">
        <v>17071205</v>
      </c>
      <c r="OP34" s="119">
        <v>28404221</v>
      </c>
      <c r="OQ34" s="119">
        <v>17999120</v>
      </c>
      <c r="OR34" s="120">
        <v>93109067</v>
      </c>
      <c r="OS34" s="143">
        <v>94806953</v>
      </c>
    </row>
    <row r="35" spans="2:409" ht="18.75" customHeight="1" x14ac:dyDescent="0.2">
      <c r="B35" s="62" t="s">
        <v>30</v>
      </c>
      <c r="C35" s="110">
        <v>498667</v>
      </c>
      <c r="D35" s="114">
        <v>515390</v>
      </c>
      <c r="E35" s="174">
        <v>1014057</v>
      </c>
      <c r="F35" s="175">
        <v>0</v>
      </c>
      <c r="G35" s="176">
        <v>6955887</v>
      </c>
      <c r="H35" s="176">
        <v>7820892</v>
      </c>
      <c r="I35" s="176">
        <v>8043229</v>
      </c>
      <c r="J35" s="176">
        <v>9191257</v>
      </c>
      <c r="K35" s="176">
        <v>3847736</v>
      </c>
      <c r="L35" s="177">
        <v>35859001</v>
      </c>
      <c r="M35" s="116">
        <v>36873058</v>
      </c>
      <c r="N35" s="110">
        <v>97188</v>
      </c>
      <c r="O35" s="114">
        <v>183191</v>
      </c>
      <c r="P35" s="113">
        <v>280379</v>
      </c>
      <c r="Q35" s="110">
        <v>0</v>
      </c>
      <c r="R35" s="114">
        <v>1900625</v>
      </c>
      <c r="S35" s="114">
        <v>2092195</v>
      </c>
      <c r="T35" s="114">
        <v>2556369</v>
      </c>
      <c r="U35" s="114">
        <v>4063745</v>
      </c>
      <c r="V35" s="114">
        <v>2248487</v>
      </c>
      <c r="W35" s="113">
        <v>12861421</v>
      </c>
      <c r="X35" s="116">
        <v>13141800</v>
      </c>
      <c r="Y35" s="110">
        <v>0</v>
      </c>
      <c r="Z35" s="114">
        <v>0</v>
      </c>
      <c r="AA35" s="113">
        <v>0</v>
      </c>
      <c r="AB35" s="110">
        <v>0</v>
      </c>
      <c r="AC35" s="114">
        <v>585076</v>
      </c>
      <c r="AD35" s="114">
        <v>1123453</v>
      </c>
      <c r="AE35" s="114">
        <v>1411220</v>
      </c>
      <c r="AF35" s="114">
        <v>2420026</v>
      </c>
      <c r="AG35" s="114">
        <v>1145680</v>
      </c>
      <c r="AH35" s="113">
        <v>6685455</v>
      </c>
      <c r="AI35" s="116">
        <v>6685455</v>
      </c>
      <c r="AJ35" s="110">
        <v>0</v>
      </c>
      <c r="AK35" s="114">
        <v>0</v>
      </c>
      <c r="AL35" s="113">
        <v>0</v>
      </c>
      <c r="AM35" s="110">
        <v>0</v>
      </c>
      <c r="AN35" s="114">
        <v>77498</v>
      </c>
      <c r="AO35" s="114">
        <v>11412</v>
      </c>
      <c r="AP35" s="114">
        <v>86197</v>
      </c>
      <c r="AQ35" s="114">
        <v>393601</v>
      </c>
      <c r="AR35" s="114">
        <v>539355</v>
      </c>
      <c r="AS35" s="113">
        <v>1108063</v>
      </c>
      <c r="AT35" s="116">
        <v>1108063</v>
      </c>
      <c r="AU35" s="110">
        <v>65175</v>
      </c>
      <c r="AV35" s="114">
        <v>168521</v>
      </c>
      <c r="AW35" s="113">
        <v>233696</v>
      </c>
      <c r="AX35" s="110">
        <v>0</v>
      </c>
      <c r="AY35" s="114">
        <v>869430</v>
      </c>
      <c r="AZ35" s="114">
        <v>770472</v>
      </c>
      <c r="BA35" s="114">
        <v>674629</v>
      </c>
      <c r="BB35" s="114">
        <v>860012</v>
      </c>
      <c r="BC35" s="114">
        <v>393523</v>
      </c>
      <c r="BD35" s="113">
        <v>3568066</v>
      </c>
      <c r="BE35" s="116">
        <v>3801762</v>
      </c>
      <c r="BF35" s="110">
        <v>0</v>
      </c>
      <c r="BG35" s="114">
        <v>0</v>
      </c>
      <c r="BH35" s="112">
        <v>0</v>
      </c>
      <c r="BI35" s="111">
        <v>0</v>
      </c>
      <c r="BJ35" s="114">
        <v>84150</v>
      </c>
      <c r="BK35" s="114">
        <v>0</v>
      </c>
      <c r="BL35" s="114">
        <v>93516</v>
      </c>
      <c r="BM35" s="114">
        <v>99772</v>
      </c>
      <c r="BN35" s="114">
        <v>0</v>
      </c>
      <c r="BO35" s="113">
        <v>277438</v>
      </c>
      <c r="BP35" s="116">
        <v>277438</v>
      </c>
      <c r="BQ35" s="110">
        <v>32013</v>
      </c>
      <c r="BR35" s="114">
        <v>14670</v>
      </c>
      <c r="BS35" s="113">
        <v>46683</v>
      </c>
      <c r="BT35" s="110">
        <v>0</v>
      </c>
      <c r="BU35" s="114">
        <v>284471</v>
      </c>
      <c r="BV35" s="114">
        <v>186858</v>
      </c>
      <c r="BW35" s="114">
        <v>290807</v>
      </c>
      <c r="BX35" s="114">
        <v>290334</v>
      </c>
      <c r="BY35" s="114">
        <v>169929</v>
      </c>
      <c r="BZ35" s="113">
        <v>1222399</v>
      </c>
      <c r="CA35" s="116">
        <v>1269082</v>
      </c>
      <c r="CB35" s="110">
        <v>22005</v>
      </c>
      <c r="CC35" s="114">
        <v>43249</v>
      </c>
      <c r="CD35" s="113">
        <v>65254</v>
      </c>
      <c r="CE35" s="110">
        <v>0</v>
      </c>
      <c r="CF35" s="114">
        <v>2200508</v>
      </c>
      <c r="CG35" s="114">
        <v>2265530</v>
      </c>
      <c r="CH35" s="114">
        <v>2317457</v>
      </c>
      <c r="CI35" s="114">
        <v>1758890</v>
      </c>
      <c r="CJ35" s="114">
        <v>143625</v>
      </c>
      <c r="CK35" s="113">
        <v>8686010</v>
      </c>
      <c r="CL35" s="116">
        <v>8751264</v>
      </c>
      <c r="CM35" s="110">
        <v>0</v>
      </c>
      <c r="CN35" s="114">
        <v>0</v>
      </c>
      <c r="CO35" s="113">
        <v>0</v>
      </c>
      <c r="CP35" s="111">
        <v>0</v>
      </c>
      <c r="CQ35" s="114">
        <v>1803617</v>
      </c>
      <c r="CR35" s="114">
        <v>1753798</v>
      </c>
      <c r="CS35" s="114">
        <v>2110955</v>
      </c>
      <c r="CT35" s="114">
        <v>1314614</v>
      </c>
      <c r="CU35" s="114">
        <v>143625</v>
      </c>
      <c r="CV35" s="113">
        <v>7126609</v>
      </c>
      <c r="CW35" s="116">
        <v>7126609</v>
      </c>
      <c r="CX35" s="110">
        <v>22005</v>
      </c>
      <c r="CY35" s="114">
        <v>43249</v>
      </c>
      <c r="CZ35" s="113">
        <v>65254</v>
      </c>
      <c r="DA35" s="110">
        <v>0</v>
      </c>
      <c r="DB35" s="114">
        <v>396891</v>
      </c>
      <c r="DC35" s="114">
        <v>511732</v>
      </c>
      <c r="DD35" s="114">
        <v>206502</v>
      </c>
      <c r="DE35" s="114">
        <v>444276</v>
      </c>
      <c r="DF35" s="114">
        <v>0</v>
      </c>
      <c r="DG35" s="113">
        <v>1559401</v>
      </c>
      <c r="DH35" s="116">
        <v>1624655</v>
      </c>
      <c r="DI35" s="110">
        <v>0</v>
      </c>
      <c r="DJ35" s="114">
        <v>0</v>
      </c>
      <c r="DK35" s="112">
        <v>0</v>
      </c>
      <c r="DL35" s="111">
        <v>0</v>
      </c>
      <c r="DM35" s="114">
        <v>235458</v>
      </c>
      <c r="DN35" s="114">
        <v>510877</v>
      </c>
      <c r="DO35" s="114">
        <v>818502</v>
      </c>
      <c r="DP35" s="114">
        <v>954000</v>
      </c>
      <c r="DQ35" s="114">
        <v>313358</v>
      </c>
      <c r="DR35" s="113">
        <v>2832195</v>
      </c>
      <c r="DS35" s="116">
        <v>2832195</v>
      </c>
      <c r="DT35" s="110">
        <v>0</v>
      </c>
      <c r="DU35" s="114">
        <v>0</v>
      </c>
      <c r="DV35" s="113">
        <v>0</v>
      </c>
      <c r="DW35" s="110">
        <v>0</v>
      </c>
      <c r="DX35" s="114">
        <v>235458</v>
      </c>
      <c r="DY35" s="114">
        <v>441727</v>
      </c>
      <c r="DZ35" s="114">
        <v>818502</v>
      </c>
      <c r="EA35" s="114">
        <v>954000</v>
      </c>
      <c r="EB35" s="114">
        <v>228667</v>
      </c>
      <c r="EC35" s="113">
        <v>2678354</v>
      </c>
      <c r="ED35" s="116">
        <v>2678354</v>
      </c>
      <c r="EE35" s="110">
        <v>0</v>
      </c>
      <c r="EF35" s="112">
        <v>0</v>
      </c>
      <c r="EG35" s="113">
        <v>0</v>
      </c>
      <c r="EH35" s="110">
        <v>0</v>
      </c>
      <c r="EI35" s="114">
        <v>0</v>
      </c>
      <c r="EJ35" s="114">
        <v>69150</v>
      </c>
      <c r="EK35" s="114">
        <v>0</v>
      </c>
      <c r="EL35" s="114">
        <v>0</v>
      </c>
      <c r="EM35" s="114">
        <v>84691</v>
      </c>
      <c r="EN35" s="112">
        <v>153841</v>
      </c>
      <c r="EO35" s="116">
        <v>153841</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8"/>
      <c r="FE35" s="114">
        <v>0</v>
      </c>
      <c r="FF35" s="114">
        <v>0</v>
      </c>
      <c r="FG35" s="114">
        <v>0</v>
      </c>
      <c r="FH35" s="114">
        <v>0</v>
      </c>
      <c r="FI35" s="114">
        <v>0</v>
      </c>
      <c r="FJ35" s="113">
        <v>0</v>
      </c>
      <c r="FK35" s="116">
        <v>0</v>
      </c>
      <c r="FL35" s="110">
        <v>137410</v>
      </c>
      <c r="FM35" s="114">
        <v>161930</v>
      </c>
      <c r="FN35" s="113">
        <v>299340</v>
      </c>
      <c r="FO35" s="110">
        <v>0</v>
      </c>
      <c r="FP35" s="114">
        <v>462355</v>
      </c>
      <c r="FQ35" s="114">
        <v>1002455</v>
      </c>
      <c r="FR35" s="114">
        <v>1144852</v>
      </c>
      <c r="FS35" s="114">
        <v>684567</v>
      </c>
      <c r="FT35" s="114">
        <v>353641</v>
      </c>
      <c r="FU35" s="113">
        <v>3647870</v>
      </c>
      <c r="FV35" s="116">
        <v>3947210</v>
      </c>
      <c r="FW35" s="115">
        <v>137410</v>
      </c>
      <c r="FX35" s="114">
        <v>135200</v>
      </c>
      <c r="FY35" s="112">
        <v>272610</v>
      </c>
      <c r="FZ35" s="111">
        <v>0</v>
      </c>
      <c r="GA35" s="114">
        <v>402031</v>
      </c>
      <c r="GB35" s="114">
        <v>707138</v>
      </c>
      <c r="GC35" s="114">
        <v>819008</v>
      </c>
      <c r="GD35" s="114">
        <v>684567</v>
      </c>
      <c r="GE35" s="114">
        <v>353641</v>
      </c>
      <c r="GF35" s="113">
        <v>2966385</v>
      </c>
      <c r="GG35" s="319">
        <v>3238995</v>
      </c>
      <c r="GH35" s="115">
        <v>0</v>
      </c>
      <c r="GI35" s="114">
        <v>26730</v>
      </c>
      <c r="GJ35" s="112">
        <v>26730</v>
      </c>
      <c r="GK35" s="111">
        <v>0</v>
      </c>
      <c r="GL35" s="114">
        <v>60324</v>
      </c>
      <c r="GM35" s="114">
        <v>0</v>
      </c>
      <c r="GN35" s="114">
        <v>145844</v>
      </c>
      <c r="GO35" s="114">
        <v>0</v>
      </c>
      <c r="GP35" s="114">
        <v>0</v>
      </c>
      <c r="GQ35" s="113">
        <v>206168</v>
      </c>
      <c r="GR35" s="116">
        <v>232898</v>
      </c>
      <c r="GS35" s="110">
        <v>0</v>
      </c>
      <c r="GT35" s="114">
        <v>0</v>
      </c>
      <c r="GU35" s="113">
        <v>0</v>
      </c>
      <c r="GV35" s="110">
        <v>0</v>
      </c>
      <c r="GW35" s="114">
        <v>0</v>
      </c>
      <c r="GX35" s="114">
        <v>295317</v>
      </c>
      <c r="GY35" s="114">
        <v>180000</v>
      </c>
      <c r="GZ35" s="114">
        <v>0</v>
      </c>
      <c r="HA35" s="114">
        <v>0</v>
      </c>
      <c r="HB35" s="112">
        <v>475317</v>
      </c>
      <c r="HC35" s="116">
        <v>475317</v>
      </c>
      <c r="HD35" s="110">
        <v>116424</v>
      </c>
      <c r="HE35" s="114">
        <v>0</v>
      </c>
      <c r="HF35" s="112">
        <v>116424</v>
      </c>
      <c r="HG35" s="111">
        <v>0</v>
      </c>
      <c r="HH35" s="114">
        <v>915480</v>
      </c>
      <c r="HI35" s="114">
        <v>957504</v>
      </c>
      <c r="HJ35" s="114">
        <v>438858</v>
      </c>
      <c r="HK35" s="114">
        <v>1016726</v>
      </c>
      <c r="HL35" s="114">
        <v>528225</v>
      </c>
      <c r="HM35" s="113">
        <v>3856793</v>
      </c>
      <c r="HN35" s="109">
        <v>3973217</v>
      </c>
      <c r="HO35" s="115">
        <v>125640</v>
      </c>
      <c r="HP35" s="114">
        <v>127020</v>
      </c>
      <c r="HQ35" s="113">
        <v>252660</v>
      </c>
      <c r="HR35" s="110">
        <v>0</v>
      </c>
      <c r="HS35" s="114">
        <v>1241461</v>
      </c>
      <c r="HT35" s="114">
        <v>992331</v>
      </c>
      <c r="HU35" s="114">
        <v>767191</v>
      </c>
      <c r="HV35" s="114">
        <v>713329</v>
      </c>
      <c r="HW35" s="114">
        <v>260400</v>
      </c>
      <c r="HX35" s="112">
        <v>3974712</v>
      </c>
      <c r="HY35" s="116">
        <v>4227372</v>
      </c>
      <c r="HZ35" s="131">
        <v>26231</v>
      </c>
      <c r="IA35" s="132">
        <v>0</v>
      </c>
      <c r="IB35" s="133">
        <v>26231</v>
      </c>
      <c r="IC35" s="146">
        <v>0</v>
      </c>
      <c r="ID35" s="132">
        <v>3385296</v>
      </c>
      <c r="IE35" s="147">
        <v>2068219</v>
      </c>
      <c r="IF35" s="133">
        <v>2396655</v>
      </c>
      <c r="IG35" s="132">
        <v>1900924</v>
      </c>
      <c r="IH35" s="133">
        <v>566850</v>
      </c>
      <c r="II35" s="148">
        <v>10317944</v>
      </c>
      <c r="IJ35" s="139">
        <v>10344175</v>
      </c>
      <c r="IK35" s="232">
        <v>0</v>
      </c>
      <c r="IL35" s="236">
        <v>0</v>
      </c>
      <c r="IM35" s="237">
        <v>0</v>
      </c>
      <c r="IN35" s="140"/>
      <c r="IO35" s="119">
        <v>66735</v>
      </c>
      <c r="IP35" s="119">
        <v>0</v>
      </c>
      <c r="IQ35" s="119">
        <v>179658</v>
      </c>
      <c r="IR35" s="119">
        <v>0</v>
      </c>
      <c r="IS35" s="119">
        <v>0</v>
      </c>
      <c r="IT35" s="141">
        <v>246393</v>
      </c>
      <c r="IU35" s="321">
        <v>246393</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1220042</v>
      </c>
      <c r="JL35" s="119">
        <v>1007360</v>
      </c>
      <c r="JM35" s="119">
        <v>721809</v>
      </c>
      <c r="JN35" s="119">
        <v>540632</v>
      </c>
      <c r="JO35" s="119">
        <v>0</v>
      </c>
      <c r="JP35" s="120">
        <v>3489843</v>
      </c>
      <c r="JQ35" s="321">
        <v>3489843</v>
      </c>
      <c r="JR35" s="142">
        <v>26231</v>
      </c>
      <c r="JS35" s="119">
        <v>0</v>
      </c>
      <c r="JT35" s="141">
        <v>26231</v>
      </c>
      <c r="JU35" s="118">
        <v>0</v>
      </c>
      <c r="JV35" s="119">
        <v>96903</v>
      </c>
      <c r="JW35" s="119">
        <v>143755</v>
      </c>
      <c r="JX35" s="119">
        <v>170739</v>
      </c>
      <c r="JY35" s="119">
        <v>0</v>
      </c>
      <c r="JZ35" s="119">
        <v>0</v>
      </c>
      <c r="KA35" s="120">
        <v>411397</v>
      </c>
      <c r="KB35" s="321">
        <v>437628</v>
      </c>
      <c r="KC35" s="234">
        <v>0</v>
      </c>
      <c r="KD35" s="230">
        <v>0</v>
      </c>
      <c r="KE35" s="120">
        <v>0</v>
      </c>
      <c r="KF35" s="118">
        <v>0</v>
      </c>
      <c r="KG35" s="119">
        <v>0</v>
      </c>
      <c r="KH35" s="119">
        <v>195210</v>
      </c>
      <c r="KI35" s="119">
        <v>0</v>
      </c>
      <c r="KJ35" s="119">
        <v>289260</v>
      </c>
      <c r="KK35" s="119">
        <v>0</v>
      </c>
      <c r="KL35" s="120">
        <v>484470</v>
      </c>
      <c r="KM35" s="143">
        <v>484470</v>
      </c>
      <c r="KN35" s="232">
        <v>0</v>
      </c>
      <c r="KO35" s="236">
        <v>0</v>
      </c>
      <c r="KP35" s="237">
        <v>0</v>
      </c>
      <c r="KQ35" s="140"/>
      <c r="KR35" s="119">
        <v>2001616</v>
      </c>
      <c r="KS35" s="119">
        <v>721894</v>
      </c>
      <c r="KT35" s="119">
        <v>1324449</v>
      </c>
      <c r="KU35" s="119">
        <v>1071032</v>
      </c>
      <c r="KV35" s="119">
        <v>566850</v>
      </c>
      <c r="KW35" s="120">
        <v>5685841</v>
      </c>
      <c r="KX35" s="321">
        <v>5685841</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1">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1790450</v>
      </c>
      <c r="MK35" s="119">
        <v>1140111</v>
      </c>
      <c r="ML35" s="119">
        <v>9878287</v>
      </c>
      <c r="MM35" s="119">
        <v>11628559</v>
      </c>
      <c r="MN35" s="119">
        <v>7526156</v>
      </c>
      <c r="MO35" s="120">
        <v>31963563</v>
      </c>
      <c r="MP35" s="143">
        <v>31963563</v>
      </c>
      <c r="MQ35" s="142">
        <v>0</v>
      </c>
      <c r="MR35" s="119">
        <v>0</v>
      </c>
      <c r="MS35" s="120">
        <v>0</v>
      </c>
      <c r="MT35" s="145"/>
      <c r="MU35" s="119">
        <v>228564</v>
      </c>
      <c r="MV35" s="119">
        <v>207360</v>
      </c>
      <c r="MW35" s="119">
        <v>5716680</v>
      </c>
      <c r="MX35" s="119">
        <v>5442456</v>
      </c>
      <c r="MY35" s="119">
        <v>5018171</v>
      </c>
      <c r="MZ35" s="120">
        <v>16613231</v>
      </c>
      <c r="NA35" s="143">
        <v>16613231</v>
      </c>
      <c r="NB35" s="142">
        <v>0</v>
      </c>
      <c r="NC35" s="119">
        <v>0</v>
      </c>
      <c r="ND35" s="120">
        <v>0</v>
      </c>
      <c r="NE35" s="145"/>
      <c r="NF35" s="119">
        <v>1561886</v>
      </c>
      <c r="NG35" s="119">
        <v>678906</v>
      </c>
      <c r="NH35" s="119">
        <v>4161607</v>
      </c>
      <c r="NI35" s="119">
        <v>6186103</v>
      </c>
      <c r="NJ35" s="119">
        <v>1478620</v>
      </c>
      <c r="NK35" s="120">
        <v>14067122</v>
      </c>
      <c r="NL35" s="321">
        <v>14067122</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253845</v>
      </c>
      <c r="OD35" s="119">
        <v>0</v>
      </c>
      <c r="OE35" s="119">
        <v>0</v>
      </c>
      <c r="OF35" s="119">
        <v>1029365</v>
      </c>
      <c r="OG35" s="120">
        <v>1283210</v>
      </c>
      <c r="OH35" s="121">
        <v>1283210</v>
      </c>
      <c r="OI35" s="142">
        <v>524898</v>
      </c>
      <c r="OJ35" s="119">
        <v>515390</v>
      </c>
      <c r="OK35" s="141">
        <v>1040288</v>
      </c>
      <c r="OL35" s="118">
        <v>0</v>
      </c>
      <c r="OM35" s="119">
        <v>12131633</v>
      </c>
      <c r="ON35" s="119">
        <v>11029222</v>
      </c>
      <c r="OO35" s="119">
        <v>20318171</v>
      </c>
      <c r="OP35" s="119">
        <v>22720740</v>
      </c>
      <c r="OQ35" s="119">
        <v>11940742</v>
      </c>
      <c r="OR35" s="120">
        <v>78140508</v>
      </c>
      <c r="OS35" s="143">
        <v>79180796</v>
      </c>
    </row>
    <row r="36" spans="2:409" ht="18.75" customHeight="1" x14ac:dyDescent="0.2">
      <c r="B36" s="62" t="s">
        <v>31</v>
      </c>
      <c r="C36" s="110">
        <v>464397</v>
      </c>
      <c r="D36" s="114">
        <v>986331</v>
      </c>
      <c r="E36" s="113">
        <v>1450728</v>
      </c>
      <c r="F36" s="109">
        <v>0</v>
      </c>
      <c r="G36" s="114">
        <v>7009039</v>
      </c>
      <c r="H36" s="114">
        <v>10180609</v>
      </c>
      <c r="I36" s="114">
        <v>8362254</v>
      </c>
      <c r="J36" s="114">
        <v>5077799</v>
      </c>
      <c r="K36" s="114">
        <v>4347345</v>
      </c>
      <c r="L36" s="173">
        <v>34977046</v>
      </c>
      <c r="M36" s="116">
        <v>36427774</v>
      </c>
      <c r="N36" s="110">
        <v>99377</v>
      </c>
      <c r="O36" s="114">
        <v>150669</v>
      </c>
      <c r="P36" s="113">
        <v>250046</v>
      </c>
      <c r="Q36" s="110">
        <v>0</v>
      </c>
      <c r="R36" s="114">
        <v>1244274</v>
      </c>
      <c r="S36" s="114">
        <v>2025051</v>
      </c>
      <c r="T36" s="114">
        <v>1228727</v>
      </c>
      <c r="U36" s="114">
        <v>999154</v>
      </c>
      <c r="V36" s="114">
        <v>2103575</v>
      </c>
      <c r="W36" s="113">
        <v>7600781</v>
      </c>
      <c r="X36" s="116">
        <v>7850827</v>
      </c>
      <c r="Y36" s="110">
        <v>0</v>
      </c>
      <c r="Z36" s="114">
        <v>0</v>
      </c>
      <c r="AA36" s="113">
        <v>0</v>
      </c>
      <c r="AB36" s="110">
        <v>0</v>
      </c>
      <c r="AC36" s="114">
        <v>671425</v>
      </c>
      <c r="AD36" s="114">
        <v>750908</v>
      </c>
      <c r="AE36" s="114">
        <v>217260</v>
      </c>
      <c r="AF36" s="114">
        <v>67599</v>
      </c>
      <c r="AG36" s="114">
        <v>1081870</v>
      </c>
      <c r="AH36" s="113">
        <v>2789062</v>
      </c>
      <c r="AI36" s="116">
        <v>2789062</v>
      </c>
      <c r="AJ36" s="110">
        <v>0</v>
      </c>
      <c r="AK36" s="114">
        <v>0</v>
      </c>
      <c r="AL36" s="113">
        <v>0</v>
      </c>
      <c r="AM36" s="110">
        <v>0</v>
      </c>
      <c r="AN36" s="114">
        <v>0</v>
      </c>
      <c r="AO36" s="114">
        <v>129160</v>
      </c>
      <c r="AP36" s="114">
        <v>208199</v>
      </c>
      <c r="AQ36" s="114">
        <v>231192</v>
      </c>
      <c r="AR36" s="114">
        <v>315416</v>
      </c>
      <c r="AS36" s="113">
        <v>883967</v>
      </c>
      <c r="AT36" s="116">
        <v>883967</v>
      </c>
      <c r="AU36" s="110">
        <v>61964</v>
      </c>
      <c r="AV36" s="114">
        <v>89892</v>
      </c>
      <c r="AW36" s="113">
        <v>151856</v>
      </c>
      <c r="AX36" s="110">
        <v>0</v>
      </c>
      <c r="AY36" s="114">
        <v>366580</v>
      </c>
      <c r="AZ36" s="114">
        <v>775227</v>
      </c>
      <c r="BA36" s="114">
        <v>457489</v>
      </c>
      <c r="BB36" s="114">
        <v>503112</v>
      </c>
      <c r="BC36" s="114">
        <v>556811</v>
      </c>
      <c r="BD36" s="113">
        <v>2659219</v>
      </c>
      <c r="BE36" s="116">
        <v>2811075</v>
      </c>
      <c r="BF36" s="110">
        <v>0</v>
      </c>
      <c r="BG36" s="114">
        <v>60777</v>
      </c>
      <c r="BH36" s="112">
        <v>60777</v>
      </c>
      <c r="BI36" s="111">
        <v>0</v>
      </c>
      <c r="BJ36" s="114">
        <v>82300</v>
      </c>
      <c r="BK36" s="114">
        <v>136011</v>
      </c>
      <c r="BL36" s="114">
        <v>210116</v>
      </c>
      <c r="BM36" s="114">
        <v>121424</v>
      </c>
      <c r="BN36" s="114">
        <v>82161</v>
      </c>
      <c r="BO36" s="113">
        <v>632012</v>
      </c>
      <c r="BP36" s="116">
        <v>692789</v>
      </c>
      <c r="BQ36" s="110">
        <v>37413</v>
      </c>
      <c r="BR36" s="114">
        <v>0</v>
      </c>
      <c r="BS36" s="113">
        <v>37413</v>
      </c>
      <c r="BT36" s="110">
        <v>0</v>
      </c>
      <c r="BU36" s="114">
        <v>123969</v>
      </c>
      <c r="BV36" s="114">
        <v>233745</v>
      </c>
      <c r="BW36" s="114">
        <v>135663</v>
      </c>
      <c r="BX36" s="114">
        <v>75827</v>
      </c>
      <c r="BY36" s="114">
        <v>67317</v>
      </c>
      <c r="BZ36" s="113">
        <v>636521</v>
      </c>
      <c r="CA36" s="116">
        <v>673934</v>
      </c>
      <c r="CB36" s="110">
        <v>0</v>
      </c>
      <c r="CC36" s="114">
        <v>41142</v>
      </c>
      <c r="CD36" s="113">
        <v>41142</v>
      </c>
      <c r="CE36" s="110">
        <v>0</v>
      </c>
      <c r="CF36" s="114">
        <v>2057238</v>
      </c>
      <c r="CG36" s="114">
        <v>3676099</v>
      </c>
      <c r="CH36" s="114">
        <v>2818119</v>
      </c>
      <c r="CI36" s="114">
        <v>1466752</v>
      </c>
      <c r="CJ36" s="114">
        <v>475265</v>
      </c>
      <c r="CK36" s="113">
        <v>10493473</v>
      </c>
      <c r="CL36" s="116">
        <v>10534615</v>
      </c>
      <c r="CM36" s="110">
        <v>0</v>
      </c>
      <c r="CN36" s="114">
        <v>0</v>
      </c>
      <c r="CO36" s="113">
        <v>0</v>
      </c>
      <c r="CP36" s="111">
        <v>0</v>
      </c>
      <c r="CQ36" s="114">
        <v>1805477</v>
      </c>
      <c r="CR36" s="114">
        <v>3075290</v>
      </c>
      <c r="CS36" s="114">
        <v>2267870</v>
      </c>
      <c r="CT36" s="114">
        <v>1188719</v>
      </c>
      <c r="CU36" s="114">
        <v>275730</v>
      </c>
      <c r="CV36" s="113">
        <v>8613086</v>
      </c>
      <c r="CW36" s="116">
        <v>8613086</v>
      </c>
      <c r="CX36" s="110">
        <v>0</v>
      </c>
      <c r="CY36" s="114">
        <v>41142</v>
      </c>
      <c r="CZ36" s="113">
        <v>41142</v>
      </c>
      <c r="DA36" s="110">
        <v>0</v>
      </c>
      <c r="DB36" s="114">
        <v>251761</v>
      </c>
      <c r="DC36" s="114">
        <v>600809</v>
      </c>
      <c r="DD36" s="114">
        <v>550249</v>
      </c>
      <c r="DE36" s="114">
        <v>278033</v>
      </c>
      <c r="DF36" s="114">
        <v>199535</v>
      </c>
      <c r="DG36" s="113">
        <v>1880387</v>
      </c>
      <c r="DH36" s="116">
        <v>1921529</v>
      </c>
      <c r="DI36" s="110">
        <v>0</v>
      </c>
      <c r="DJ36" s="114">
        <v>0</v>
      </c>
      <c r="DK36" s="112">
        <v>0</v>
      </c>
      <c r="DL36" s="111">
        <v>0</v>
      </c>
      <c r="DM36" s="114">
        <v>232986</v>
      </c>
      <c r="DN36" s="114">
        <v>926397</v>
      </c>
      <c r="DO36" s="114">
        <v>1807586</v>
      </c>
      <c r="DP36" s="114">
        <v>1172611</v>
      </c>
      <c r="DQ36" s="114">
        <v>288805</v>
      </c>
      <c r="DR36" s="113">
        <v>4428385</v>
      </c>
      <c r="DS36" s="116">
        <v>4428385</v>
      </c>
      <c r="DT36" s="110">
        <v>0</v>
      </c>
      <c r="DU36" s="114">
        <v>0</v>
      </c>
      <c r="DV36" s="113">
        <v>0</v>
      </c>
      <c r="DW36" s="110">
        <v>0</v>
      </c>
      <c r="DX36" s="114">
        <v>180262</v>
      </c>
      <c r="DY36" s="114">
        <v>856215</v>
      </c>
      <c r="DZ36" s="114">
        <v>1807586</v>
      </c>
      <c r="EA36" s="114">
        <v>1145093</v>
      </c>
      <c r="EB36" s="114">
        <v>242608</v>
      </c>
      <c r="EC36" s="113">
        <v>4231764</v>
      </c>
      <c r="ED36" s="116">
        <v>4231764</v>
      </c>
      <c r="EE36" s="110">
        <v>0</v>
      </c>
      <c r="EF36" s="112">
        <v>0</v>
      </c>
      <c r="EG36" s="113">
        <v>0</v>
      </c>
      <c r="EH36" s="110">
        <v>0</v>
      </c>
      <c r="EI36" s="114">
        <v>52724</v>
      </c>
      <c r="EJ36" s="114">
        <v>70182</v>
      </c>
      <c r="EK36" s="114">
        <v>0</v>
      </c>
      <c r="EL36" s="114">
        <v>27518</v>
      </c>
      <c r="EM36" s="114">
        <v>46197</v>
      </c>
      <c r="EN36" s="112">
        <v>196621</v>
      </c>
      <c r="EO36" s="116">
        <v>196621</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8"/>
      <c r="FE36" s="114">
        <v>0</v>
      </c>
      <c r="FF36" s="114">
        <v>0</v>
      </c>
      <c r="FG36" s="114">
        <v>0</v>
      </c>
      <c r="FH36" s="114">
        <v>0</v>
      </c>
      <c r="FI36" s="114">
        <v>0</v>
      </c>
      <c r="FJ36" s="113">
        <v>0</v>
      </c>
      <c r="FK36" s="116">
        <v>0</v>
      </c>
      <c r="FL36" s="110">
        <v>132214</v>
      </c>
      <c r="FM36" s="114">
        <v>471426</v>
      </c>
      <c r="FN36" s="113">
        <v>603640</v>
      </c>
      <c r="FO36" s="110">
        <v>0</v>
      </c>
      <c r="FP36" s="114">
        <v>665622</v>
      </c>
      <c r="FQ36" s="114">
        <v>1257167</v>
      </c>
      <c r="FR36" s="114">
        <v>734109</v>
      </c>
      <c r="FS36" s="114">
        <v>517567</v>
      </c>
      <c r="FT36" s="114">
        <v>513917</v>
      </c>
      <c r="FU36" s="113">
        <v>3688382</v>
      </c>
      <c r="FV36" s="116">
        <v>4292022</v>
      </c>
      <c r="FW36" s="115">
        <v>132214</v>
      </c>
      <c r="FX36" s="114">
        <v>340107</v>
      </c>
      <c r="FY36" s="112">
        <v>472321</v>
      </c>
      <c r="FZ36" s="111">
        <v>0</v>
      </c>
      <c r="GA36" s="114">
        <v>456372</v>
      </c>
      <c r="GB36" s="114">
        <v>1147247</v>
      </c>
      <c r="GC36" s="114">
        <v>734109</v>
      </c>
      <c r="GD36" s="114">
        <v>517567</v>
      </c>
      <c r="GE36" s="114">
        <v>513917</v>
      </c>
      <c r="GF36" s="113">
        <v>3369212</v>
      </c>
      <c r="GG36" s="319">
        <v>3841533</v>
      </c>
      <c r="GH36" s="115">
        <v>0</v>
      </c>
      <c r="GI36" s="114">
        <v>23400</v>
      </c>
      <c r="GJ36" s="112">
        <v>23400</v>
      </c>
      <c r="GK36" s="111">
        <v>0</v>
      </c>
      <c r="GL36" s="114">
        <v>0</v>
      </c>
      <c r="GM36" s="114">
        <v>42600</v>
      </c>
      <c r="GN36" s="114">
        <v>0</v>
      </c>
      <c r="GO36" s="114">
        <v>0</v>
      </c>
      <c r="GP36" s="114">
        <v>0</v>
      </c>
      <c r="GQ36" s="113">
        <v>42600</v>
      </c>
      <c r="GR36" s="116">
        <v>66000</v>
      </c>
      <c r="GS36" s="110">
        <v>0</v>
      </c>
      <c r="GT36" s="114">
        <v>107919</v>
      </c>
      <c r="GU36" s="113">
        <v>107919</v>
      </c>
      <c r="GV36" s="110">
        <v>0</v>
      </c>
      <c r="GW36" s="114">
        <v>209250</v>
      </c>
      <c r="GX36" s="114">
        <v>67320</v>
      </c>
      <c r="GY36" s="114">
        <v>0</v>
      </c>
      <c r="GZ36" s="114">
        <v>0</v>
      </c>
      <c r="HA36" s="114">
        <v>0</v>
      </c>
      <c r="HB36" s="112">
        <v>276570</v>
      </c>
      <c r="HC36" s="116">
        <v>384489</v>
      </c>
      <c r="HD36" s="110">
        <v>116313</v>
      </c>
      <c r="HE36" s="114">
        <v>108486</v>
      </c>
      <c r="HF36" s="112">
        <v>224799</v>
      </c>
      <c r="HG36" s="111">
        <v>0</v>
      </c>
      <c r="HH36" s="114">
        <v>1360749</v>
      </c>
      <c r="HI36" s="114">
        <v>954476</v>
      </c>
      <c r="HJ36" s="114">
        <v>888966</v>
      </c>
      <c r="HK36" s="114">
        <v>483992</v>
      </c>
      <c r="HL36" s="114">
        <v>733546</v>
      </c>
      <c r="HM36" s="113">
        <v>4421729</v>
      </c>
      <c r="HN36" s="109">
        <v>4646528</v>
      </c>
      <c r="HO36" s="115">
        <v>116493</v>
      </c>
      <c r="HP36" s="114">
        <v>214608</v>
      </c>
      <c r="HQ36" s="113">
        <v>331101</v>
      </c>
      <c r="HR36" s="110">
        <v>0</v>
      </c>
      <c r="HS36" s="114">
        <v>1448170</v>
      </c>
      <c r="HT36" s="114">
        <v>1341419</v>
      </c>
      <c r="HU36" s="114">
        <v>884747</v>
      </c>
      <c r="HV36" s="114">
        <v>437723</v>
      </c>
      <c r="HW36" s="114">
        <v>232237</v>
      </c>
      <c r="HX36" s="112">
        <v>4344296</v>
      </c>
      <c r="HY36" s="116">
        <v>4675397</v>
      </c>
      <c r="HZ36" s="150">
        <v>0</v>
      </c>
      <c r="IA36" s="135">
        <v>176414</v>
      </c>
      <c r="IB36" s="150">
        <v>176414</v>
      </c>
      <c r="IC36" s="134">
        <v>0</v>
      </c>
      <c r="ID36" s="135">
        <v>4183940</v>
      </c>
      <c r="IE36" s="136">
        <v>4767331</v>
      </c>
      <c r="IF36" s="137">
        <v>5729545</v>
      </c>
      <c r="IG36" s="135">
        <v>3012726</v>
      </c>
      <c r="IH36" s="137">
        <v>1415671</v>
      </c>
      <c r="II36" s="138">
        <v>19109213</v>
      </c>
      <c r="IJ36" s="150">
        <v>19285627</v>
      </c>
      <c r="IK36" s="232">
        <v>0</v>
      </c>
      <c r="IL36" s="236">
        <v>0</v>
      </c>
      <c r="IM36" s="237">
        <v>0</v>
      </c>
      <c r="IN36" s="140"/>
      <c r="IO36" s="119">
        <v>0</v>
      </c>
      <c r="IP36" s="119">
        <v>308158</v>
      </c>
      <c r="IQ36" s="119">
        <v>0</v>
      </c>
      <c r="IR36" s="119">
        <v>164727</v>
      </c>
      <c r="IS36" s="119">
        <v>0</v>
      </c>
      <c r="IT36" s="141">
        <v>472885</v>
      </c>
      <c r="IU36" s="321">
        <v>472885</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1170228</v>
      </c>
      <c r="JL36" s="119">
        <v>794999</v>
      </c>
      <c r="JM36" s="119">
        <v>833076</v>
      </c>
      <c r="JN36" s="119">
        <v>162522</v>
      </c>
      <c r="JO36" s="119">
        <v>39060</v>
      </c>
      <c r="JP36" s="120">
        <v>2999885</v>
      </c>
      <c r="JQ36" s="321">
        <v>2999885</v>
      </c>
      <c r="JR36" s="142">
        <v>0</v>
      </c>
      <c r="JS36" s="119">
        <v>0</v>
      </c>
      <c r="JT36" s="141">
        <v>0</v>
      </c>
      <c r="JU36" s="118">
        <v>0</v>
      </c>
      <c r="JV36" s="119">
        <v>0</v>
      </c>
      <c r="JW36" s="119">
        <v>0</v>
      </c>
      <c r="JX36" s="119">
        <v>162790</v>
      </c>
      <c r="JY36" s="119">
        <v>0</v>
      </c>
      <c r="JZ36" s="119">
        <v>273231</v>
      </c>
      <c r="KA36" s="120">
        <v>436021</v>
      </c>
      <c r="KB36" s="321">
        <v>436021</v>
      </c>
      <c r="KC36" s="234">
        <v>0</v>
      </c>
      <c r="KD36" s="230">
        <v>176414</v>
      </c>
      <c r="KE36" s="120">
        <v>176414</v>
      </c>
      <c r="KF36" s="118">
        <v>0</v>
      </c>
      <c r="KG36" s="119">
        <v>1145863</v>
      </c>
      <c r="KH36" s="119">
        <v>1538447</v>
      </c>
      <c r="KI36" s="119">
        <v>1474707</v>
      </c>
      <c r="KJ36" s="119">
        <v>288044</v>
      </c>
      <c r="KK36" s="119">
        <v>313837</v>
      </c>
      <c r="KL36" s="120">
        <v>4760898</v>
      </c>
      <c r="KM36" s="143">
        <v>4937312</v>
      </c>
      <c r="KN36" s="232">
        <v>0</v>
      </c>
      <c r="KO36" s="236">
        <v>0</v>
      </c>
      <c r="KP36" s="237">
        <v>0</v>
      </c>
      <c r="KQ36" s="140"/>
      <c r="KR36" s="119">
        <v>1867849</v>
      </c>
      <c r="KS36" s="119">
        <v>2125727</v>
      </c>
      <c r="KT36" s="119">
        <v>3258972</v>
      </c>
      <c r="KU36" s="119">
        <v>2397433</v>
      </c>
      <c r="KV36" s="119">
        <v>789543</v>
      </c>
      <c r="KW36" s="120">
        <v>10439524</v>
      </c>
      <c r="KX36" s="321">
        <v>10439524</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1">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715675</v>
      </c>
      <c r="MK36" s="119">
        <v>3698687</v>
      </c>
      <c r="ML36" s="119">
        <v>9517714</v>
      </c>
      <c r="MM36" s="119">
        <v>9111808</v>
      </c>
      <c r="MN36" s="119">
        <v>8329305</v>
      </c>
      <c r="MO36" s="120">
        <v>31373189</v>
      </c>
      <c r="MP36" s="143">
        <v>31373189</v>
      </c>
      <c r="MQ36" s="142">
        <v>0</v>
      </c>
      <c r="MR36" s="119">
        <v>0</v>
      </c>
      <c r="MS36" s="120">
        <v>0</v>
      </c>
      <c r="MT36" s="145"/>
      <c r="MU36" s="119">
        <v>0</v>
      </c>
      <c r="MV36" s="119">
        <v>487254</v>
      </c>
      <c r="MW36" s="119">
        <v>6926199</v>
      </c>
      <c r="MX36" s="119">
        <v>6930616</v>
      </c>
      <c r="MY36" s="119">
        <v>6532269</v>
      </c>
      <c r="MZ36" s="120">
        <v>20876338</v>
      </c>
      <c r="NA36" s="143">
        <v>20876338</v>
      </c>
      <c r="NB36" s="142">
        <v>0</v>
      </c>
      <c r="NC36" s="119">
        <v>0</v>
      </c>
      <c r="ND36" s="120">
        <v>0</v>
      </c>
      <c r="NE36" s="145"/>
      <c r="NF36" s="119">
        <v>715675</v>
      </c>
      <c r="NG36" s="119">
        <v>3211433</v>
      </c>
      <c r="NH36" s="119">
        <v>2591515</v>
      </c>
      <c r="NI36" s="119">
        <v>2133301</v>
      </c>
      <c r="NJ36" s="119">
        <v>1623717</v>
      </c>
      <c r="NK36" s="120">
        <v>10275641</v>
      </c>
      <c r="NL36" s="321">
        <v>10275641</v>
      </c>
      <c r="NM36" s="142">
        <v>0</v>
      </c>
      <c r="NN36" s="119">
        <v>0</v>
      </c>
      <c r="NO36" s="120">
        <v>0</v>
      </c>
      <c r="NP36" s="145"/>
      <c r="NQ36" s="119">
        <v>0</v>
      </c>
      <c r="NR36" s="119">
        <v>0</v>
      </c>
      <c r="NS36" s="119">
        <v>0</v>
      </c>
      <c r="NT36" s="119">
        <v>47891</v>
      </c>
      <c r="NU36" s="119">
        <v>0</v>
      </c>
      <c r="NV36" s="120">
        <v>47891</v>
      </c>
      <c r="NW36" s="121">
        <v>47891</v>
      </c>
      <c r="NX36" s="142">
        <v>0</v>
      </c>
      <c r="NY36" s="119">
        <v>0</v>
      </c>
      <c r="NZ36" s="120">
        <v>0</v>
      </c>
      <c r="OA36" s="145"/>
      <c r="OB36" s="119">
        <v>0</v>
      </c>
      <c r="OC36" s="119">
        <v>0</v>
      </c>
      <c r="OD36" s="119">
        <v>0</v>
      </c>
      <c r="OE36" s="119">
        <v>0</v>
      </c>
      <c r="OF36" s="119">
        <v>173319</v>
      </c>
      <c r="OG36" s="120">
        <v>173319</v>
      </c>
      <c r="OH36" s="121">
        <v>173319</v>
      </c>
      <c r="OI36" s="142">
        <v>464397</v>
      </c>
      <c r="OJ36" s="119">
        <v>1162745</v>
      </c>
      <c r="OK36" s="141">
        <v>1627142</v>
      </c>
      <c r="OL36" s="118">
        <v>0</v>
      </c>
      <c r="OM36" s="119">
        <v>11908654</v>
      </c>
      <c r="ON36" s="119">
        <v>18646627</v>
      </c>
      <c r="OO36" s="119">
        <v>23609513</v>
      </c>
      <c r="OP36" s="119">
        <v>17202333</v>
      </c>
      <c r="OQ36" s="119">
        <v>14092321</v>
      </c>
      <c r="OR36" s="120">
        <v>85459448</v>
      </c>
      <c r="OS36" s="143">
        <v>87086590</v>
      </c>
    </row>
    <row r="37" spans="2:409" ht="18.75" customHeight="1" x14ac:dyDescent="0.2">
      <c r="B37" s="62" t="s">
        <v>32</v>
      </c>
      <c r="C37" s="110">
        <v>773187</v>
      </c>
      <c r="D37" s="114">
        <v>904182</v>
      </c>
      <c r="E37" s="174">
        <v>1677369</v>
      </c>
      <c r="F37" s="175">
        <v>0</v>
      </c>
      <c r="G37" s="176">
        <v>9460551</v>
      </c>
      <c r="H37" s="176">
        <v>9178160</v>
      </c>
      <c r="I37" s="176">
        <v>8630016</v>
      </c>
      <c r="J37" s="176">
        <v>8479938</v>
      </c>
      <c r="K37" s="176">
        <v>5502070</v>
      </c>
      <c r="L37" s="177">
        <v>41250735</v>
      </c>
      <c r="M37" s="116">
        <v>42928104</v>
      </c>
      <c r="N37" s="110">
        <v>170185</v>
      </c>
      <c r="O37" s="114">
        <v>187247</v>
      </c>
      <c r="P37" s="113">
        <v>357432</v>
      </c>
      <c r="Q37" s="110">
        <v>0</v>
      </c>
      <c r="R37" s="114">
        <v>2577446</v>
      </c>
      <c r="S37" s="114">
        <v>1662539</v>
      </c>
      <c r="T37" s="114">
        <v>1852694</v>
      </c>
      <c r="U37" s="114">
        <v>2466528</v>
      </c>
      <c r="V37" s="114">
        <v>2824018</v>
      </c>
      <c r="W37" s="113">
        <v>11383225</v>
      </c>
      <c r="X37" s="116">
        <v>11740657</v>
      </c>
      <c r="Y37" s="110">
        <v>0</v>
      </c>
      <c r="Z37" s="114">
        <v>0</v>
      </c>
      <c r="AA37" s="113">
        <v>0</v>
      </c>
      <c r="AB37" s="110">
        <v>0</v>
      </c>
      <c r="AC37" s="114">
        <v>1046693</v>
      </c>
      <c r="AD37" s="114">
        <v>538890</v>
      </c>
      <c r="AE37" s="114">
        <v>1108061</v>
      </c>
      <c r="AF37" s="114">
        <v>1423674</v>
      </c>
      <c r="AG37" s="114">
        <v>1375088</v>
      </c>
      <c r="AH37" s="113">
        <v>5492406</v>
      </c>
      <c r="AI37" s="116">
        <v>5492406</v>
      </c>
      <c r="AJ37" s="110">
        <v>0</v>
      </c>
      <c r="AK37" s="114">
        <v>0</v>
      </c>
      <c r="AL37" s="113">
        <v>0</v>
      </c>
      <c r="AM37" s="110">
        <v>0</v>
      </c>
      <c r="AN37" s="114">
        <v>0</v>
      </c>
      <c r="AO37" s="114">
        <v>48672</v>
      </c>
      <c r="AP37" s="114">
        <v>0</v>
      </c>
      <c r="AQ37" s="114">
        <v>48672</v>
      </c>
      <c r="AR37" s="114">
        <v>462384</v>
      </c>
      <c r="AS37" s="113">
        <v>559728</v>
      </c>
      <c r="AT37" s="116">
        <v>559728</v>
      </c>
      <c r="AU37" s="110">
        <v>131693</v>
      </c>
      <c r="AV37" s="114">
        <v>183359</v>
      </c>
      <c r="AW37" s="113">
        <v>315052</v>
      </c>
      <c r="AX37" s="110">
        <v>0</v>
      </c>
      <c r="AY37" s="114">
        <v>1081087</v>
      </c>
      <c r="AZ37" s="114">
        <v>807558</v>
      </c>
      <c r="BA37" s="114">
        <v>447442</v>
      </c>
      <c r="BB37" s="114">
        <v>641855</v>
      </c>
      <c r="BC37" s="114">
        <v>656922</v>
      </c>
      <c r="BD37" s="113">
        <v>3634864</v>
      </c>
      <c r="BE37" s="116">
        <v>3949916</v>
      </c>
      <c r="BF37" s="110">
        <v>32354</v>
      </c>
      <c r="BG37" s="114">
        <v>0</v>
      </c>
      <c r="BH37" s="112">
        <v>32354</v>
      </c>
      <c r="BI37" s="111">
        <v>0</v>
      </c>
      <c r="BJ37" s="114">
        <v>290688</v>
      </c>
      <c r="BK37" s="114">
        <v>68832</v>
      </c>
      <c r="BL37" s="114">
        <v>54492</v>
      </c>
      <c r="BM37" s="114">
        <v>17208</v>
      </c>
      <c r="BN37" s="114">
        <v>116811</v>
      </c>
      <c r="BO37" s="113">
        <v>548031</v>
      </c>
      <c r="BP37" s="116">
        <v>580385</v>
      </c>
      <c r="BQ37" s="110">
        <v>6138</v>
      </c>
      <c r="BR37" s="114">
        <v>3888</v>
      </c>
      <c r="BS37" s="113">
        <v>10026</v>
      </c>
      <c r="BT37" s="110">
        <v>0</v>
      </c>
      <c r="BU37" s="114">
        <v>158978</v>
      </c>
      <c r="BV37" s="114">
        <v>198587</v>
      </c>
      <c r="BW37" s="114">
        <v>242699</v>
      </c>
      <c r="BX37" s="114">
        <v>335119</v>
      </c>
      <c r="BY37" s="114">
        <v>212813</v>
      </c>
      <c r="BZ37" s="113">
        <v>1148196</v>
      </c>
      <c r="CA37" s="116">
        <v>1158222</v>
      </c>
      <c r="CB37" s="110">
        <v>0</v>
      </c>
      <c r="CC37" s="114">
        <v>0</v>
      </c>
      <c r="CD37" s="113">
        <v>0</v>
      </c>
      <c r="CE37" s="110">
        <v>0</v>
      </c>
      <c r="CF37" s="114">
        <v>3276645</v>
      </c>
      <c r="CG37" s="114">
        <v>3696966</v>
      </c>
      <c r="CH37" s="114">
        <v>2288796</v>
      </c>
      <c r="CI37" s="114">
        <v>2098583</v>
      </c>
      <c r="CJ37" s="114">
        <v>663485</v>
      </c>
      <c r="CK37" s="113">
        <v>12024475</v>
      </c>
      <c r="CL37" s="116">
        <v>12024475</v>
      </c>
      <c r="CM37" s="110">
        <v>0</v>
      </c>
      <c r="CN37" s="114">
        <v>0</v>
      </c>
      <c r="CO37" s="113">
        <v>0</v>
      </c>
      <c r="CP37" s="111">
        <v>0</v>
      </c>
      <c r="CQ37" s="114">
        <v>2860661</v>
      </c>
      <c r="CR37" s="114">
        <v>3094150</v>
      </c>
      <c r="CS37" s="114">
        <v>1945793</v>
      </c>
      <c r="CT37" s="114">
        <v>1700530</v>
      </c>
      <c r="CU37" s="114">
        <v>381079</v>
      </c>
      <c r="CV37" s="113">
        <v>9982213</v>
      </c>
      <c r="CW37" s="116">
        <v>9982213</v>
      </c>
      <c r="CX37" s="110">
        <v>0</v>
      </c>
      <c r="CY37" s="114">
        <v>0</v>
      </c>
      <c r="CZ37" s="113">
        <v>0</v>
      </c>
      <c r="DA37" s="110">
        <v>0</v>
      </c>
      <c r="DB37" s="114">
        <v>415984</v>
      </c>
      <c r="DC37" s="114">
        <v>602816</v>
      </c>
      <c r="DD37" s="114">
        <v>343003</v>
      </c>
      <c r="DE37" s="114">
        <v>398053</v>
      </c>
      <c r="DF37" s="114">
        <v>282406</v>
      </c>
      <c r="DG37" s="113">
        <v>2042262</v>
      </c>
      <c r="DH37" s="116">
        <v>2042262</v>
      </c>
      <c r="DI37" s="110">
        <v>41994</v>
      </c>
      <c r="DJ37" s="114">
        <v>0</v>
      </c>
      <c r="DK37" s="112">
        <v>41994</v>
      </c>
      <c r="DL37" s="111">
        <v>0</v>
      </c>
      <c r="DM37" s="114">
        <v>262811</v>
      </c>
      <c r="DN37" s="114">
        <v>432202</v>
      </c>
      <c r="DO37" s="114">
        <v>1798276</v>
      </c>
      <c r="DP37" s="114">
        <v>883321</v>
      </c>
      <c r="DQ37" s="114">
        <v>267707</v>
      </c>
      <c r="DR37" s="113">
        <v>3644317</v>
      </c>
      <c r="DS37" s="116">
        <v>3686311</v>
      </c>
      <c r="DT37" s="110">
        <v>41994</v>
      </c>
      <c r="DU37" s="114">
        <v>0</v>
      </c>
      <c r="DV37" s="113">
        <v>41994</v>
      </c>
      <c r="DW37" s="110">
        <v>0</v>
      </c>
      <c r="DX37" s="114">
        <v>227603</v>
      </c>
      <c r="DY37" s="114">
        <v>432202</v>
      </c>
      <c r="DZ37" s="114">
        <v>1293665</v>
      </c>
      <c r="EA37" s="114">
        <v>676383</v>
      </c>
      <c r="EB37" s="114">
        <v>114149</v>
      </c>
      <c r="EC37" s="113">
        <v>2744002</v>
      </c>
      <c r="ED37" s="116">
        <v>2785996</v>
      </c>
      <c r="EE37" s="110">
        <v>0</v>
      </c>
      <c r="EF37" s="112">
        <v>0</v>
      </c>
      <c r="EG37" s="113">
        <v>0</v>
      </c>
      <c r="EH37" s="110">
        <v>0</v>
      </c>
      <c r="EI37" s="114">
        <v>35208</v>
      </c>
      <c r="EJ37" s="114">
        <v>0</v>
      </c>
      <c r="EK37" s="114">
        <v>504611</v>
      </c>
      <c r="EL37" s="114">
        <v>206938</v>
      </c>
      <c r="EM37" s="114">
        <v>153558</v>
      </c>
      <c r="EN37" s="112">
        <v>900315</v>
      </c>
      <c r="EO37" s="116">
        <v>900315</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8"/>
      <c r="FE37" s="114">
        <v>0</v>
      </c>
      <c r="FF37" s="114">
        <v>0</v>
      </c>
      <c r="FG37" s="114">
        <v>0</v>
      </c>
      <c r="FH37" s="114">
        <v>0</v>
      </c>
      <c r="FI37" s="114">
        <v>0</v>
      </c>
      <c r="FJ37" s="113">
        <v>0</v>
      </c>
      <c r="FK37" s="116">
        <v>0</v>
      </c>
      <c r="FL37" s="110">
        <v>242485</v>
      </c>
      <c r="FM37" s="114">
        <v>266115</v>
      </c>
      <c r="FN37" s="113">
        <v>508600</v>
      </c>
      <c r="FO37" s="110">
        <v>0</v>
      </c>
      <c r="FP37" s="114">
        <v>514925</v>
      </c>
      <c r="FQ37" s="114">
        <v>1143080</v>
      </c>
      <c r="FR37" s="114">
        <v>764197</v>
      </c>
      <c r="FS37" s="114">
        <v>591419</v>
      </c>
      <c r="FT37" s="114">
        <v>419874</v>
      </c>
      <c r="FU37" s="113">
        <v>3433495</v>
      </c>
      <c r="FV37" s="116">
        <v>3942095</v>
      </c>
      <c r="FW37" s="115">
        <v>173955</v>
      </c>
      <c r="FX37" s="114">
        <v>266115</v>
      </c>
      <c r="FY37" s="112">
        <v>440070</v>
      </c>
      <c r="FZ37" s="111">
        <v>0</v>
      </c>
      <c r="GA37" s="114">
        <v>514925</v>
      </c>
      <c r="GB37" s="114">
        <v>1002332</v>
      </c>
      <c r="GC37" s="114">
        <v>728557</v>
      </c>
      <c r="GD37" s="114">
        <v>565723</v>
      </c>
      <c r="GE37" s="114">
        <v>419874</v>
      </c>
      <c r="GF37" s="113">
        <v>3231411</v>
      </c>
      <c r="GG37" s="319">
        <v>3671481</v>
      </c>
      <c r="GH37" s="115">
        <v>68530</v>
      </c>
      <c r="GI37" s="114">
        <v>0</v>
      </c>
      <c r="GJ37" s="112">
        <v>68530</v>
      </c>
      <c r="GK37" s="111">
        <v>0</v>
      </c>
      <c r="GL37" s="114">
        <v>0</v>
      </c>
      <c r="GM37" s="114">
        <v>55608</v>
      </c>
      <c r="GN37" s="114">
        <v>35640</v>
      </c>
      <c r="GO37" s="114">
        <v>25696</v>
      </c>
      <c r="GP37" s="114">
        <v>0</v>
      </c>
      <c r="GQ37" s="113">
        <v>116944</v>
      </c>
      <c r="GR37" s="116">
        <v>185474</v>
      </c>
      <c r="GS37" s="110">
        <v>0</v>
      </c>
      <c r="GT37" s="114">
        <v>0</v>
      </c>
      <c r="GU37" s="113">
        <v>0</v>
      </c>
      <c r="GV37" s="110">
        <v>0</v>
      </c>
      <c r="GW37" s="114">
        <v>0</v>
      </c>
      <c r="GX37" s="114">
        <v>85140</v>
      </c>
      <c r="GY37" s="114">
        <v>0</v>
      </c>
      <c r="GZ37" s="114">
        <v>0</v>
      </c>
      <c r="HA37" s="114">
        <v>0</v>
      </c>
      <c r="HB37" s="112">
        <v>85140</v>
      </c>
      <c r="HC37" s="116">
        <v>85140</v>
      </c>
      <c r="HD37" s="110">
        <v>182743</v>
      </c>
      <c r="HE37" s="114">
        <v>284197</v>
      </c>
      <c r="HF37" s="112">
        <v>466940</v>
      </c>
      <c r="HG37" s="111">
        <v>0</v>
      </c>
      <c r="HH37" s="114">
        <v>1013980</v>
      </c>
      <c r="HI37" s="114">
        <v>709352</v>
      </c>
      <c r="HJ37" s="114">
        <v>1054592</v>
      </c>
      <c r="HK37" s="114">
        <v>1852877</v>
      </c>
      <c r="HL37" s="114">
        <v>975238</v>
      </c>
      <c r="HM37" s="113">
        <v>5606039</v>
      </c>
      <c r="HN37" s="109">
        <v>6072979</v>
      </c>
      <c r="HO37" s="115">
        <v>135780</v>
      </c>
      <c r="HP37" s="114">
        <v>166623</v>
      </c>
      <c r="HQ37" s="113">
        <v>302403</v>
      </c>
      <c r="HR37" s="110">
        <v>0</v>
      </c>
      <c r="HS37" s="114">
        <v>1814744</v>
      </c>
      <c r="HT37" s="114">
        <v>1534021</v>
      </c>
      <c r="HU37" s="114">
        <v>871461</v>
      </c>
      <c r="HV37" s="114">
        <v>587210</v>
      </c>
      <c r="HW37" s="114">
        <v>351748</v>
      </c>
      <c r="HX37" s="112">
        <v>5159184</v>
      </c>
      <c r="HY37" s="116">
        <v>5461587</v>
      </c>
      <c r="HZ37" s="131">
        <v>0</v>
      </c>
      <c r="IA37" s="132">
        <v>323676</v>
      </c>
      <c r="IB37" s="133">
        <v>323676</v>
      </c>
      <c r="IC37" s="146">
        <v>0</v>
      </c>
      <c r="ID37" s="132">
        <v>3442210</v>
      </c>
      <c r="IE37" s="147">
        <v>3851555</v>
      </c>
      <c r="IF37" s="133">
        <v>7554298</v>
      </c>
      <c r="IG37" s="132">
        <v>5684000</v>
      </c>
      <c r="IH37" s="133">
        <v>1976497</v>
      </c>
      <c r="II37" s="148">
        <v>22508560</v>
      </c>
      <c r="IJ37" s="139">
        <v>22832236</v>
      </c>
      <c r="IK37" s="232">
        <v>0</v>
      </c>
      <c r="IL37" s="236">
        <v>0</v>
      </c>
      <c r="IM37" s="237">
        <v>0</v>
      </c>
      <c r="IN37" s="140"/>
      <c r="IO37" s="119">
        <v>132138</v>
      </c>
      <c r="IP37" s="119">
        <v>82026</v>
      </c>
      <c r="IQ37" s="119">
        <v>0</v>
      </c>
      <c r="IR37" s="119">
        <v>566802</v>
      </c>
      <c r="IS37" s="119">
        <v>0</v>
      </c>
      <c r="IT37" s="141">
        <v>780966</v>
      </c>
      <c r="IU37" s="321">
        <v>780966</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2168462</v>
      </c>
      <c r="JL37" s="119">
        <v>2110956</v>
      </c>
      <c r="JM37" s="119">
        <v>694986</v>
      </c>
      <c r="JN37" s="119">
        <v>345951</v>
      </c>
      <c r="JO37" s="119">
        <v>14319</v>
      </c>
      <c r="JP37" s="120">
        <v>5334674</v>
      </c>
      <c r="JQ37" s="321">
        <v>5334674</v>
      </c>
      <c r="JR37" s="142">
        <v>0</v>
      </c>
      <c r="JS37" s="119">
        <v>0</v>
      </c>
      <c r="JT37" s="141">
        <v>0</v>
      </c>
      <c r="JU37" s="118">
        <v>0</v>
      </c>
      <c r="JV37" s="119">
        <v>135602</v>
      </c>
      <c r="JW37" s="119">
        <v>0</v>
      </c>
      <c r="JX37" s="119">
        <v>297990</v>
      </c>
      <c r="JY37" s="119">
        <v>96656</v>
      </c>
      <c r="JZ37" s="119">
        <v>94019</v>
      </c>
      <c r="KA37" s="120">
        <v>624267</v>
      </c>
      <c r="KB37" s="321">
        <v>624267</v>
      </c>
      <c r="KC37" s="234">
        <v>0</v>
      </c>
      <c r="KD37" s="230">
        <v>323676</v>
      </c>
      <c r="KE37" s="120">
        <v>323676</v>
      </c>
      <c r="KF37" s="118">
        <v>0</v>
      </c>
      <c r="KG37" s="119">
        <v>128259</v>
      </c>
      <c r="KH37" s="119">
        <v>140256</v>
      </c>
      <c r="KI37" s="119">
        <v>463932</v>
      </c>
      <c r="KJ37" s="119">
        <v>281214</v>
      </c>
      <c r="KK37" s="119">
        <v>0</v>
      </c>
      <c r="KL37" s="120">
        <v>1013661</v>
      </c>
      <c r="KM37" s="143">
        <v>1337337</v>
      </c>
      <c r="KN37" s="232">
        <v>0</v>
      </c>
      <c r="KO37" s="236">
        <v>0</v>
      </c>
      <c r="KP37" s="237">
        <v>0</v>
      </c>
      <c r="KQ37" s="140"/>
      <c r="KR37" s="119">
        <v>696309</v>
      </c>
      <c r="KS37" s="119">
        <v>1360642</v>
      </c>
      <c r="KT37" s="119">
        <v>3135625</v>
      </c>
      <c r="KU37" s="119">
        <v>2191293</v>
      </c>
      <c r="KV37" s="119">
        <v>1333721</v>
      </c>
      <c r="KW37" s="120">
        <v>8717590</v>
      </c>
      <c r="KX37" s="321">
        <v>8717590</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181440</v>
      </c>
      <c r="LO37" s="119">
        <v>157675</v>
      </c>
      <c r="LP37" s="119">
        <v>2961765</v>
      </c>
      <c r="LQ37" s="119">
        <v>2202084</v>
      </c>
      <c r="LR37" s="119">
        <v>534438</v>
      </c>
      <c r="LS37" s="120">
        <v>6037402</v>
      </c>
      <c r="LT37" s="321">
        <v>6037402</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709232</v>
      </c>
      <c r="MK37" s="119">
        <v>3525319</v>
      </c>
      <c r="ML37" s="119">
        <v>6616167</v>
      </c>
      <c r="MM37" s="119">
        <v>9493526</v>
      </c>
      <c r="MN37" s="119">
        <v>5327515</v>
      </c>
      <c r="MO37" s="120">
        <v>25671759</v>
      </c>
      <c r="MP37" s="143">
        <v>25671759</v>
      </c>
      <c r="MQ37" s="142">
        <v>0</v>
      </c>
      <c r="MR37" s="119">
        <v>0</v>
      </c>
      <c r="MS37" s="120">
        <v>0</v>
      </c>
      <c r="MT37" s="145"/>
      <c r="MU37" s="119">
        <v>226386</v>
      </c>
      <c r="MV37" s="119">
        <v>222518</v>
      </c>
      <c r="MW37" s="119">
        <v>2849481</v>
      </c>
      <c r="MX37" s="119">
        <v>5538524</v>
      </c>
      <c r="MY37" s="119">
        <v>3122950</v>
      </c>
      <c r="MZ37" s="120">
        <v>11959859</v>
      </c>
      <c r="NA37" s="143">
        <v>11959859</v>
      </c>
      <c r="NB37" s="142">
        <v>0</v>
      </c>
      <c r="NC37" s="119">
        <v>0</v>
      </c>
      <c r="ND37" s="120">
        <v>0</v>
      </c>
      <c r="NE37" s="145"/>
      <c r="NF37" s="119">
        <v>482846</v>
      </c>
      <c r="NG37" s="119">
        <v>3277989</v>
      </c>
      <c r="NH37" s="119">
        <v>3766686</v>
      </c>
      <c r="NI37" s="119">
        <v>3955002</v>
      </c>
      <c r="NJ37" s="119">
        <v>2030887</v>
      </c>
      <c r="NK37" s="120">
        <v>13513410</v>
      </c>
      <c r="NL37" s="321">
        <v>13513410</v>
      </c>
      <c r="NM37" s="142">
        <v>0</v>
      </c>
      <c r="NN37" s="119">
        <v>0</v>
      </c>
      <c r="NO37" s="120">
        <v>0</v>
      </c>
      <c r="NP37" s="145"/>
      <c r="NQ37" s="119">
        <v>0</v>
      </c>
      <c r="NR37" s="119">
        <v>24812</v>
      </c>
      <c r="NS37" s="119">
        <v>0</v>
      </c>
      <c r="NT37" s="119">
        <v>0</v>
      </c>
      <c r="NU37" s="119">
        <v>0</v>
      </c>
      <c r="NV37" s="120">
        <v>24812</v>
      </c>
      <c r="NW37" s="121">
        <v>24812</v>
      </c>
      <c r="NX37" s="142">
        <v>0</v>
      </c>
      <c r="NY37" s="119">
        <v>0</v>
      </c>
      <c r="NZ37" s="120">
        <v>0</v>
      </c>
      <c r="OA37" s="145"/>
      <c r="OB37" s="119">
        <v>0</v>
      </c>
      <c r="OC37" s="119">
        <v>0</v>
      </c>
      <c r="OD37" s="119">
        <v>0</v>
      </c>
      <c r="OE37" s="119">
        <v>0</v>
      </c>
      <c r="OF37" s="119">
        <v>173678</v>
      </c>
      <c r="OG37" s="120">
        <v>173678</v>
      </c>
      <c r="OH37" s="121">
        <v>173678</v>
      </c>
      <c r="OI37" s="142">
        <v>773187</v>
      </c>
      <c r="OJ37" s="119">
        <v>1227858</v>
      </c>
      <c r="OK37" s="141">
        <v>2001045</v>
      </c>
      <c r="OL37" s="118">
        <v>0</v>
      </c>
      <c r="OM37" s="119">
        <v>13611993</v>
      </c>
      <c r="ON37" s="119">
        <v>16555034</v>
      </c>
      <c r="OO37" s="119">
        <v>22800481</v>
      </c>
      <c r="OP37" s="119">
        <v>23657464</v>
      </c>
      <c r="OQ37" s="119">
        <v>12806082</v>
      </c>
      <c r="OR37" s="120">
        <v>89431054</v>
      </c>
      <c r="OS37" s="143">
        <v>91432099</v>
      </c>
    </row>
    <row r="38" spans="2:409" ht="18.75" customHeight="1" x14ac:dyDescent="0.2">
      <c r="B38" s="62" t="s">
        <v>33</v>
      </c>
      <c r="C38" s="110">
        <v>1235699</v>
      </c>
      <c r="D38" s="114">
        <v>2826358</v>
      </c>
      <c r="E38" s="113">
        <v>4062057</v>
      </c>
      <c r="F38" s="109">
        <v>0</v>
      </c>
      <c r="G38" s="114">
        <v>8279382</v>
      </c>
      <c r="H38" s="114">
        <v>8030797</v>
      </c>
      <c r="I38" s="114">
        <v>5026592</v>
      </c>
      <c r="J38" s="114">
        <v>8016904</v>
      </c>
      <c r="K38" s="114">
        <v>4236197</v>
      </c>
      <c r="L38" s="173">
        <v>33589872</v>
      </c>
      <c r="M38" s="116">
        <v>37651929</v>
      </c>
      <c r="N38" s="110">
        <v>451994</v>
      </c>
      <c r="O38" s="114">
        <v>1036147</v>
      </c>
      <c r="P38" s="113">
        <v>1488141</v>
      </c>
      <c r="Q38" s="110">
        <v>0</v>
      </c>
      <c r="R38" s="114">
        <v>2550800</v>
      </c>
      <c r="S38" s="114">
        <v>2132509</v>
      </c>
      <c r="T38" s="114">
        <v>1926905</v>
      </c>
      <c r="U38" s="114">
        <v>2703544</v>
      </c>
      <c r="V38" s="114">
        <v>2541071</v>
      </c>
      <c r="W38" s="113">
        <v>11854829</v>
      </c>
      <c r="X38" s="116">
        <v>13342970</v>
      </c>
      <c r="Y38" s="110">
        <v>0</v>
      </c>
      <c r="Z38" s="114">
        <v>0</v>
      </c>
      <c r="AA38" s="113">
        <v>0</v>
      </c>
      <c r="AB38" s="110">
        <v>0</v>
      </c>
      <c r="AC38" s="114">
        <v>837400</v>
      </c>
      <c r="AD38" s="114">
        <v>780893</v>
      </c>
      <c r="AE38" s="114">
        <v>1002957</v>
      </c>
      <c r="AF38" s="114">
        <v>1574388</v>
      </c>
      <c r="AG38" s="114">
        <v>1655480</v>
      </c>
      <c r="AH38" s="113">
        <v>5851118</v>
      </c>
      <c r="AI38" s="116">
        <v>5851118</v>
      </c>
      <c r="AJ38" s="110">
        <v>0</v>
      </c>
      <c r="AK38" s="114">
        <v>0</v>
      </c>
      <c r="AL38" s="113">
        <v>0</v>
      </c>
      <c r="AM38" s="110">
        <v>0</v>
      </c>
      <c r="AN38" s="114">
        <v>0</v>
      </c>
      <c r="AO38" s="114">
        <v>0</v>
      </c>
      <c r="AP38" s="114">
        <v>101322</v>
      </c>
      <c r="AQ38" s="114">
        <v>210900</v>
      </c>
      <c r="AR38" s="114">
        <v>254898</v>
      </c>
      <c r="AS38" s="113">
        <v>567120</v>
      </c>
      <c r="AT38" s="116">
        <v>567120</v>
      </c>
      <c r="AU38" s="110">
        <v>29110</v>
      </c>
      <c r="AV38" s="114">
        <v>64335</v>
      </c>
      <c r="AW38" s="113">
        <v>93445</v>
      </c>
      <c r="AX38" s="110">
        <v>0</v>
      </c>
      <c r="AY38" s="114">
        <v>458706</v>
      </c>
      <c r="AZ38" s="114">
        <v>375467</v>
      </c>
      <c r="BA38" s="114">
        <v>305613</v>
      </c>
      <c r="BB38" s="114">
        <v>334309</v>
      </c>
      <c r="BC38" s="114">
        <v>275270</v>
      </c>
      <c r="BD38" s="113">
        <v>1749365</v>
      </c>
      <c r="BE38" s="116">
        <v>1842810</v>
      </c>
      <c r="BF38" s="110">
        <v>314646</v>
      </c>
      <c r="BG38" s="114">
        <v>833302</v>
      </c>
      <c r="BH38" s="112">
        <v>1147948</v>
      </c>
      <c r="BI38" s="111">
        <v>0</v>
      </c>
      <c r="BJ38" s="114">
        <v>981931</v>
      </c>
      <c r="BK38" s="114">
        <v>609414</v>
      </c>
      <c r="BL38" s="114">
        <v>164250</v>
      </c>
      <c r="BM38" s="114">
        <v>359798</v>
      </c>
      <c r="BN38" s="114">
        <v>146108</v>
      </c>
      <c r="BO38" s="113">
        <v>2261501</v>
      </c>
      <c r="BP38" s="116">
        <v>3409449</v>
      </c>
      <c r="BQ38" s="110">
        <v>108238</v>
      </c>
      <c r="BR38" s="114">
        <v>138510</v>
      </c>
      <c r="BS38" s="113">
        <v>246748</v>
      </c>
      <c r="BT38" s="110">
        <v>0</v>
      </c>
      <c r="BU38" s="114">
        <v>272763</v>
      </c>
      <c r="BV38" s="114">
        <v>366735</v>
      </c>
      <c r="BW38" s="114">
        <v>352763</v>
      </c>
      <c r="BX38" s="114">
        <v>224149</v>
      </c>
      <c r="BY38" s="114">
        <v>209315</v>
      </c>
      <c r="BZ38" s="113">
        <v>1425725</v>
      </c>
      <c r="CA38" s="116">
        <v>1672473</v>
      </c>
      <c r="CB38" s="110">
        <v>207070</v>
      </c>
      <c r="CC38" s="114">
        <v>418084</v>
      </c>
      <c r="CD38" s="113">
        <v>625154</v>
      </c>
      <c r="CE38" s="110">
        <v>0</v>
      </c>
      <c r="CF38" s="114">
        <v>1340442</v>
      </c>
      <c r="CG38" s="114">
        <v>846797</v>
      </c>
      <c r="CH38" s="114">
        <v>445318</v>
      </c>
      <c r="CI38" s="114">
        <v>814238</v>
      </c>
      <c r="CJ38" s="114">
        <v>225206</v>
      </c>
      <c r="CK38" s="113">
        <v>3672001</v>
      </c>
      <c r="CL38" s="116">
        <v>4297155</v>
      </c>
      <c r="CM38" s="110">
        <v>0</v>
      </c>
      <c r="CN38" s="114">
        <v>0</v>
      </c>
      <c r="CO38" s="113">
        <v>0</v>
      </c>
      <c r="CP38" s="111">
        <v>0</v>
      </c>
      <c r="CQ38" s="114">
        <v>674748</v>
      </c>
      <c r="CR38" s="114">
        <v>410032</v>
      </c>
      <c r="CS38" s="114">
        <v>341742</v>
      </c>
      <c r="CT38" s="114">
        <v>699360</v>
      </c>
      <c r="CU38" s="114">
        <v>151955</v>
      </c>
      <c r="CV38" s="113">
        <v>2277837</v>
      </c>
      <c r="CW38" s="116">
        <v>2277837</v>
      </c>
      <c r="CX38" s="110">
        <v>207070</v>
      </c>
      <c r="CY38" s="114">
        <v>418084</v>
      </c>
      <c r="CZ38" s="113">
        <v>625154</v>
      </c>
      <c r="DA38" s="110">
        <v>0</v>
      </c>
      <c r="DB38" s="114">
        <v>665694</v>
      </c>
      <c r="DC38" s="114">
        <v>436765</v>
      </c>
      <c r="DD38" s="114">
        <v>103576</v>
      </c>
      <c r="DE38" s="114">
        <v>114878</v>
      </c>
      <c r="DF38" s="114">
        <v>73251</v>
      </c>
      <c r="DG38" s="113">
        <v>1394164</v>
      </c>
      <c r="DH38" s="116">
        <v>2019318</v>
      </c>
      <c r="DI38" s="110">
        <v>0</v>
      </c>
      <c r="DJ38" s="114">
        <v>0</v>
      </c>
      <c r="DK38" s="112">
        <v>0</v>
      </c>
      <c r="DL38" s="111">
        <v>0</v>
      </c>
      <c r="DM38" s="114">
        <v>208805</v>
      </c>
      <c r="DN38" s="114">
        <v>702130</v>
      </c>
      <c r="DO38" s="114">
        <v>893264</v>
      </c>
      <c r="DP38" s="114">
        <v>908850</v>
      </c>
      <c r="DQ38" s="114">
        <v>0</v>
      </c>
      <c r="DR38" s="113">
        <v>2713049</v>
      </c>
      <c r="DS38" s="116">
        <v>2713049</v>
      </c>
      <c r="DT38" s="110">
        <v>0</v>
      </c>
      <c r="DU38" s="114">
        <v>0</v>
      </c>
      <c r="DV38" s="113">
        <v>0</v>
      </c>
      <c r="DW38" s="110">
        <v>0</v>
      </c>
      <c r="DX38" s="114">
        <v>12740</v>
      </c>
      <c r="DY38" s="114">
        <v>370804</v>
      </c>
      <c r="DZ38" s="114">
        <v>626396</v>
      </c>
      <c r="EA38" s="114">
        <v>908850</v>
      </c>
      <c r="EB38" s="114">
        <v>0</v>
      </c>
      <c r="EC38" s="113">
        <v>1918790</v>
      </c>
      <c r="ED38" s="116">
        <v>1918790</v>
      </c>
      <c r="EE38" s="110">
        <v>0</v>
      </c>
      <c r="EF38" s="112">
        <v>0</v>
      </c>
      <c r="EG38" s="113">
        <v>0</v>
      </c>
      <c r="EH38" s="110">
        <v>0</v>
      </c>
      <c r="EI38" s="114">
        <v>37142</v>
      </c>
      <c r="EJ38" s="114">
        <v>331326</v>
      </c>
      <c r="EK38" s="114">
        <v>266868</v>
      </c>
      <c r="EL38" s="114">
        <v>0</v>
      </c>
      <c r="EM38" s="114">
        <v>0</v>
      </c>
      <c r="EN38" s="112">
        <v>635336</v>
      </c>
      <c r="EO38" s="116">
        <v>635336</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8"/>
      <c r="FE38" s="114">
        <v>158923</v>
      </c>
      <c r="FF38" s="114">
        <v>0</v>
      </c>
      <c r="FG38" s="114">
        <v>0</v>
      </c>
      <c r="FH38" s="114">
        <v>0</v>
      </c>
      <c r="FI38" s="114">
        <v>0</v>
      </c>
      <c r="FJ38" s="113">
        <v>158923</v>
      </c>
      <c r="FK38" s="116">
        <v>158923</v>
      </c>
      <c r="FL38" s="110">
        <v>153384</v>
      </c>
      <c r="FM38" s="114">
        <v>412762</v>
      </c>
      <c r="FN38" s="113">
        <v>566146</v>
      </c>
      <c r="FO38" s="110">
        <v>0</v>
      </c>
      <c r="FP38" s="114">
        <v>625859</v>
      </c>
      <c r="FQ38" s="114">
        <v>539944</v>
      </c>
      <c r="FR38" s="114">
        <v>293689</v>
      </c>
      <c r="FS38" s="114">
        <v>302549</v>
      </c>
      <c r="FT38" s="114">
        <v>371404</v>
      </c>
      <c r="FU38" s="113">
        <v>2133445</v>
      </c>
      <c r="FV38" s="116">
        <v>2699591</v>
      </c>
      <c r="FW38" s="115">
        <v>153384</v>
      </c>
      <c r="FX38" s="114">
        <v>232762</v>
      </c>
      <c r="FY38" s="112">
        <v>386146</v>
      </c>
      <c r="FZ38" s="111">
        <v>0</v>
      </c>
      <c r="GA38" s="114">
        <v>445859</v>
      </c>
      <c r="GB38" s="114">
        <v>539944</v>
      </c>
      <c r="GC38" s="114">
        <v>293689</v>
      </c>
      <c r="GD38" s="114">
        <v>302549</v>
      </c>
      <c r="GE38" s="114">
        <v>371404</v>
      </c>
      <c r="GF38" s="113">
        <v>1953445</v>
      </c>
      <c r="GG38" s="319">
        <v>2339591</v>
      </c>
      <c r="GH38" s="115">
        <v>0</v>
      </c>
      <c r="GI38" s="114">
        <v>0</v>
      </c>
      <c r="GJ38" s="112">
        <v>0</v>
      </c>
      <c r="GK38" s="111">
        <v>0</v>
      </c>
      <c r="GL38" s="114">
        <v>0</v>
      </c>
      <c r="GM38" s="114">
        <v>0</v>
      </c>
      <c r="GN38" s="114">
        <v>0</v>
      </c>
      <c r="GO38" s="114">
        <v>0</v>
      </c>
      <c r="GP38" s="114">
        <v>0</v>
      </c>
      <c r="GQ38" s="113">
        <v>0</v>
      </c>
      <c r="GR38" s="116">
        <v>0</v>
      </c>
      <c r="GS38" s="110">
        <v>0</v>
      </c>
      <c r="GT38" s="114">
        <v>180000</v>
      </c>
      <c r="GU38" s="113">
        <v>180000</v>
      </c>
      <c r="GV38" s="110">
        <v>0</v>
      </c>
      <c r="GW38" s="114">
        <v>180000</v>
      </c>
      <c r="GX38" s="114">
        <v>0</v>
      </c>
      <c r="GY38" s="114">
        <v>0</v>
      </c>
      <c r="GZ38" s="114">
        <v>0</v>
      </c>
      <c r="HA38" s="114">
        <v>0</v>
      </c>
      <c r="HB38" s="112">
        <v>180000</v>
      </c>
      <c r="HC38" s="116">
        <v>360000</v>
      </c>
      <c r="HD38" s="110">
        <v>233814</v>
      </c>
      <c r="HE38" s="114">
        <v>739763</v>
      </c>
      <c r="HF38" s="112">
        <v>973577</v>
      </c>
      <c r="HG38" s="111">
        <v>0</v>
      </c>
      <c r="HH38" s="114">
        <v>2162173</v>
      </c>
      <c r="HI38" s="114">
        <v>3024119</v>
      </c>
      <c r="HJ38" s="114">
        <v>1004701</v>
      </c>
      <c r="HK38" s="114">
        <v>2822878</v>
      </c>
      <c r="HL38" s="114">
        <v>870028</v>
      </c>
      <c r="HM38" s="113">
        <v>9883899</v>
      </c>
      <c r="HN38" s="109">
        <v>10857476</v>
      </c>
      <c r="HO38" s="115">
        <v>189437</v>
      </c>
      <c r="HP38" s="114">
        <v>219602</v>
      </c>
      <c r="HQ38" s="113">
        <v>409039</v>
      </c>
      <c r="HR38" s="110">
        <v>0</v>
      </c>
      <c r="HS38" s="114">
        <v>1391303</v>
      </c>
      <c r="HT38" s="114">
        <v>785298</v>
      </c>
      <c r="HU38" s="114">
        <v>462715</v>
      </c>
      <c r="HV38" s="114">
        <v>464845</v>
      </c>
      <c r="HW38" s="114">
        <v>228488</v>
      </c>
      <c r="HX38" s="112">
        <v>3332649</v>
      </c>
      <c r="HY38" s="116">
        <v>3741688</v>
      </c>
      <c r="HZ38" s="150">
        <v>0</v>
      </c>
      <c r="IA38" s="135">
        <v>480556</v>
      </c>
      <c r="IB38" s="150">
        <v>480556</v>
      </c>
      <c r="IC38" s="146">
        <v>0</v>
      </c>
      <c r="ID38" s="132">
        <v>3108554</v>
      </c>
      <c r="IE38" s="147">
        <v>2894143</v>
      </c>
      <c r="IF38" s="133">
        <v>4263198</v>
      </c>
      <c r="IG38" s="132">
        <v>1604137</v>
      </c>
      <c r="IH38" s="133">
        <v>1809983</v>
      </c>
      <c r="II38" s="148">
        <v>13680015</v>
      </c>
      <c r="IJ38" s="150">
        <v>14160571</v>
      </c>
      <c r="IK38" s="232">
        <v>0</v>
      </c>
      <c r="IL38" s="236">
        <v>0</v>
      </c>
      <c r="IM38" s="237">
        <v>0</v>
      </c>
      <c r="IN38" s="140"/>
      <c r="IO38" s="119">
        <v>0</v>
      </c>
      <c r="IP38" s="119">
        <v>0</v>
      </c>
      <c r="IQ38" s="119">
        <v>0</v>
      </c>
      <c r="IR38" s="119">
        <v>0</v>
      </c>
      <c r="IS38" s="119">
        <v>0</v>
      </c>
      <c r="IT38" s="141">
        <v>0</v>
      </c>
      <c r="IU38" s="321">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1810165</v>
      </c>
      <c r="JL38" s="119">
        <v>831332</v>
      </c>
      <c r="JM38" s="119">
        <v>486004</v>
      </c>
      <c r="JN38" s="119">
        <v>489177</v>
      </c>
      <c r="JO38" s="119">
        <v>268840</v>
      </c>
      <c r="JP38" s="120">
        <v>3885518</v>
      </c>
      <c r="JQ38" s="321">
        <v>3885518</v>
      </c>
      <c r="JR38" s="142">
        <v>0</v>
      </c>
      <c r="JS38" s="119">
        <v>0</v>
      </c>
      <c r="JT38" s="141">
        <v>0</v>
      </c>
      <c r="JU38" s="118">
        <v>0</v>
      </c>
      <c r="JV38" s="119">
        <v>0</v>
      </c>
      <c r="JW38" s="119">
        <v>0</v>
      </c>
      <c r="JX38" s="119">
        <v>0</v>
      </c>
      <c r="JY38" s="119">
        <v>0</v>
      </c>
      <c r="JZ38" s="119">
        <v>0</v>
      </c>
      <c r="KA38" s="120">
        <v>0</v>
      </c>
      <c r="KB38" s="321">
        <v>0</v>
      </c>
      <c r="KC38" s="234">
        <v>0</v>
      </c>
      <c r="KD38" s="230">
        <v>0</v>
      </c>
      <c r="KE38" s="120">
        <v>0</v>
      </c>
      <c r="KF38" s="118">
        <v>0</v>
      </c>
      <c r="KG38" s="119">
        <v>0</v>
      </c>
      <c r="KH38" s="119">
        <v>0</v>
      </c>
      <c r="KI38" s="119">
        <v>0</v>
      </c>
      <c r="KJ38" s="119">
        <v>0</v>
      </c>
      <c r="KK38" s="119">
        <v>0</v>
      </c>
      <c r="KL38" s="120">
        <v>0</v>
      </c>
      <c r="KM38" s="143">
        <v>0</v>
      </c>
      <c r="KN38" s="232">
        <v>0</v>
      </c>
      <c r="KO38" s="236">
        <v>480556</v>
      </c>
      <c r="KP38" s="237">
        <v>480556</v>
      </c>
      <c r="KQ38" s="140"/>
      <c r="KR38" s="119">
        <v>508152</v>
      </c>
      <c r="KS38" s="119">
        <v>795933</v>
      </c>
      <c r="KT38" s="119">
        <v>2414199</v>
      </c>
      <c r="KU38" s="119">
        <v>278132</v>
      </c>
      <c r="KV38" s="119">
        <v>283590</v>
      </c>
      <c r="KW38" s="120">
        <v>4280006</v>
      </c>
      <c r="KX38" s="321">
        <v>4760562</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1">
        <v>0</v>
      </c>
      <c r="LU38" s="142">
        <v>0</v>
      </c>
      <c r="LV38" s="119">
        <v>0</v>
      </c>
      <c r="LW38" s="120">
        <v>0</v>
      </c>
      <c r="LX38" s="145"/>
      <c r="LY38" s="119">
        <v>790237</v>
      </c>
      <c r="LZ38" s="119">
        <v>1266878</v>
      </c>
      <c r="MA38" s="119">
        <v>1362995</v>
      </c>
      <c r="MB38" s="119">
        <v>836828</v>
      </c>
      <c r="MC38" s="119">
        <v>1257553</v>
      </c>
      <c r="MD38" s="120">
        <v>5514491</v>
      </c>
      <c r="ME38" s="121">
        <v>5514491</v>
      </c>
      <c r="MF38" s="142">
        <v>0</v>
      </c>
      <c r="MG38" s="119">
        <v>0</v>
      </c>
      <c r="MH38" s="120">
        <v>0</v>
      </c>
      <c r="MI38" s="145"/>
      <c r="MJ38" s="119">
        <v>3068441</v>
      </c>
      <c r="MK38" s="119">
        <v>5559875</v>
      </c>
      <c r="ML38" s="119">
        <v>11542871</v>
      </c>
      <c r="MM38" s="119">
        <v>16844099</v>
      </c>
      <c r="MN38" s="119">
        <v>11287365</v>
      </c>
      <c r="MO38" s="120">
        <v>48302651</v>
      </c>
      <c r="MP38" s="143">
        <v>48302651</v>
      </c>
      <c r="MQ38" s="142">
        <v>0</v>
      </c>
      <c r="MR38" s="119">
        <v>0</v>
      </c>
      <c r="MS38" s="120">
        <v>0</v>
      </c>
      <c r="MT38" s="145"/>
      <c r="MU38" s="119">
        <v>0</v>
      </c>
      <c r="MV38" s="119">
        <v>1332700</v>
      </c>
      <c r="MW38" s="119">
        <v>5533070</v>
      </c>
      <c r="MX38" s="119">
        <v>8943525</v>
      </c>
      <c r="MY38" s="119">
        <v>6646836</v>
      </c>
      <c r="MZ38" s="120">
        <v>22456131</v>
      </c>
      <c r="NA38" s="143">
        <v>22456131</v>
      </c>
      <c r="NB38" s="142">
        <v>0</v>
      </c>
      <c r="NC38" s="119">
        <v>0</v>
      </c>
      <c r="ND38" s="120">
        <v>0</v>
      </c>
      <c r="NE38" s="145"/>
      <c r="NF38" s="119">
        <v>2560372</v>
      </c>
      <c r="NG38" s="119">
        <v>2106512</v>
      </c>
      <c r="NH38" s="119">
        <v>4349696</v>
      </c>
      <c r="NI38" s="119">
        <v>5216987</v>
      </c>
      <c r="NJ38" s="119">
        <v>1334794</v>
      </c>
      <c r="NK38" s="120">
        <v>15568361</v>
      </c>
      <c r="NL38" s="321">
        <v>15568361</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508069</v>
      </c>
      <c r="OC38" s="119">
        <v>2120663</v>
      </c>
      <c r="OD38" s="119">
        <v>1660105</v>
      </c>
      <c r="OE38" s="119">
        <v>2683587</v>
      </c>
      <c r="OF38" s="119">
        <v>3305735</v>
      </c>
      <c r="OG38" s="120">
        <v>10278159</v>
      </c>
      <c r="OH38" s="121">
        <v>10278159</v>
      </c>
      <c r="OI38" s="142">
        <v>1235699</v>
      </c>
      <c r="OJ38" s="119">
        <v>3306914</v>
      </c>
      <c r="OK38" s="141">
        <v>4542613</v>
      </c>
      <c r="OL38" s="118">
        <v>0</v>
      </c>
      <c r="OM38" s="119">
        <v>14456377</v>
      </c>
      <c r="ON38" s="119">
        <v>16484815</v>
      </c>
      <c r="OO38" s="119">
        <v>20832661</v>
      </c>
      <c r="OP38" s="119">
        <v>26465140</v>
      </c>
      <c r="OQ38" s="119">
        <v>17333545</v>
      </c>
      <c r="OR38" s="120">
        <v>95572538</v>
      </c>
      <c r="OS38" s="143">
        <v>100115151</v>
      </c>
    </row>
    <row r="39" spans="2:409" ht="18.75" customHeight="1" x14ac:dyDescent="0.2">
      <c r="B39" s="62" t="s">
        <v>34</v>
      </c>
      <c r="C39" s="110">
        <v>544167</v>
      </c>
      <c r="D39" s="114">
        <v>656831</v>
      </c>
      <c r="E39" s="174">
        <v>1200998</v>
      </c>
      <c r="F39" s="175">
        <v>0</v>
      </c>
      <c r="G39" s="176">
        <v>7121823</v>
      </c>
      <c r="H39" s="176">
        <v>6271956</v>
      </c>
      <c r="I39" s="176">
        <v>6467404</v>
      </c>
      <c r="J39" s="176">
        <v>5082590</v>
      </c>
      <c r="K39" s="176">
        <v>2427346</v>
      </c>
      <c r="L39" s="177">
        <v>27371119</v>
      </c>
      <c r="M39" s="116">
        <v>28572117</v>
      </c>
      <c r="N39" s="110">
        <v>19269</v>
      </c>
      <c r="O39" s="114">
        <v>169595</v>
      </c>
      <c r="P39" s="113">
        <v>188864</v>
      </c>
      <c r="Q39" s="110">
        <v>0</v>
      </c>
      <c r="R39" s="114">
        <v>1445621</v>
      </c>
      <c r="S39" s="114">
        <v>1126914</v>
      </c>
      <c r="T39" s="114">
        <v>1727626</v>
      </c>
      <c r="U39" s="114">
        <v>755859</v>
      </c>
      <c r="V39" s="114">
        <v>1360746</v>
      </c>
      <c r="W39" s="113">
        <v>6416766</v>
      </c>
      <c r="X39" s="116">
        <v>6605630</v>
      </c>
      <c r="Y39" s="110">
        <v>0</v>
      </c>
      <c r="Z39" s="114">
        <v>0</v>
      </c>
      <c r="AA39" s="113">
        <v>0</v>
      </c>
      <c r="AB39" s="110">
        <v>0</v>
      </c>
      <c r="AC39" s="114">
        <v>536933</v>
      </c>
      <c r="AD39" s="114">
        <v>333646</v>
      </c>
      <c r="AE39" s="114">
        <v>1129394</v>
      </c>
      <c r="AF39" s="114">
        <v>462933</v>
      </c>
      <c r="AG39" s="114">
        <v>500234</v>
      </c>
      <c r="AH39" s="113">
        <v>2963140</v>
      </c>
      <c r="AI39" s="116">
        <v>2963140</v>
      </c>
      <c r="AJ39" s="110">
        <v>0</v>
      </c>
      <c r="AK39" s="114">
        <v>0</v>
      </c>
      <c r="AL39" s="113">
        <v>0</v>
      </c>
      <c r="AM39" s="110">
        <v>0</v>
      </c>
      <c r="AN39" s="114">
        <v>0</v>
      </c>
      <c r="AO39" s="114">
        <v>25326</v>
      </c>
      <c r="AP39" s="114">
        <v>0</v>
      </c>
      <c r="AQ39" s="114">
        <v>50661</v>
      </c>
      <c r="AR39" s="114">
        <v>468540</v>
      </c>
      <c r="AS39" s="113">
        <v>544527</v>
      </c>
      <c r="AT39" s="116">
        <v>544527</v>
      </c>
      <c r="AU39" s="110">
        <v>0</v>
      </c>
      <c r="AV39" s="114">
        <v>148256</v>
      </c>
      <c r="AW39" s="113">
        <v>148256</v>
      </c>
      <c r="AX39" s="110">
        <v>0</v>
      </c>
      <c r="AY39" s="114">
        <v>361350</v>
      </c>
      <c r="AZ39" s="114">
        <v>303616</v>
      </c>
      <c r="BA39" s="114">
        <v>273423</v>
      </c>
      <c r="BB39" s="114">
        <v>11196</v>
      </c>
      <c r="BC39" s="114">
        <v>123471</v>
      </c>
      <c r="BD39" s="113">
        <v>1073056</v>
      </c>
      <c r="BE39" s="116">
        <v>1221312</v>
      </c>
      <c r="BF39" s="110">
        <v>0</v>
      </c>
      <c r="BG39" s="114">
        <v>0</v>
      </c>
      <c r="BH39" s="112">
        <v>0</v>
      </c>
      <c r="BI39" s="111">
        <v>0</v>
      </c>
      <c r="BJ39" s="114">
        <v>223596</v>
      </c>
      <c r="BK39" s="114">
        <v>154732</v>
      </c>
      <c r="BL39" s="114">
        <v>174946</v>
      </c>
      <c r="BM39" s="114">
        <v>25110</v>
      </c>
      <c r="BN39" s="114">
        <v>45072</v>
      </c>
      <c r="BO39" s="113">
        <v>623456</v>
      </c>
      <c r="BP39" s="116">
        <v>623456</v>
      </c>
      <c r="BQ39" s="110">
        <v>19269</v>
      </c>
      <c r="BR39" s="114">
        <v>21339</v>
      </c>
      <c r="BS39" s="113">
        <v>40608</v>
      </c>
      <c r="BT39" s="110">
        <v>0</v>
      </c>
      <c r="BU39" s="114">
        <v>323742</v>
      </c>
      <c r="BV39" s="114">
        <v>309594</v>
      </c>
      <c r="BW39" s="114">
        <v>149863</v>
      </c>
      <c r="BX39" s="114">
        <v>205959</v>
      </c>
      <c r="BY39" s="114">
        <v>223429</v>
      </c>
      <c r="BZ39" s="113">
        <v>1212587</v>
      </c>
      <c r="CA39" s="116">
        <v>1253195</v>
      </c>
      <c r="CB39" s="110">
        <v>48330</v>
      </c>
      <c r="CC39" s="114">
        <v>173979</v>
      </c>
      <c r="CD39" s="113">
        <v>222309</v>
      </c>
      <c r="CE39" s="110">
        <v>0</v>
      </c>
      <c r="CF39" s="114">
        <v>2821351</v>
      </c>
      <c r="CG39" s="114">
        <v>2341663</v>
      </c>
      <c r="CH39" s="114">
        <v>1762570</v>
      </c>
      <c r="CI39" s="114">
        <v>1377451</v>
      </c>
      <c r="CJ39" s="114">
        <v>71145</v>
      </c>
      <c r="CK39" s="113">
        <v>8374180</v>
      </c>
      <c r="CL39" s="116">
        <v>8596489</v>
      </c>
      <c r="CM39" s="110">
        <v>0</v>
      </c>
      <c r="CN39" s="114">
        <v>0</v>
      </c>
      <c r="CO39" s="113">
        <v>0</v>
      </c>
      <c r="CP39" s="111">
        <v>0</v>
      </c>
      <c r="CQ39" s="114">
        <v>2239272</v>
      </c>
      <c r="CR39" s="114">
        <v>1970591</v>
      </c>
      <c r="CS39" s="114">
        <v>1597626</v>
      </c>
      <c r="CT39" s="114">
        <v>932923</v>
      </c>
      <c r="CU39" s="114">
        <v>71145</v>
      </c>
      <c r="CV39" s="113">
        <v>6811557</v>
      </c>
      <c r="CW39" s="116">
        <v>6811557</v>
      </c>
      <c r="CX39" s="110">
        <v>48330</v>
      </c>
      <c r="CY39" s="114">
        <v>173979</v>
      </c>
      <c r="CZ39" s="113">
        <v>222309</v>
      </c>
      <c r="DA39" s="110">
        <v>0</v>
      </c>
      <c r="DB39" s="114">
        <v>582079</v>
      </c>
      <c r="DC39" s="114">
        <v>371072</v>
      </c>
      <c r="DD39" s="114">
        <v>164944</v>
      </c>
      <c r="DE39" s="114">
        <v>444528</v>
      </c>
      <c r="DF39" s="114">
        <v>0</v>
      </c>
      <c r="DG39" s="113">
        <v>1562623</v>
      </c>
      <c r="DH39" s="116">
        <v>1784932</v>
      </c>
      <c r="DI39" s="110">
        <v>0</v>
      </c>
      <c r="DJ39" s="114">
        <v>0</v>
      </c>
      <c r="DK39" s="112">
        <v>0</v>
      </c>
      <c r="DL39" s="111">
        <v>0</v>
      </c>
      <c r="DM39" s="114">
        <v>252117</v>
      </c>
      <c r="DN39" s="114">
        <v>17280</v>
      </c>
      <c r="DO39" s="114">
        <v>292241</v>
      </c>
      <c r="DP39" s="114">
        <v>683298</v>
      </c>
      <c r="DQ39" s="114">
        <v>0</v>
      </c>
      <c r="DR39" s="113">
        <v>1244936</v>
      </c>
      <c r="DS39" s="116">
        <v>1244936</v>
      </c>
      <c r="DT39" s="110">
        <v>0</v>
      </c>
      <c r="DU39" s="114">
        <v>0</v>
      </c>
      <c r="DV39" s="113">
        <v>0</v>
      </c>
      <c r="DW39" s="110">
        <v>0</v>
      </c>
      <c r="DX39" s="114">
        <v>217665</v>
      </c>
      <c r="DY39" s="114">
        <v>17280</v>
      </c>
      <c r="DZ39" s="114">
        <v>178263</v>
      </c>
      <c r="EA39" s="114">
        <v>592299</v>
      </c>
      <c r="EB39" s="114">
        <v>0</v>
      </c>
      <c r="EC39" s="113">
        <v>1005507</v>
      </c>
      <c r="ED39" s="116">
        <v>1005507</v>
      </c>
      <c r="EE39" s="110">
        <v>0</v>
      </c>
      <c r="EF39" s="112">
        <v>0</v>
      </c>
      <c r="EG39" s="113">
        <v>0</v>
      </c>
      <c r="EH39" s="110">
        <v>0</v>
      </c>
      <c r="EI39" s="114">
        <v>34452</v>
      </c>
      <c r="EJ39" s="114">
        <v>0</v>
      </c>
      <c r="EK39" s="114">
        <v>113978</v>
      </c>
      <c r="EL39" s="114">
        <v>90999</v>
      </c>
      <c r="EM39" s="114">
        <v>0</v>
      </c>
      <c r="EN39" s="112">
        <v>239429</v>
      </c>
      <c r="EO39" s="116">
        <v>239429</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8"/>
      <c r="FE39" s="114">
        <v>0</v>
      </c>
      <c r="FF39" s="114">
        <v>0</v>
      </c>
      <c r="FG39" s="114">
        <v>0</v>
      </c>
      <c r="FH39" s="114">
        <v>0</v>
      </c>
      <c r="FI39" s="114">
        <v>0</v>
      </c>
      <c r="FJ39" s="113">
        <v>0</v>
      </c>
      <c r="FK39" s="116">
        <v>0</v>
      </c>
      <c r="FL39" s="110">
        <v>247770</v>
      </c>
      <c r="FM39" s="114">
        <v>97080</v>
      </c>
      <c r="FN39" s="113">
        <v>344850</v>
      </c>
      <c r="FO39" s="110">
        <v>0</v>
      </c>
      <c r="FP39" s="114">
        <v>680692</v>
      </c>
      <c r="FQ39" s="114">
        <v>653058</v>
      </c>
      <c r="FR39" s="114">
        <v>821152</v>
      </c>
      <c r="FS39" s="114">
        <v>392759</v>
      </c>
      <c r="FT39" s="114">
        <v>167130</v>
      </c>
      <c r="FU39" s="113">
        <v>2714791</v>
      </c>
      <c r="FV39" s="116">
        <v>3059641</v>
      </c>
      <c r="FW39" s="115">
        <v>70560</v>
      </c>
      <c r="FX39" s="114">
        <v>97080</v>
      </c>
      <c r="FY39" s="112">
        <v>167640</v>
      </c>
      <c r="FZ39" s="111">
        <v>0</v>
      </c>
      <c r="GA39" s="114">
        <v>415030</v>
      </c>
      <c r="GB39" s="114">
        <v>585343</v>
      </c>
      <c r="GC39" s="114">
        <v>578337</v>
      </c>
      <c r="GD39" s="114">
        <v>392759</v>
      </c>
      <c r="GE39" s="114">
        <v>167130</v>
      </c>
      <c r="GF39" s="113">
        <v>2138599</v>
      </c>
      <c r="GG39" s="319">
        <v>2306239</v>
      </c>
      <c r="GH39" s="115">
        <v>0</v>
      </c>
      <c r="GI39" s="114">
        <v>0</v>
      </c>
      <c r="GJ39" s="112">
        <v>0</v>
      </c>
      <c r="GK39" s="111">
        <v>0</v>
      </c>
      <c r="GL39" s="114">
        <v>14400</v>
      </c>
      <c r="GM39" s="114">
        <v>67715</v>
      </c>
      <c r="GN39" s="114">
        <v>62815</v>
      </c>
      <c r="GO39" s="114">
        <v>0</v>
      </c>
      <c r="GP39" s="114">
        <v>0</v>
      </c>
      <c r="GQ39" s="113">
        <v>144930</v>
      </c>
      <c r="GR39" s="116">
        <v>144930</v>
      </c>
      <c r="GS39" s="110">
        <v>177210</v>
      </c>
      <c r="GT39" s="114">
        <v>0</v>
      </c>
      <c r="GU39" s="113">
        <v>177210</v>
      </c>
      <c r="GV39" s="110">
        <v>0</v>
      </c>
      <c r="GW39" s="114">
        <v>251262</v>
      </c>
      <c r="GX39" s="114">
        <v>0</v>
      </c>
      <c r="GY39" s="114">
        <v>180000</v>
      </c>
      <c r="GZ39" s="114">
        <v>0</v>
      </c>
      <c r="HA39" s="114">
        <v>0</v>
      </c>
      <c r="HB39" s="112">
        <v>431262</v>
      </c>
      <c r="HC39" s="116">
        <v>608472</v>
      </c>
      <c r="HD39" s="110">
        <v>176238</v>
      </c>
      <c r="HE39" s="114">
        <v>106677</v>
      </c>
      <c r="HF39" s="112">
        <v>282915</v>
      </c>
      <c r="HG39" s="111">
        <v>0</v>
      </c>
      <c r="HH39" s="114">
        <v>1412251</v>
      </c>
      <c r="HI39" s="114">
        <v>1490692</v>
      </c>
      <c r="HJ39" s="114">
        <v>1264553</v>
      </c>
      <c r="HK39" s="114">
        <v>1634324</v>
      </c>
      <c r="HL39" s="114">
        <v>716618</v>
      </c>
      <c r="HM39" s="113">
        <v>6518438</v>
      </c>
      <c r="HN39" s="109">
        <v>6801353</v>
      </c>
      <c r="HO39" s="115">
        <v>52560</v>
      </c>
      <c r="HP39" s="114">
        <v>109500</v>
      </c>
      <c r="HQ39" s="113">
        <v>162060</v>
      </c>
      <c r="HR39" s="110">
        <v>0</v>
      </c>
      <c r="HS39" s="114">
        <v>509791</v>
      </c>
      <c r="HT39" s="114">
        <v>642349</v>
      </c>
      <c r="HU39" s="114">
        <v>599262</v>
      </c>
      <c r="HV39" s="114">
        <v>238899</v>
      </c>
      <c r="HW39" s="114">
        <v>111707</v>
      </c>
      <c r="HX39" s="112">
        <v>2102008</v>
      </c>
      <c r="HY39" s="116">
        <v>2264068</v>
      </c>
      <c r="HZ39" s="131">
        <v>47997</v>
      </c>
      <c r="IA39" s="132">
        <v>159372</v>
      </c>
      <c r="IB39" s="133">
        <v>207369</v>
      </c>
      <c r="IC39" s="146">
        <v>0</v>
      </c>
      <c r="ID39" s="132">
        <v>2952466</v>
      </c>
      <c r="IE39" s="147">
        <v>4794446</v>
      </c>
      <c r="IF39" s="133">
        <v>3096442</v>
      </c>
      <c r="IG39" s="132">
        <v>2221186</v>
      </c>
      <c r="IH39" s="133">
        <v>1258551</v>
      </c>
      <c r="II39" s="148">
        <v>14323091</v>
      </c>
      <c r="IJ39" s="139">
        <v>14530460</v>
      </c>
      <c r="IK39" s="232">
        <v>0</v>
      </c>
      <c r="IL39" s="236">
        <v>0</v>
      </c>
      <c r="IM39" s="237">
        <v>0</v>
      </c>
      <c r="IN39" s="140"/>
      <c r="IO39" s="119">
        <v>0</v>
      </c>
      <c r="IP39" s="119">
        <v>0</v>
      </c>
      <c r="IQ39" s="119">
        <v>0</v>
      </c>
      <c r="IR39" s="119">
        <v>0</v>
      </c>
      <c r="IS39" s="119">
        <v>0</v>
      </c>
      <c r="IT39" s="141">
        <v>0</v>
      </c>
      <c r="IU39" s="321">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1013128</v>
      </c>
      <c r="JL39" s="119">
        <v>355914</v>
      </c>
      <c r="JM39" s="119">
        <v>434493</v>
      </c>
      <c r="JN39" s="119">
        <v>74862</v>
      </c>
      <c r="JO39" s="119">
        <v>0</v>
      </c>
      <c r="JP39" s="120">
        <v>1878397</v>
      </c>
      <c r="JQ39" s="321">
        <v>1878397</v>
      </c>
      <c r="JR39" s="142">
        <v>0</v>
      </c>
      <c r="JS39" s="119">
        <v>0</v>
      </c>
      <c r="JT39" s="141">
        <v>0</v>
      </c>
      <c r="JU39" s="118">
        <v>0</v>
      </c>
      <c r="JV39" s="119">
        <v>0</v>
      </c>
      <c r="JW39" s="119">
        <v>0</v>
      </c>
      <c r="JX39" s="119">
        <v>0</v>
      </c>
      <c r="JY39" s="119">
        <v>90733</v>
      </c>
      <c r="JZ39" s="119">
        <v>0</v>
      </c>
      <c r="KA39" s="120">
        <v>90733</v>
      </c>
      <c r="KB39" s="321">
        <v>90733</v>
      </c>
      <c r="KC39" s="234">
        <v>47997</v>
      </c>
      <c r="KD39" s="230">
        <v>159372</v>
      </c>
      <c r="KE39" s="120">
        <v>207369</v>
      </c>
      <c r="KF39" s="118">
        <v>0</v>
      </c>
      <c r="KG39" s="119">
        <v>830340</v>
      </c>
      <c r="KH39" s="119">
        <v>1243467</v>
      </c>
      <c r="KI39" s="119">
        <v>989874</v>
      </c>
      <c r="KJ39" s="119">
        <v>266616</v>
      </c>
      <c r="KK39" s="119">
        <v>0</v>
      </c>
      <c r="KL39" s="120">
        <v>3330297</v>
      </c>
      <c r="KM39" s="143">
        <v>3537666</v>
      </c>
      <c r="KN39" s="232">
        <v>0</v>
      </c>
      <c r="KO39" s="236">
        <v>0</v>
      </c>
      <c r="KP39" s="237">
        <v>0</v>
      </c>
      <c r="KQ39" s="140"/>
      <c r="KR39" s="119">
        <v>504306</v>
      </c>
      <c r="KS39" s="119">
        <v>789696</v>
      </c>
      <c r="KT39" s="119">
        <v>541638</v>
      </c>
      <c r="KU39" s="119">
        <v>551790</v>
      </c>
      <c r="KV39" s="119">
        <v>1125072</v>
      </c>
      <c r="KW39" s="120">
        <v>3512502</v>
      </c>
      <c r="KX39" s="321">
        <v>3512502</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1">
        <v>0</v>
      </c>
      <c r="LU39" s="142">
        <v>0</v>
      </c>
      <c r="LV39" s="119">
        <v>0</v>
      </c>
      <c r="LW39" s="120">
        <v>0</v>
      </c>
      <c r="LX39" s="145"/>
      <c r="LY39" s="119">
        <v>604692</v>
      </c>
      <c r="LZ39" s="119">
        <v>2405369</v>
      </c>
      <c r="MA39" s="119">
        <v>1130437</v>
      </c>
      <c r="MB39" s="119">
        <v>1237185</v>
      </c>
      <c r="MC39" s="119">
        <v>133479</v>
      </c>
      <c r="MD39" s="120">
        <v>5511162</v>
      </c>
      <c r="ME39" s="121">
        <v>5511162</v>
      </c>
      <c r="MF39" s="142">
        <v>0</v>
      </c>
      <c r="MG39" s="119">
        <v>0</v>
      </c>
      <c r="MH39" s="120">
        <v>0</v>
      </c>
      <c r="MI39" s="145"/>
      <c r="MJ39" s="119">
        <v>1076459</v>
      </c>
      <c r="MK39" s="119">
        <v>2577636</v>
      </c>
      <c r="ML39" s="119">
        <v>5129279</v>
      </c>
      <c r="MM39" s="119">
        <v>9974503</v>
      </c>
      <c r="MN39" s="119">
        <v>5957062</v>
      </c>
      <c r="MO39" s="120">
        <v>24714939</v>
      </c>
      <c r="MP39" s="143">
        <v>24714939</v>
      </c>
      <c r="MQ39" s="142">
        <v>0</v>
      </c>
      <c r="MR39" s="119">
        <v>0</v>
      </c>
      <c r="MS39" s="120">
        <v>0</v>
      </c>
      <c r="MT39" s="145"/>
      <c r="MU39" s="119">
        <v>0</v>
      </c>
      <c r="MV39" s="119">
        <v>0</v>
      </c>
      <c r="MW39" s="119">
        <v>1355669</v>
      </c>
      <c r="MX39" s="119">
        <v>6298993</v>
      </c>
      <c r="MY39" s="119">
        <v>4199813</v>
      </c>
      <c r="MZ39" s="120">
        <v>11854475</v>
      </c>
      <c r="NA39" s="143">
        <v>11854475</v>
      </c>
      <c r="NB39" s="142">
        <v>0</v>
      </c>
      <c r="NC39" s="119">
        <v>0</v>
      </c>
      <c r="ND39" s="120">
        <v>0</v>
      </c>
      <c r="NE39" s="145"/>
      <c r="NF39" s="119">
        <v>1076459</v>
      </c>
      <c r="NG39" s="119">
        <v>2321010</v>
      </c>
      <c r="NH39" s="119">
        <v>3773610</v>
      </c>
      <c r="NI39" s="119">
        <v>3346029</v>
      </c>
      <c r="NJ39" s="119">
        <v>1757249</v>
      </c>
      <c r="NK39" s="120">
        <v>12274357</v>
      </c>
      <c r="NL39" s="321">
        <v>12274357</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256626</v>
      </c>
      <c r="OD39" s="119">
        <v>0</v>
      </c>
      <c r="OE39" s="119">
        <v>329481</v>
      </c>
      <c r="OF39" s="119">
        <v>0</v>
      </c>
      <c r="OG39" s="120">
        <v>586107</v>
      </c>
      <c r="OH39" s="121">
        <v>586107</v>
      </c>
      <c r="OI39" s="142">
        <v>592164</v>
      </c>
      <c r="OJ39" s="119">
        <v>816203</v>
      </c>
      <c r="OK39" s="141">
        <v>1408367</v>
      </c>
      <c r="OL39" s="118">
        <v>0</v>
      </c>
      <c r="OM39" s="119">
        <v>11150748</v>
      </c>
      <c r="ON39" s="119">
        <v>13644038</v>
      </c>
      <c r="OO39" s="119">
        <v>14693125</v>
      </c>
      <c r="OP39" s="119">
        <v>17278279</v>
      </c>
      <c r="OQ39" s="119">
        <v>9642959</v>
      </c>
      <c r="OR39" s="120">
        <v>66409149</v>
      </c>
      <c r="OS39" s="143">
        <v>67817516</v>
      </c>
    </row>
    <row r="40" spans="2:409" ht="18.75" customHeight="1" x14ac:dyDescent="0.2">
      <c r="B40" s="62" t="s">
        <v>35</v>
      </c>
      <c r="C40" s="110">
        <v>2565273</v>
      </c>
      <c r="D40" s="114">
        <v>3482872</v>
      </c>
      <c r="E40" s="113">
        <v>6048145</v>
      </c>
      <c r="F40" s="109">
        <v>0</v>
      </c>
      <c r="G40" s="114">
        <v>31916171</v>
      </c>
      <c r="H40" s="114">
        <v>26421609</v>
      </c>
      <c r="I40" s="114">
        <v>21207625</v>
      </c>
      <c r="J40" s="114">
        <v>22118087</v>
      </c>
      <c r="K40" s="114">
        <v>10307138</v>
      </c>
      <c r="L40" s="173">
        <v>111970630</v>
      </c>
      <c r="M40" s="116">
        <v>118018775</v>
      </c>
      <c r="N40" s="110">
        <v>328280</v>
      </c>
      <c r="O40" s="114">
        <v>447498</v>
      </c>
      <c r="P40" s="113">
        <v>775778</v>
      </c>
      <c r="Q40" s="110">
        <v>0</v>
      </c>
      <c r="R40" s="114">
        <v>6853544</v>
      </c>
      <c r="S40" s="114">
        <v>6049671</v>
      </c>
      <c r="T40" s="114">
        <v>5433345</v>
      </c>
      <c r="U40" s="114">
        <v>6251186</v>
      </c>
      <c r="V40" s="114">
        <v>4660507</v>
      </c>
      <c r="W40" s="113">
        <v>29248253</v>
      </c>
      <c r="X40" s="116">
        <v>30024031</v>
      </c>
      <c r="Y40" s="110">
        <v>0</v>
      </c>
      <c r="Z40" s="114">
        <v>0</v>
      </c>
      <c r="AA40" s="113">
        <v>0</v>
      </c>
      <c r="AB40" s="110">
        <v>0</v>
      </c>
      <c r="AC40" s="114">
        <v>3513803</v>
      </c>
      <c r="AD40" s="114">
        <v>2911577</v>
      </c>
      <c r="AE40" s="114">
        <v>3088799</v>
      </c>
      <c r="AF40" s="114">
        <v>3943759</v>
      </c>
      <c r="AG40" s="114">
        <v>2840340</v>
      </c>
      <c r="AH40" s="113">
        <v>16298278</v>
      </c>
      <c r="AI40" s="116">
        <v>16298278</v>
      </c>
      <c r="AJ40" s="110">
        <v>0</v>
      </c>
      <c r="AK40" s="114">
        <v>0</v>
      </c>
      <c r="AL40" s="113">
        <v>0</v>
      </c>
      <c r="AM40" s="110">
        <v>0</v>
      </c>
      <c r="AN40" s="114">
        <v>0</v>
      </c>
      <c r="AO40" s="114">
        <v>367245</v>
      </c>
      <c r="AP40" s="114">
        <v>255195</v>
      </c>
      <c r="AQ40" s="114">
        <v>485757</v>
      </c>
      <c r="AR40" s="114">
        <v>819162</v>
      </c>
      <c r="AS40" s="113">
        <v>1927359</v>
      </c>
      <c r="AT40" s="116">
        <v>1927359</v>
      </c>
      <c r="AU40" s="110">
        <v>40806</v>
      </c>
      <c r="AV40" s="114">
        <v>193014</v>
      </c>
      <c r="AW40" s="113">
        <v>233820</v>
      </c>
      <c r="AX40" s="110">
        <v>0</v>
      </c>
      <c r="AY40" s="114">
        <v>1664912</v>
      </c>
      <c r="AZ40" s="114">
        <v>1211007</v>
      </c>
      <c r="BA40" s="114">
        <v>790242</v>
      </c>
      <c r="BB40" s="114">
        <v>623840</v>
      </c>
      <c r="BC40" s="114">
        <v>372880</v>
      </c>
      <c r="BD40" s="113">
        <v>4662881</v>
      </c>
      <c r="BE40" s="116">
        <v>4896701</v>
      </c>
      <c r="BF40" s="110">
        <v>53334</v>
      </c>
      <c r="BG40" s="114">
        <v>53280</v>
      </c>
      <c r="BH40" s="112">
        <v>106614</v>
      </c>
      <c r="BI40" s="111">
        <v>0</v>
      </c>
      <c r="BJ40" s="114">
        <v>602845</v>
      </c>
      <c r="BK40" s="114">
        <v>546616</v>
      </c>
      <c r="BL40" s="114">
        <v>340913</v>
      </c>
      <c r="BM40" s="114">
        <v>145962</v>
      </c>
      <c r="BN40" s="114">
        <v>129402</v>
      </c>
      <c r="BO40" s="113">
        <v>1765738</v>
      </c>
      <c r="BP40" s="116">
        <v>1872352</v>
      </c>
      <c r="BQ40" s="110">
        <v>234140</v>
      </c>
      <c r="BR40" s="114">
        <v>201204</v>
      </c>
      <c r="BS40" s="113">
        <v>435344</v>
      </c>
      <c r="BT40" s="110">
        <v>0</v>
      </c>
      <c r="BU40" s="114">
        <v>1071984</v>
      </c>
      <c r="BV40" s="114">
        <v>1013226</v>
      </c>
      <c r="BW40" s="114">
        <v>958196</v>
      </c>
      <c r="BX40" s="114">
        <v>1051868</v>
      </c>
      <c r="BY40" s="114">
        <v>498723</v>
      </c>
      <c r="BZ40" s="113">
        <v>4593997</v>
      </c>
      <c r="CA40" s="116">
        <v>5029341</v>
      </c>
      <c r="CB40" s="110">
        <v>208430</v>
      </c>
      <c r="CC40" s="114">
        <v>1008825</v>
      </c>
      <c r="CD40" s="113">
        <v>1217255</v>
      </c>
      <c r="CE40" s="110">
        <v>0</v>
      </c>
      <c r="CF40" s="114">
        <v>11974899</v>
      </c>
      <c r="CG40" s="114">
        <v>9598467</v>
      </c>
      <c r="CH40" s="114">
        <v>5782939</v>
      </c>
      <c r="CI40" s="114">
        <v>4652845</v>
      </c>
      <c r="CJ40" s="114">
        <v>2042336</v>
      </c>
      <c r="CK40" s="113">
        <v>34051486</v>
      </c>
      <c r="CL40" s="116">
        <v>35268741</v>
      </c>
      <c r="CM40" s="110">
        <v>0</v>
      </c>
      <c r="CN40" s="114">
        <v>0</v>
      </c>
      <c r="CO40" s="113">
        <v>0</v>
      </c>
      <c r="CP40" s="111">
        <v>0</v>
      </c>
      <c r="CQ40" s="114">
        <v>9083261</v>
      </c>
      <c r="CR40" s="114">
        <v>7836087</v>
      </c>
      <c r="CS40" s="114">
        <v>4760314</v>
      </c>
      <c r="CT40" s="114">
        <v>3267988</v>
      </c>
      <c r="CU40" s="114">
        <v>2008181</v>
      </c>
      <c r="CV40" s="113">
        <v>26955831</v>
      </c>
      <c r="CW40" s="116">
        <v>26955831</v>
      </c>
      <c r="CX40" s="110">
        <v>208430</v>
      </c>
      <c r="CY40" s="114">
        <v>1008825</v>
      </c>
      <c r="CZ40" s="113">
        <v>1217255</v>
      </c>
      <c r="DA40" s="110">
        <v>0</v>
      </c>
      <c r="DB40" s="114">
        <v>2891638</v>
      </c>
      <c r="DC40" s="114">
        <v>1762380</v>
      </c>
      <c r="DD40" s="114">
        <v>1022625</v>
      </c>
      <c r="DE40" s="114">
        <v>1384857</v>
      </c>
      <c r="DF40" s="114">
        <v>34155</v>
      </c>
      <c r="DG40" s="113">
        <v>7095655</v>
      </c>
      <c r="DH40" s="116">
        <v>8312910</v>
      </c>
      <c r="DI40" s="110">
        <v>0</v>
      </c>
      <c r="DJ40" s="114">
        <v>0</v>
      </c>
      <c r="DK40" s="112">
        <v>0</v>
      </c>
      <c r="DL40" s="111">
        <v>0</v>
      </c>
      <c r="DM40" s="114">
        <v>358380</v>
      </c>
      <c r="DN40" s="114">
        <v>1055706</v>
      </c>
      <c r="DO40" s="114">
        <v>1246464</v>
      </c>
      <c r="DP40" s="114">
        <v>1743829</v>
      </c>
      <c r="DQ40" s="114">
        <v>208269</v>
      </c>
      <c r="DR40" s="113">
        <v>4612648</v>
      </c>
      <c r="DS40" s="116">
        <v>4612648</v>
      </c>
      <c r="DT40" s="110">
        <v>0</v>
      </c>
      <c r="DU40" s="114">
        <v>0</v>
      </c>
      <c r="DV40" s="113">
        <v>0</v>
      </c>
      <c r="DW40" s="110">
        <v>0</v>
      </c>
      <c r="DX40" s="114">
        <v>169209</v>
      </c>
      <c r="DY40" s="114">
        <v>924666</v>
      </c>
      <c r="DZ40" s="114">
        <v>1166751</v>
      </c>
      <c r="EA40" s="114">
        <v>1626190</v>
      </c>
      <c r="EB40" s="114">
        <v>208269</v>
      </c>
      <c r="EC40" s="113">
        <v>4095085</v>
      </c>
      <c r="ED40" s="116">
        <v>4095085</v>
      </c>
      <c r="EE40" s="110">
        <v>0</v>
      </c>
      <c r="EF40" s="112">
        <v>0</v>
      </c>
      <c r="EG40" s="113">
        <v>0</v>
      </c>
      <c r="EH40" s="110">
        <v>0</v>
      </c>
      <c r="EI40" s="114">
        <v>189171</v>
      </c>
      <c r="EJ40" s="114">
        <v>131040</v>
      </c>
      <c r="EK40" s="114">
        <v>79713</v>
      </c>
      <c r="EL40" s="114">
        <v>117639</v>
      </c>
      <c r="EM40" s="114">
        <v>0</v>
      </c>
      <c r="EN40" s="112">
        <v>517563</v>
      </c>
      <c r="EO40" s="116">
        <v>517563</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8"/>
      <c r="FE40" s="114">
        <v>0</v>
      </c>
      <c r="FF40" s="114">
        <v>0</v>
      </c>
      <c r="FG40" s="114">
        <v>0</v>
      </c>
      <c r="FH40" s="114">
        <v>0</v>
      </c>
      <c r="FI40" s="114">
        <v>0</v>
      </c>
      <c r="FJ40" s="113">
        <v>0</v>
      </c>
      <c r="FK40" s="116">
        <v>0</v>
      </c>
      <c r="FL40" s="110">
        <v>642191</v>
      </c>
      <c r="FM40" s="114">
        <v>526523</v>
      </c>
      <c r="FN40" s="113">
        <v>1168714</v>
      </c>
      <c r="FO40" s="110">
        <v>0</v>
      </c>
      <c r="FP40" s="114">
        <v>1294855</v>
      </c>
      <c r="FQ40" s="114">
        <v>2463872</v>
      </c>
      <c r="FR40" s="114">
        <v>1411916</v>
      </c>
      <c r="FS40" s="114">
        <v>1236517</v>
      </c>
      <c r="FT40" s="114">
        <v>618412</v>
      </c>
      <c r="FU40" s="113">
        <v>7025572</v>
      </c>
      <c r="FV40" s="116">
        <v>8194286</v>
      </c>
      <c r="FW40" s="115">
        <v>166518</v>
      </c>
      <c r="FX40" s="114">
        <v>475390</v>
      </c>
      <c r="FY40" s="112">
        <v>641908</v>
      </c>
      <c r="FZ40" s="111">
        <v>0</v>
      </c>
      <c r="GA40" s="114">
        <v>1090267</v>
      </c>
      <c r="GB40" s="114">
        <v>2058598</v>
      </c>
      <c r="GC40" s="114">
        <v>1317866</v>
      </c>
      <c r="GD40" s="114">
        <v>1185730</v>
      </c>
      <c r="GE40" s="114">
        <v>618412</v>
      </c>
      <c r="GF40" s="113">
        <v>6270873</v>
      </c>
      <c r="GG40" s="319">
        <v>6912781</v>
      </c>
      <c r="GH40" s="115">
        <v>77616</v>
      </c>
      <c r="GI40" s="114">
        <v>51133</v>
      </c>
      <c r="GJ40" s="112">
        <v>128749</v>
      </c>
      <c r="GK40" s="111">
        <v>0</v>
      </c>
      <c r="GL40" s="114">
        <v>24588</v>
      </c>
      <c r="GM40" s="114">
        <v>61924</v>
      </c>
      <c r="GN40" s="114">
        <v>24057</v>
      </c>
      <c r="GO40" s="114">
        <v>50787</v>
      </c>
      <c r="GP40" s="114">
        <v>0</v>
      </c>
      <c r="GQ40" s="113">
        <v>161356</v>
      </c>
      <c r="GR40" s="116">
        <v>290105</v>
      </c>
      <c r="GS40" s="110">
        <v>398057</v>
      </c>
      <c r="GT40" s="114">
        <v>0</v>
      </c>
      <c r="GU40" s="113">
        <v>398057</v>
      </c>
      <c r="GV40" s="110">
        <v>0</v>
      </c>
      <c r="GW40" s="114">
        <v>180000</v>
      </c>
      <c r="GX40" s="114">
        <v>343350</v>
      </c>
      <c r="GY40" s="114">
        <v>69993</v>
      </c>
      <c r="GZ40" s="114">
        <v>0</v>
      </c>
      <c r="HA40" s="114">
        <v>0</v>
      </c>
      <c r="HB40" s="112">
        <v>593343</v>
      </c>
      <c r="HC40" s="116">
        <v>991400</v>
      </c>
      <c r="HD40" s="110">
        <v>1175402</v>
      </c>
      <c r="HE40" s="114">
        <v>1106966</v>
      </c>
      <c r="HF40" s="112">
        <v>2282368</v>
      </c>
      <c r="HG40" s="111">
        <v>0</v>
      </c>
      <c r="HH40" s="114">
        <v>7178911</v>
      </c>
      <c r="HI40" s="114">
        <v>4439999</v>
      </c>
      <c r="HJ40" s="114">
        <v>5810623</v>
      </c>
      <c r="HK40" s="114">
        <v>7067392</v>
      </c>
      <c r="HL40" s="114">
        <v>2266431</v>
      </c>
      <c r="HM40" s="113">
        <v>26763356</v>
      </c>
      <c r="HN40" s="109">
        <v>29045724</v>
      </c>
      <c r="HO40" s="115">
        <v>210970</v>
      </c>
      <c r="HP40" s="114">
        <v>393060</v>
      </c>
      <c r="HQ40" s="113">
        <v>604030</v>
      </c>
      <c r="HR40" s="110">
        <v>0</v>
      </c>
      <c r="HS40" s="114">
        <v>4255582</v>
      </c>
      <c r="HT40" s="114">
        <v>2813894</v>
      </c>
      <c r="HU40" s="114">
        <v>1522338</v>
      </c>
      <c r="HV40" s="114">
        <v>1166318</v>
      </c>
      <c r="HW40" s="114">
        <v>511183</v>
      </c>
      <c r="HX40" s="112">
        <v>10269315</v>
      </c>
      <c r="HY40" s="116">
        <v>10873345</v>
      </c>
      <c r="HZ40" s="150">
        <v>79776</v>
      </c>
      <c r="IA40" s="135">
        <v>218529</v>
      </c>
      <c r="IB40" s="150">
        <v>298305</v>
      </c>
      <c r="IC40" s="146">
        <v>0</v>
      </c>
      <c r="ID40" s="132">
        <v>5333295</v>
      </c>
      <c r="IE40" s="147">
        <v>7276898</v>
      </c>
      <c r="IF40" s="133">
        <v>8163189</v>
      </c>
      <c r="IG40" s="132">
        <v>6445313</v>
      </c>
      <c r="IH40" s="133">
        <v>2687760</v>
      </c>
      <c r="II40" s="148">
        <v>29906455</v>
      </c>
      <c r="IJ40" s="150">
        <v>30204760</v>
      </c>
      <c r="IK40" s="232">
        <v>0</v>
      </c>
      <c r="IL40" s="236">
        <v>0</v>
      </c>
      <c r="IM40" s="237">
        <v>0</v>
      </c>
      <c r="IN40" s="140"/>
      <c r="IO40" s="119">
        <v>0</v>
      </c>
      <c r="IP40" s="119">
        <v>60392</v>
      </c>
      <c r="IQ40" s="119">
        <v>184149</v>
      </c>
      <c r="IR40" s="119">
        <v>228231</v>
      </c>
      <c r="IS40" s="119">
        <v>0</v>
      </c>
      <c r="IT40" s="141">
        <v>472772</v>
      </c>
      <c r="IU40" s="321">
        <v>472772</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1142728</v>
      </c>
      <c r="JL40" s="119">
        <v>2275545</v>
      </c>
      <c r="JM40" s="119">
        <v>1295514</v>
      </c>
      <c r="JN40" s="119">
        <v>1264000</v>
      </c>
      <c r="JO40" s="119">
        <v>285453</v>
      </c>
      <c r="JP40" s="120">
        <v>6263240</v>
      </c>
      <c r="JQ40" s="321">
        <v>6263240</v>
      </c>
      <c r="JR40" s="142">
        <v>0</v>
      </c>
      <c r="JS40" s="119">
        <v>0</v>
      </c>
      <c r="JT40" s="141">
        <v>0</v>
      </c>
      <c r="JU40" s="118">
        <v>0</v>
      </c>
      <c r="JV40" s="119">
        <v>0</v>
      </c>
      <c r="JW40" s="119">
        <v>0</v>
      </c>
      <c r="JX40" s="119">
        <v>0</v>
      </c>
      <c r="JY40" s="119">
        <v>0</v>
      </c>
      <c r="JZ40" s="119">
        <v>0</v>
      </c>
      <c r="KA40" s="120">
        <v>0</v>
      </c>
      <c r="KB40" s="321">
        <v>0</v>
      </c>
      <c r="KC40" s="234">
        <v>79776</v>
      </c>
      <c r="KD40" s="230">
        <v>218529</v>
      </c>
      <c r="KE40" s="120">
        <v>298305</v>
      </c>
      <c r="KF40" s="118">
        <v>0</v>
      </c>
      <c r="KG40" s="119">
        <v>1169717</v>
      </c>
      <c r="KH40" s="119">
        <v>1583506</v>
      </c>
      <c r="KI40" s="119">
        <v>2090988</v>
      </c>
      <c r="KJ40" s="119">
        <v>588272</v>
      </c>
      <c r="KK40" s="119">
        <v>710541</v>
      </c>
      <c r="KL40" s="120">
        <v>6143024</v>
      </c>
      <c r="KM40" s="143">
        <v>6441329</v>
      </c>
      <c r="KN40" s="232">
        <v>0</v>
      </c>
      <c r="KO40" s="236">
        <v>0</v>
      </c>
      <c r="KP40" s="237">
        <v>0</v>
      </c>
      <c r="KQ40" s="140"/>
      <c r="KR40" s="119">
        <v>3020850</v>
      </c>
      <c r="KS40" s="119">
        <v>3357455</v>
      </c>
      <c r="KT40" s="119">
        <v>4592538</v>
      </c>
      <c r="KU40" s="119">
        <v>4364810</v>
      </c>
      <c r="KV40" s="119">
        <v>1691766</v>
      </c>
      <c r="KW40" s="120">
        <v>17027419</v>
      </c>
      <c r="KX40" s="321">
        <v>17027419</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1">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6606042</v>
      </c>
      <c r="MK40" s="119">
        <v>8753520</v>
      </c>
      <c r="ML40" s="119">
        <v>14559082</v>
      </c>
      <c r="MM40" s="119">
        <v>21180557</v>
      </c>
      <c r="MN40" s="119">
        <v>15303653</v>
      </c>
      <c r="MO40" s="120">
        <v>66402854</v>
      </c>
      <c r="MP40" s="143">
        <v>66402854</v>
      </c>
      <c r="MQ40" s="142">
        <v>0</v>
      </c>
      <c r="MR40" s="119">
        <v>0</v>
      </c>
      <c r="MS40" s="120">
        <v>0</v>
      </c>
      <c r="MT40" s="145"/>
      <c r="MU40" s="119">
        <v>403830</v>
      </c>
      <c r="MV40" s="119">
        <v>440370</v>
      </c>
      <c r="MW40" s="119">
        <v>6018544</v>
      </c>
      <c r="MX40" s="119">
        <v>12962411</v>
      </c>
      <c r="MY40" s="119">
        <v>9147139</v>
      </c>
      <c r="MZ40" s="120">
        <v>28972294</v>
      </c>
      <c r="NA40" s="143">
        <v>28972294</v>
      </c>
      <c r="NB40" s="142">
        <v>0</v>
      </c>
      <c r="NC40" s="119">
        <v>0</v>
      </c>
      <c r="ND40" s="120">
        <v>0</v>
      </c>
      <c r="NE40" s="145"/>
      <c r="NF40" s="119">
        <v>5295048</v>
      </c>
      <c r="NG40" s="119">
        <v>7813236</v>
      </c>
      <c r="NH40" s="119">
        <v>7301328</v>
      </c>
      <c r="NI40" s="119">
        <v>5206773</v>
      </c>
      <c r="NJ40" s="119">
        <v>2606518</v>
      </c>
      <c r="NK40" s="120">
        <v>28222903</v>
      </c>
      <c r="NL40" s="321">
        <v>28222903</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907164</v>
      </c>
      <c r="OC40" s="119">
        <v>499914</v>
      </c>
      <c r="OD40" s="119">
        <v>1239210</v>
      </c>
      <c r="OE40" s="119">
        <v>3011373</v>
      </c>
      <c r="OF40" s="119">
        <v>3549996</v>
      </c>
      <c r="OG40" s="120">
        <v>9207657</v>
      </c>
      <c r="OH40" s="121">
        <v>9207657</v>
      </c>
      <c r="OI40" s="142">
        <v>2645049</v>
      </c>
      <c r="OJ40" s="119">
        <v>3701401</v>
      </c>
      <c r="OK40" s="141">
        <v>6346450</v>
      </c>
      <c r="OL40" s="118">
        <v>0</v>
      </c>
      <c r="OM40" s="119">
        <v>43855508</v>
      </c>
      <c r="ON40" s="119">
        <v>42452027</v>
      </c>
      <c r="OO40" s="119">
        <v>43929896</v>
      </c>
      <c r="OP40" s="119">
        <v>49743957</v>
      </c>
      <c r="OQ40" s="119">
        <v>28298551</v>
      </c>
      <c r="OR40" s="120">
        <v>208279939</v>
      </c>
      <c r="OS40" s="143">
        <v>214626389</v>
      </c>
    </row>
    <row r="41" spans="2:409" ht="18.75" customHeight="1" x14ac:dyDescent="0.2">
      <c r="B41" s="62" t="s">
        <v>36</v>
      </c>
      <c r="C41" s="110">
        <v>1387316</v>
      </c>
      <c r="D41" s="114">
        <v>2967001</v>
      </c>
      <c r="E41" s="113">
        <v>4354317</v>
      </c>
      <c r="F41" s="109">
        <v>0</v>
      </c>
      <c r="G41" s="114">
        <v>20662234</v>
      </c>
      <c r="H41" s="114">
        <v>25993210</v>
      </c>
      <c r="I41" s="114">
        <v>25685606</v>
      </c>
      <c r="J41" s="114">
        <v>18775396</v>
      </c>
      <c r="K41" s="114">
        <v>15490259</v>
      </c>
      <c r="L41" s="173">
        <v>106606705</v>
      </c>
      <c r="M41" s="116">
        <v>110961022</v>
      </c>
      <c r="N41" s="110">
        <v>440974</v>
      </c>
      <c r="O41" s="114">
        <v>723187</v>
      </c>
      <c r="P41" s="113">
        <v>1164161</v>
      </c>
      <c r="Q41" s="110">
        <v>0</v>
      </c>
      <c r="R41" s="114">
        <v>5938391</v>
      </c>
      <c r="S41" s="114">
        <v>7443486</v>
      </c>
      <c r="T41" s="114">
        <v>7694655</v>
      </c>
      <c r="U41" s="114">
        <v>9143310</v>
      </c>
      <c r="V41" s="114">
        <v>8354142</v>
      </c>
      <c r="W41" s="113">
        <v>38573984</v>
      </c>
      <c r="X41" s="116">
        <v>39738145</v>
      </c>
      <c r="Y41" s="110">
        <v>0</v>
      </c>
      <c r="Z41" s="114">
        <v>0</v>
      </c>
      <c r="AA41" s="113">
        <v>0</v>
      </c>
      <c r="AB41" s="110">
        <v>0</v>
      </c>
      <c r="AC41" s="114">
        <v>2718506</v>
      </c>
      <c r="AD41" s="114">
        <v>3800370</v>
      </c>
      <c r="AE41" s="114">
        <v>4459463</v>
      </c>
      <c r="AF41" s="114">
        <v>5898344</v>
      </c>
      <c r="AG41" s="114">
        <v>4437859</v>
      </c>
      <c r="AH41" s="113">
        <v>21314542</v>
      </c>
      <c r="AI41" s="116">
        <v>21314542</v>
      </c>
      <c r="AJ41" s="110">
        <v>0</v>
      </c>
      <c r="AK41" s="114">
        <v>0</v>
      </c>
      <c r="AL41" s="113">
        <v>0</v>
      </c>
      <c r="AM41" s="110">
        <v>0</v>
      </c>
      <c r="AN41" s="114">
        <v>149088</v>
      </c>
      <c r="AO41" s="114">
        <v>453766</v>
      </c>
      <c r="AP41" s="114">
        <v>117052</v>
      </c>
      <c r="AQ41" s="114">
        <v>633209</v>
      </c>
      <c r="AR41" s="114">
        <v>658288</v>
      </c>
      <c r="AS41" s="113">
        <v>2011403</v>
      </c>
      <c r="AT41" s="116">
        <v>2011403</v>
      </c>
      <c r="AU41" s="110">
        <v>282728</v>
      </c>
      <c r="AV41" s="114">
        <v>550222</v>
      </c>
      <c r="AW41" s="113">
        <v>832950</v>
      </c>
      <c r="AX41" s="110">
        <v>0</v>
      </c>
      <c r="AY41" s="114">
        <v>2361364</v>
      </c>
      <c r="AZ41" s="114">
        <v>2161845</v>
      </c>
      <c r="BA41" s="114">
        <v>1631935</v>
      </c>
      <c r="BB41" s="114">
        <v>1737448</v>
      </c>
      <c r="BC41" s="114">
        <v>2344057</v>
      </c>
      <c r="BD41" s="113">
        <v>10236649</v>
      </c>
      <c r="BE41" s="116">
        <v>11069599</v>
      </c>
      <c r="BF41" s="110">
        <v>122364</v>
      </c>
      <c r="BG41" s="114">
        <v>94188</v>
      </c>
      <c r="BH41" s="112">
        <v>216552</v>
      </c>
      <c r="BI41" s="111">
        <v>0</v>
      </c>
      <c r="BJ41" s="114">
        <v>414892</v>
      </c>
      <c r="BK41" s="114">
        <v>326560</v>
      </c>
      <c r="BL41" s="114">
        <v>315057</v>
      </c>
      <c r="BM41" s="114">
        <v>233705</v>
      </c>
      <c r="BN41" s="114">
        <v>265145</v>
      </c>
      <c r="BO41" s="113">
        <v>1555359</v>
      </c>
      <c r="BP41" s="116">
        <v>1771911</v>
      </c>
      <c r="BQ41" s="110">
        <v>35882</v>
      </c>
      <c r="BR41" s="114">
        <v>78777</v>
      </c>
      <c r="BS41" s="113">
        <v>114659</v>
      </c>
      <c r="BT41" s="110">
        <v>0</v>
      </c>
      <c r="BU41" s="114">
        <v>294541</v>
      </c>
      <c r="BV41" s="114">
        <v>700945</v>
      </c>
      <c r="BW41" s="114">
        <v>1171148</v>
      </c>
      <c r="BX41" s="114">
        <v>640604</v>
      </c>
      <c r="BY41" s="114">
        <v>648793</v>
      </c>
      <c r="BZ41" s="113">
        <v>3456031</v>
      </c>
      <c r="CA41" s="116">
        <v>3570690</v>
      </c>
      <c r="CB41" s="110">
        <v>65657</v>
      </c>
      <c r="CC41" s="114">
        <v>490547</v>
      </c>
      <c r="CD41" s="113">
        <v>556204</v>
      </c>
      <c r="CE41" s="110">
        <v>0</v>
      </c>
      <c r="CF41" s="114">
        <v>7033836</v>
      </c>
      <c r="CG41" s="114">
        <v>8519752</v>
      </c>
      <c r="CH41" s="114">
        <v>6816270</v>
      </c>
      <c r="CI41" s="114">
        <v>3671937</v>
      </c>
      <c r="CJ41" s="114">
        <v>2291060</v>
      </c>
      <c r="CK41" s="113">
        <v>28332855</v>
      </c>
      <c r="CL41" s="116">
        <v>28889059</v>
      </c>
      <c r="CM41" s="110">
        <v>0</v>
      </c>
      <c r="CN41" s="114">
        <v>0</v>
      </c>
      <c r="CO41" s="113">
        <v>0</v>
      </c>
      <c r="CP41" s="111">
        <v>0</v>
      </c>
      <c r="CQ41" s="114">
        <v>5521902</v>
      </c>
      <c r="CR41" s="114">
        <v>7147547</v>
      </c>
      <c r="CS41" s="114">
        <v>5760947</v>
      </c>
      <c r="CT41" s="114">
        <v>3611807</v>
      </c>
      <c r="CU41" s="114">
        <v>2236797</v>
      </c>
      <c r="CV41" s="113">
        <v>24279000</v>
      </c>
      <c r="CW41" s="116">
        <v>24279000</v>
      </c>
      <c r="CX41" s="110">
        <v>65657</v>
      </c>
      <c r="CY41" s="114">
        <v>490547</v>
      </c>
      <c r="CZ41" s="113">
        <v>556204</v>
      </c>
      <c r="DA41" s="110">
        <v>0</v>
      </c>
      <c r="DB41" s="114">
        <v>1511934</v>
      </c>
      <c r="DC41" s="114">
        <v>1372205</v>
      </c>
      <c r="DD41" s="114">
        <v>1055323</v>
      </c>
      <c r="DE41" s="114">
        <v>60130</v>
      </c>
      <c r="DF41" s="114">
        <v>54263</v>
      </c>
      <c r="DG41" s="113">
        <v>4053855</v>
      </c>
      <c r="DH41" s="116">
        <v>4610059</v>
      </c>
      <c r="DI41" s="110">
        <v>0</v>
      </c>
      <c r="DJ41" s="114">
        <v>98075</v>
      </c>
      <c r="DK41" s="112">
        <v>98075</v>
      </c>
      <c r="DL41" s="111">
        <v>0</v>
      </c>
      <c r="DM41" s="114">
        <v>1175224</v>
      </c>
      <c r="DN41" s="114">
        <v>1410181</v>
      </c>
      <c r="DO41" s="114">
        <v>3884217</v>
      </c>
      <c r="DP41" s="114">
        <v>1473061</v>
      </c>
      <c r="DQ41" s="114">
        <v>1505820</v>
      </c>
      <c r="DR41" s="113">
        <v>9448503</v>
      </c>
      <c r="DS41" s="116">
        <v>9546578</v>
      </c>
      <c r="DT41" s="110">
        <v>0</v>
      </c>
      <c r="DU41" s="114">
        <v>98075</v>
      </c>
      <c r="DV41" s="113">
        <v>98075</v>
      </c>
      <c r="DW41" s="110">
        <v>0</v>
      </c>
      <c r="DX41" s="114">
        <v>1149230</v>
      </c>
      <c r="DY41" s="114">
        <v>1410181</v>
      </c>
      <c r="DZ41" s="114">
        <v>3884217</v>
      </c>
      <c r="EA41" s="114">
        <v>1473061</v>
      </c>
      <c r="EB41" s="114">
        <v>1505820</v>
      </c>
      <c r="EC41" s="113">
        <v>9422509</v>
      </c>
      <c r="ED41" s="116">
        <v>9520584</v>
      </c>
      <c r="EE41" s="110">
        <v>0</v>
      </c>
      <c r="EF41" s="112">
        <v>0</v>
      </c>
      <c r="EG41" s="113">
        <v>0</v>
      </c>
      <c r="EH41" s="110">
        <v>0</v>
      </c>
      <c r="EI41" s="114">
        <v>25994</v>
      </c>
      <c r="EJ41" s="114">
        <v>0</v>
      </c>
      <c r="EK41" s="114">
        <v>0</v>
      </c>
      <c r="EL41" s="114">
        <v>0</v>
      </c>
      <c r="EM41" s="114">
        <v>0</v>
      </c>
      <c r="EN41" s="112">
        <v>25994</v>
      </c>
      <c r="EO41" s="116">
        <v>25994</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8"/>
      <c r="FE41" s="114">
        <v>0</v>
      </c>
      <c r="FF41" s="114">
        <v>0</v>
      </c>
      <c r="FG41" s="114">
        <v>0</v>
      </c>
      <c r="FH41" s="114">
        <v>0</v>
      </c>
      <c r="FI41" s="114">
        <v>0</v>
      </c>
      <c r="FJ41" s="113">
        <v>0</v>
      </c>
      <c r="FK41" s="116">
        <v>0</v>
      </c>
      <c r="FL41" s="110">
        <v>571274</v>
      </c>
      <c r="FM41" s="114">
        <v>880150</v>
      </c>
      <c r="FN41" s="113">
        <v>1451424</v>
      </c>
      <c r="FO41" s="110">
        <v>0</v>
      </c>
      <c r="FP41" s="114">
        <v>1521078</v>
      </c>
      <c r="FQ41" s="114">
        <v>2397142</v>
      </c>
      <c r="FR41" s="114">
        <v>1964308</v>
      </c>
      <c r="FS41" s="114">
        <v>1640517</v>
      </c>
      <c r="FT41" s="114">
        <v>1040019</v>
      </c>
      <c r="FU41" s="113">
        <v>8563064</v>
      </c>
      <c r="FV41" s="116">
        <v>10014488</v>
      </c>
      <c r="FW41" s="115">
        <v>189414</v>
      </c>
      <c r="FX41" s="114">
        <v>624910</v>
      </c>
      <c r="FY41" s="112">
        <v>814324</v>
      </c>
      <c r="FZ41" s="111">
        <v>0</v>
      </c>
      <c r="GA41" s="114">
        <v>1506678</v>
      </c>
      <c r="GB41" s="114">
        <v>2004003</v>
      </c>
      <c r="GC41" s="114">
        <v>1706008</v>
      </c>
      <c r="GD41" s="114">
        <v>1640517</v>
      </c>
      <c r="GE41" s="114">
        <v>938607</v>
      </c>
      <c r="GF41" s="113">
        <v>7795813</v>
      </c>
      <c r="GG41" s="319">
        <v>8610137</v>
      </c>
      <c r="GH41" s="115">
        <v>0</v>
      </c>
      <c r="GI41" s="114">
        <v>28440</v>
      </c>
      <c r="GJ41" s="112">
        <v>28440</v>
      </c>
      <c r="GK41" s="111">
        <v>0</v>
      </c>
      <c r="GL41" s="114">
        <v>14400</v>
      </c>
      <c r="GM41" s="114">
        <v>0</v>
      </c>
      <c r="GN41" s="114">
        <v>0</v>
      </c>
      <c r="GO41" s="114">
        <v>0</v>
      </c>
      <c r="GP41" s="114">
        <v>55512</v>
      </c>
      <c r="GQ41" s="113">
        <v>69912</v>
      </c>
      <c r="GR41" s="116">
        <v>98352</v>
      </c>
      <c r="GS41" s="110">
        <v>381860</v>
      </c>
      <c r="GT41" s="114">
        <v>226800</v>
      </c>
      <c r="GU41" s="113">
        <v>608660</v>
      </c>
      <c r="GV41" s="110">
        <v>0</v>
      </c>
      <c r="GW41" s="114">
        <v>0</v>
      </c>
      <c r="GX41" s="114">
        <v>393139</v>
      </c>
      <c r="GY41" s="114">
        <v>258300</v>
      </c>
      <c r="GZ41" s="114">
        <v>0</v>
      </c>
      <c r="HA41" s="114">
        <v>45900</v>
      </c>
      <c r="HB41" s="112">
        <v>697339</v>
      </c>
      <c r="HC41" s="116">
        <v>1305999</v>
      </c>
      <c r="HD41" s="110">
        <v>65481</v>
      </c>
      <c r="HE41" s="114">
        <v>203092</v>
      </c>
      <c r="HF41" s="112">
        <v>268573</v>
      </c>
      <c r="HG41" s="111">
        <v>0</v>
      </c>
      <c r="HH41" s="114">
        <v>1339536</v>
      </c>
      <c r="HI41" s="114">
        <v>3022063</v>
      </c>
      <c r="HJ41" s="114">
        <v>2928471</v>
      </c>
      <c r="HK41" s="114">
        <v>1324882</v>
      </c>
      <c r="HL41" s="114">
        <v>1327101</v>
      </c>
      <c r="HM41" s="113">
        <v>9942053</v>
      </c>
      <c r="HN41" s="109">
        <v>10210626</v>
      </c>
      <c r="HO41" s="115">
        <v>243930</v>
      </c>
      <c r="HP41" s="114">
        <v>571950</v>
      </c>
      <c r="HQ41" s="113">
        <v>815880</v>
      </c>
      <c r="HR41" s="110">
        <v>0</v>
      </c>
      <c r="HS41" s="114">
        <v>3654169</v>
      </c>
      <c r="HT41" s="114">
        <v>3200586</v>
      </c>
      <c r="HU41" s="114">
        <v>2397685</v>
      </c>
      <c r="HV41" s="114">
        <v>1521689</v>
      </c>
      <c r="HW41" s="114">
        <v>972117</v>
      </c>
      <c r="HX41" s="112">
        <v>11746246</v>
      </c>
      <c r="HY41" s="116">
        <v>12562126</v>
      </c>
      <c r="HZ41" s="131">
        <v>48395</v>
      </c>
      <c r="IA41" s="132">
        <v>84068</v>
      </c>
      <c r="IB41" s="133">
        <v>132463</v>
      </c>
      <c r="IC41" s="146">
        <v>0</v>
      </c>
      <c r="ID41" s="132">
        <v>3907800</v>
      </c>
      <c r="IE41" s="147">
        <v>5786380</v>
      </c>
      <c r="IF41" s="133">
        <v>9574426</v>
      </c>
      <c r="IG41" s="132">
        <v>4513991</v>
      </c>
      <c r="IH41" s="133">
        <v>2294038</v>
      </c>
      <c r="II41" s="148">
        <v>26076635</v>
      </c>
      <c r="IJ41" s="139">
        <v>26209098</v>
      </c>
      <c r="IK41" s="232">
        <v>0</v>
      </c>
      <c r="IL41" s="236">
        <v>0</v>
      </c>
      <c r="IM41" s="237">
        <v>0</v>
      </c>
      <c r="IN41" s="140"/>
      <c r="IO41" s="119">
        <v>0</v>
      </c>
      <c r="IP41" s="119">
        <v>0</v>
      </c>
      <c r="IQ41" s="119">
        <v>0</v>
      </c>
      <c r="IR41" s="119">
        <v>0</v>
      </c>
      <c r="IS41" s="119">
        <v>0</v>
      </c>
      <c r="IT41" s="141">
        <v>0</v>
      </c>
      <c r="IU41" s="321">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1903348</v>
      </c>
      <c r="JL41" s="119">
        <v>3098833</v>
      </c>
      <c r="JM41" s="119">
        <v>3855284</v>
      </c>
      <c r="JN41" s="119">
        <v>2168301</v>
      </c>
      <c r="JO41" s="119">
        <v>1710158</v>
      </c>
      <c r="JP41" s="120">
        <v>12735924</v>
      </c>
      <c r="JQ41" s="321">
        <v>12735924</v>
      </c>
      <c r="JR41" s="142">
        <v>0</v>
      </c>
      <c r="JS41" s="119">
        <v>0</v>
      </c>
      <c r="JT41" s="141">
        <v>0</v>
      </c>
      <c r="JU41" s="118">
        <v>0</v>
      </c>
      <c r="JV41" s="119">
        <v>0</v>
      </c>
      <c r="JW41" s="119">
        <v>0</v>
      </c>
      <c r="JX41" s="119">
        <v>0</v>
      </c>
      <c r="JY41" s="119">
        <v>0</v>
      </c>
      <c r="JZ41" s="119">
        <v>0</v>
      </c>
      <c r="KA41" s="120">
        <v>0</v>
      </c>
      <c r="KB41" s="321">
        <v>0</v>
      </c>
      <c r="KC41" s="234">
        <v>48395</v>
      </c>
      <c r="KD41" s="230">
        <v>84068</v>
      </c>
      <c r="KE41" s="120">
        <v>132463</v>
      </c>
      <c r="KF41" s="118">
        <v>0</v>
      </c>
      <c r="KG41" s="119">
        <v>1481404</v>
      </c>
      <c r="KH41" s="119">
        <v>1352431</v>
      </c>
      <c r="KI41" s="119">
        <v>1525894</v>
      </c>
      <c r="KJ41" s="119">
        <v>558342</v>
      </c>
      <c r="KK41" s="119">
        <v>0</v>
      </c>
      <c r="KL41" s="120">
        <v>4918071</v>
      </c>
      <c r="KM41" s="143">
        <v>5050534</v>
      </c>
      <c r="KN41" s="232">
        <v>0</v>
      </c>
      <c r="KO41" s="236">
        <v>0</v>
      </c>
      <c r="KP41" s="237">
        <v>0</v>
      </c>
      <c r="KQ41" s="140"/>
      <c r="KR41" s="119">
        <v>523048</v>
      </c>
      <c r="KS41" s="119">
        <v>1335116</v>
      </c>
      <c r="KT41" s="119">
        <v>4193248</v>
      </c>
      <c r="KU41" s="119">
        <v>1787348</v>
      </c>
      <c r="KV41" s="119">
        <v>583880</v>
      </c>
      <c r="KW41" s="120">
        <v>8422640</v>
      </c>
      <c r="KX41" s="321">
        <v>8422640</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1">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5039683</v>
      </c>
      <c r="MK41" s="119">
        <v>7319817</v>
      </c>
      <c r="ML41" s="119">
        <v>25305718</v>
      </c>
      <c r="MM41" s="119">
        <v>35087202</v>
      </c>
      <c r="MN41" s="119">
        <v>28062395</v>
      </c>
      <c r="MO41" s="120">
        <v>100814815</v>
      </c>
      <c r="MP41" s="143">
        <v>100814815</v>
      </c>
      <c r="MQ41" s="142">
        <v>0</v>
      </c>
      <c r="MR41" s="119">
        <v>0</v>
      </c>
      <c r="MS41" s="120">
        <v>0</v>
      </c>
      <c r="MT41" s="145"/>
      <c r="MU41" s="119">
        <v>0</v>
      </c>
      <c r="MV41" s="119">
        <v>713839</v>
      </c>
      <c r="MW41" s="119">
        <v>13416034</v>
      </c>
      <c r="MX41" s="119">
        <v>22986406</v>
      </c>
      <c r="MY41" s="119">
        <v>20773080</v>
      </c>
      <c r="MZ41" s="120">
        <v>57889359</v>
      </c>
      <c r="NA41" s="143">
        <v>57889359</v>
      </c>
      <c r="NB41" s="142">
        <v>0</v>
      </c>
      <c r="NC41" s="119">
        <v>0</v>
      </c>
      <c r="ND41" s="120">
        <v>0</v>
      </c>
      <c r="NE41" s="145"/>
      <c r="NF41" s="119">
        <v>5039683</v>
      </c>
      <c r="NG41" s="119">
        <v>6605978</v>
      </c>
      <c r="NH41" s="119">
        <v>11889684</v>
      </c>
      <c r="NI41" s="119">
        <v>10334330</v>
      </c>
      <c r="NJ41" s="119">
        <v>6922821</v>
      </c>
      <c r="NK41" s="120">
        <v>40792496</v>
      </c>
      <c r="NL41" s="321">
        <v>40792496</v>
      </c>
      <c r="NM41" s="142">
        <v>0</v>
      </c>
      <c r="NN41" s="119">
        <v>0</v>
      </c>
      <c r="NO41" s="120">
        <v>0</v>
      </c>
      <c r="NP41" s="145"/>
      <c r="NQ41" s="119">
        <v>0</v>
      </c>
      <c r="NR41" s="119">
        <v>0</v>
      </c>
      <c r="NS41" s="119">
        <v>0</v>
      </c>
      <c r="NT41" s="119">
        <v>326232</v>
      </c>
      <c r="NU41" s="119">
        <v>366494</v>
      </c>
      <c r="NV41" s="120">
        <v>692726</v>
      </c>
      <c r="NW41" s="121">
        <v>692726</v>
      </c>
      <c r="NX41" s="142">
        <v>0</v>
      </c>
      <c r="NY41" s="119">
        <v>0</v>
      </c>
      <c r="NZ41" s="120">
        <v>0</v>
      </c>
      <c r="OA41" s="145"/>
      <c r="OB41" s="119">
        <v>0</v>
      </c>
      <c r="OC41" s="119">
        <v>0</v>
      </c>
      <c r="OD41" s="119">
        <v>0</v>
      </c>
      <c r="OE41" s="119">
        <v>1440234</v>
      </c>
      <c r="OF41" s="119">
        <v>0</v>
      </c>
      <c r="OG41" s="120">
        <v>1440234</v>
      </c>
      <c r="OH41" s="121">
        <v>1440234</v>
      </c>
      <c r="OI41" s="142">
        <v>1435711</v>
      </c>
      <c r="OJ41" s="119">
        <v>3051069</v>
      </c>
      <c r="OK41" s="141">
        <v>4486780</v>
      </c>
      <c r="OL41" s="118">
        <v>0</v>
      </c>
      <c r="OM41" s="119">
        <v>29609717</v>
      </c>
      <c r="ON41" s="119">
        <v>39099407</v>
      </c>
      <c r="OO41" s="119">
        <v>60565750</v>
      </c>
      <c r="OP41" s="119">
        <v>58376589</v>
      </c>
      <c r="OQ41" s="119">
        <v>45846692</v>
      </c>
      <c r="OR41" s="120">
        <v>233498155</v>
      </c>
      <c r="OS41" s="143">
        <v>237984935</v>
      </c>
    </row>
    <row r="42" spans="2:409" ht="18.75" customHeight="1" thickBot="1" x14ac:dyDescent="0.25">
      <c r="B42" s="63" t="s">
        <v>37</v>
      </c>
      <c r="C42" s="117">
        <v>207979</v>
      </c>
      <c r="D42" s="178">
        <v>139809</v>
      </c>
      <c r="E42" s="179">
        <v>347788</v>
      </c>
      <c r="F42" s="180">
        <v>0</v>
      </c>
      <c r="G42" s="178">
        <v>1835454</v>
      </c>
      <c r="H42" s="178">
        <v>1842902</v>
      </c>
      <c r="I42" s="178">
        <v>2917332</v>
      </c>
      <c r="J42" s="178">
        <v>1349125</v>
      </c>
      <c r="K42" s="178">
        <v>1034531</v>
      </c>
      <c r="L42" s="180">
        <v>8979344</v>
      </c>
      <c r="M42" s="181">
        <v>9327132</v>
      </c>
      <c r="N42" s="117">
        <v>56044</v>
      </c>
      <c r="O42" s="178">
        <v>35257</v>
      </c>
      <c r="P42" s="179">
        <v>91301</v>
      </c>
      <c r="Q42" s="117">
        <v>0</v>
      </c>
      <c r="R42" s="178">
        <v>163796</v>
      </c>
      <c r="S42" s="178">
        <v>471052</v>
      </c>
      <c r="T42" s="178">
        <v>546223</v>
      </c>
      <c r="U42" s="178">
        <v>364920</v>
      </c>
      <c r="V42" s="178">
        <v>471515</v>
      </c>
      <c r="W42" s="179">
        <v>2017506</v>
      </c>
      <c r="X42" s="181">
        <v>2108807</v>
      </c>
      <c r="Y42" s="117">
        <v>0</v>
      </c>
      <c r="Z42" s="178">
        <v>0</v>
      </c>
      <c r="AA42" s="179">
        <v>0</v>
      </c>
      <c r="AB42" s="117">
        <v>0</v>
      </c>
      <c r="AC42" s="178">
        <v>58279</v>
      </c>
      <c r="AD42" s="178">
        <v>217584</v>
      </c>
      <c r="AE42" s="178">
        <v>115194</v>
      </c>
      <c r="AF42" s="178">
        <v>93402</v>
      </c>
      <c r="AG42" s="178">
        <v>410021</v>
      </c>
      <c r="AH42" s="179">
        <v>894480</v>
      </c>
      <c r="AI42" s="181">
        <v>894480</v>
      </c>
      <c r="AJ42" s="117">
        <v>0</v>
      </c>
      <c r="AK42" s="178">
        <v>0</v>
      </c>
      <c r="AL42" s="179">
        <v>0</v>
      </c>
      <c r="AM42" s="117">
        <v>0</v>
      </c>
      <c r="AN42" s="178">
        <v>0</v>
      </c>
      <c r="AO42" s="178">
        <v>0</v>
      </c>
      <c r="AP42" s="178">
        <v>92330</v>
      </c>
      <c r="AQ42" s="178">
        <v>15287</v>
      </c>
      <c r="AR42" s="178">
        <v>0</v>
      </c>
      <c r="AS42" s="179">
        <v>107617</v>
      </c>
      <c r="AT42" s="181">
        <v>107617</v>
      </c>
      <c r="AU42" s="117">
        <v>46252</v>
      </c>
      <c r="AV42" s="178">
        <v>35257</v>
      </c>
      <c r="AW42" s="179">
        <v>81509</v>
      </c>
      <c r="AX42" s="117">
        <v>0</v>
      </c>
      <c r="AY42" s="178">
        <v>45938</v>
      </c>
      <c r="AZ42" s="178">
        <v>156082</v>
      </c>
      <c r="BA42" s="178">
        <v>182754</v>
      </c>
      <c r="BB42" s="178">
        <v>173700</v>
      </c>
      <c r="BC42" s="178">
        <v>29274</v>
      </c>
      <c r="BD42" s="179">
        <v>587748</v>
      </c>
      <c r="BE42" s="181">
        <v>669257</v>
      </c>
      <c r="BF42" s="117">
        <v>0</v>
      </c>
      <c r="BG42" s="178">
        <v>0</v>
      </c>
      <c r="BH42" s="183">
        <v>0</v>
      </c>
      <c r="BI42" s="182">
        <v>0</v>
      </c>
      <c r="BJ42" s="178">
        <v>34793</v>
      </c>
      <c r="BK42" s="178">
        <v>48588</v>
      </c>
      <c r="BL42" s="178">
        <v>88166</v>
      </c>
      <c r="BM42" s="178">
        <v>50704</v>
      </c>
      <c r="BN42" s="178">
        <v>0</v>
      </c>
      <c r="BO42" s="179">
        <v>222251</v>
      </c>
      <c r="BP42" s="181">
        <v>222251</v>
      </c>
      <c r="BQ42" s="117">
        <v>9792</v>
      </c>
      <c r="BR42" s="178">
        <v>0</v>
      </c>
      <c r="BS42" s="179">
        <v>9792</v>
      </c>
      <c r="BT42" s="117">
        <v>0</v>
      </c>
      <c r="BU42" s="178">
        <v>24786</v>
      </c>
      <c r="BV42" s="178">
        <v>48798</v>
      </c>
      <c r="BW42" s="178">
        <v>67779</v>
      </c>
      <c r="BX42" s="178">
        <v>31827</v>
      </c>
      <c r="BY42" s="178">
        <v>32220</v>
      </c>
      <c r="BZ42" s="179">
        <v>205410</v>
      </c>
      <c r="CA42" s="181">
        <v>215202</v>
      </c>
      <c r="CB42" s="117">
        <v>47238</v>
      </c>
      <c r="CC42" s="178">
        <v>51053</v>
      </c>
      <c r="CD42" s="179">
        <v>98291</v>
      </c>
      <c r="CE42" s="117">
        <v>0</v>
      </c>
      <c r="CF42" s="178">
        <v>695295</v>
      </c>
      <c r="CG42" s="178">
        <v>326910</v>
      </c>
      <c r="CH42" s="178">
        <v>623372</v>
      </c>
      <c r="CI42" s="178">
        <v>372157</v>
      </c>
      <c r="CJ42" s="178">
        <v>72890</v>
      </c>
      <c r="CK42" s="179">
        <v>2090624</v>
      </c>
      <c r="CL42" s="181">
        <v>2188915</v>
      </c>
      <c r="CM42" s="117">
        <v>0</v>
      </c>
      <c r="CN42" s="178">
        <v>0</v>
      </c>
      <c r="CO42" s="179">
        <v>0</v>
      </c>
      <c r="CP42" s="182">
        <v>0</v>
      </c>
      <c r="CQ42" s="178">
        <v>336934</v>
      </c>
      <c r="CR42" s="178">
        <v>227278</v>
      </c>
      <c r="CS42" s="178">
        <v>260223</v>
      </c>
      <c r="CT42" s="178">
        <v>54866</v>
      </c>
      <c r="CU42" s="178">
        <v>72890</v>
      </c>
      <c r="CV42" s="179">
        <v>952191</v>
      </c>
      <c r="CW42" s="181">
        <v>952191</v>
      </c>
      <c r="CX42" s="117">
        <v>47238</v>
      </c>
      <c r="CY42" s="178">
        <v>51053</v>
      </c>
      <c r="CZ42" s="179">
        <v>98291</v>
      </c>
      <c r="DA42" s="117">
        <v>0</v>
      </c>
      <c r="DB42" s="178">
        <v>358361</v>
      </c>
      <c r="DC42" s="178">
        <v>99632</v>
      </c>
      <c r="DD42" s="178">
        <v>363149</v>
      </c>
      <c r="DE42" s="178">
        <v>317291</v>
      </c>
      <c r="DF42" s="178">
        <v>0</v>
      </c>
      <c r="DG42" s="179">
        <v>1138433</v>
      </c>
      <c r="DH42" s="181">
        <v>1236724</v>
      </c>
      <c r="DI42" s="117">
        <v>0</v>
      </c>
      <c r="DJ42" s="178">
        <v>0</v>
      </c>
      <c r="DK42" s="183">
        <v>0</v>
      </c>
      <c r="DL42" s="182">
        <v>0</v>
      </c>
      <c r="DM42" s="178">
        <v>285435</v>
      </c>
      <c r="DN42" s="178">
        <v>330544</v>
      </c>
      <c r="DO42" s="178">
        <v>895682</v>
      </c>
      <c r="DP42" s="178">
        <v>99056</v>
      </c>
      <c r="DQ42" s="178">
        <v>93713</v>
      </c>
      <c r="DR42" s="179">
        <v>1704430</v>
      </c>
      <c r="DS42" s="181">
        <v>1704430</v>
      </c>
      <c r="DT42" s="117">
        <v>0</v>
      </c>
      <c r="DU42" s="178">
        <v>0</v>
      </c>
      <c r="DV42" s="179">
        <v>0</v>
      </c>
      <c r="DW42" s="117">
        <v>0</v>
      </c>
      <c r="DX42" s="178">
        <v>254407</v>
      </c>
      <c r="DY42" s="178">
        <v>248567</v>
      </c>
      <c r="DZ42" s="178">
        <v>895682</v>
      </c>
      <c r="EA42" s="178">
        <v>43488</v>
      </c>
      <c r="EB42" s="178">
        <v>93713</v>
      </c>
      <c r="EC42" s="179">
        <v>1535857</v>
      </c>
      <c r="ED42" s="181">
        <v>1535857</v>
      </c>
      <c r="EE42" s="117">
        <v>0</v>
      </c>
      <c r="EF42" s="183">
        <v>0</v>
      </c>
      <c r="EG42" s="179">
        <v>0</v>
      </c>
      <c r="EH42" s="117">
        <v>0</v>
      </c>
      <c r="EI42" s="178">
        <v>31028</v>
      </c>
      <c r="EJ42" s="178">
        <v>81977</v>
      </c>
      <c r="EK42" s="178">
        <v>0</v>
      </c>
      <c r="EL42" s="178">
        <v>55568</v>
      </c>
      <c r="EM42" s="178">
        <v>0</v>
      </c>
      <c r="EN42" s="183">
        <v>168573</v>
      </c>
      <c r="EO42" s="181">
        <v>168573</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9"/>
      <c r="FE42" s="178">
        <v>0</v>
      </c>
      <c r="FF42" s="178">
        <v>0</v>
      </c>
      <c r="FG42" s="178">
        <v>0</v>
      </c>
      <c r="FH42" s="178">
        <v>0</v>
      </c>
      <c r="FI42" s="178">
        <v>0</v>
      </c>
      <c r="FJ42" s="179">
        <v>0</v>
      </c>
      <c r="FK42" s="181">
        <v>0</v>
      </c>
      <c r="FL42" s="117">
        <v>54504</v>
      </c>
      <c r="FM42" s="178">
        <v>18432</v>
      </c>
      <c r="FN42" s="179">
        <v>72936</v>
      </c>
      <c r="FO42" s="117">
        <v>0</v>
      </c>
      <c r="FP42" s="178">
        <v>220643</v>
      </c>
      <c r="FQ42" s="178">
        <v>432882</v>
      </c>
      <c r="FR42" s="178">
        <v>399564</v>
      </c>
      <c r="FS42" s="178">
        <v>177372</v>
      </c>
      <c r="FT42" s="178">
        <v>75202</v>
      </c>
      <c r="FU42" s="179">
        <v>1305663</v>
      </c>
      <c r="FV42" s="181">
        <v>1378599</v>
      </c>
      <c r="FW42" s="184">
        <v>54504</v>
      </c>
      <c r="FX42" s="178">
        <v>18432</v>
      </c>
      <c r="FY42" s="183">
        <v>72936</v>
      </c>
      <c r="FZ42" s="182">
        <v>0</v>
      </c>
      <c r="GA42" s="178">
        <v>220643</v>
      </c>
      <c r="GB42" s="178">
        <v>339588</v>
      </c>
      <c r="GC42" s="178">
        <v>329868</v>
      </c>
      <c r="GD42" s="178">
        <v>177372</v>
      </c>
      <c r="GE42" s="178">
        <v>75202</v>
      </c>
      <c r="GF42" s="179">
        <v>1142673</v>
      </c>
      <c r="GG42" s="320">
        <v>1215609</v>
      </c>
      <c r="GH42" s="184">
        <v>0</v>
      </c>
      <c r="GI42" s="178">
        <v>0</v>
      </c>
      <c r="GJ42" s="183">
        <v>0</v>
      </c>
      <c r="GK42" s="182">
        <v>0</v>
      </c>
      <c r="GL42" s="178">
        <v>0</v>
      </c>
      <c r="GM42" s="178">
        <v>93294</v>
      </c>
      <c r="GN42" s="178">
        <v>69696</v>
      </c>
      <c r="GO42" s="178">
        <v>0</v>
      </c>
      <c r="GP42" s="178">
        <v>0</v>
      </c>
      <c r="GQ42" s="179">
        <v>162990</v>
      </c>
      <c r="GR42" s="181">
        <v>16299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183549</v>
      </c>
      <c r="HL42" s="178">
        <v>238785</v>
      </c>
      <c r="HM42" s="179">
        <v>422334</v>
      </c>
      <c r="HN42" s="180">
        <v>422334</v>
      </c>
      <c r="HO42" s="184">
        <v>50193</v>
      </c>
      <c r="HP42" s="178">
        <v>35067</v>
      </c>
      <c r="HQ42" s="179">
        <v>85260</v>
      </c>
      <c r="HR42" s="117">
        <v>0</v>
      </c>
      <c r="HS42" s="178">
        <v>470285</v>
      </c>
      <c r="HT42" s="178">
        <v>281514</v>
      </c>
      <c r="HU42" s="178">
        <v>452491</v>
      </c>
      <c r="HV42" s="178">
        <v>152071</v>
      </c>
      <c r="HW42" s="178">
        <v>82426</v>
      </c>
      <c r="HX42" s="183">
        <v>1438787</v>
      </c>
      <c r="HY42" s="181">
        <v>1524047</v>
      </c>
      <c r="HZ42" s="151">
        <v>0</v>
      </c>
      <c r="IA42" s="152">
        <v>0</v>
      </c>
      <c r="IB42" s="153">
        <v>0</v>
      </c>
      <c r="IC42" s="154">
        <v>0</v>
      </c>
      <c r="ID42" s="155">
        <v>1078120</v>
      </c>
      <c r="IE42" s="156">
        <v>627068</v>
      </c>
      <c r="IF42" s="157">
        <v>1533436</v>
      </c>
      <c r="IG42" s="155">
        <v>0</v>
      </c>
      <c r="IH42" s="157">
        <v>503414</v>
      </c>
      <c r="II42" s="158">
        <v>3742038</v>
      </c>
      <c r="IJ42" s="159">
        <v>3742038</v>
      </c>
      <c r="IK42" s="233">
        <v>0</v>
      </c>
      <c r="IL42" s="238">
        <v>0</v>
      </c>
      <c r="IM42" s="239">
        <v>0</v>
      </c>
      <c r="IN42" s="160"/>
      <c r="IO42" s="161">
        <v>0</v>
      </c>
      <c r="IP42" s="161">
        <v>0</v>
      </c>
      <c r="IQ42" s="161">
        <v>174967</v>
      </c>
      <c r="IR42" s="161">
        <v>0</v>
      </c>
      <c r="IS42" s="161">
        <v>0</v>
      </c>
      <c r="IT42" s="162">
        <v>174967</v>
      </c>
      <c r="IU42" s="322">
        <v>174967</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1035927</v>
      </c>
      <c r="JL42" s="161">
        <v>583044</v>
      </c>
      <c r="JM42" s="161">
        <v>778773</v>
      </c>
      <c r="JN42" s="161">
        <v>0</v>
      </c>
      <c r="JO42" s="161">
        <v>253731</v>
      </c>
      <c r="JP42" s="165">
        <v>2651475</v>
      </c>
      <c r="JQ42" s="322">
        <v>2651475</v>
      </c>
      <c r="JR42" s="163">
        <v>0</v>
      </c>
      <c r="JS42" s="161">
        <v>0</v>
      </c>
      <c r="JT42" s="162">
        <v>0</v>
      </c>
      <c r="JU42" s="164">
        <v>0</v>
      </c>
      <c r="JV42" s="161">
        <v>0</v>
      </c>
      <c r="JW42" s="161">
        <v>0</v>
      </c>
      <c r="JX42" s="161">
        <v>212207</v>
      </c>
      <c r="JY42" s="161">
        <v>0</v>
      </c>
      <c r="JZ42" s="161">
        <v>249683</v>
      </c>
      <c r="KA42" s="165">
        <v>461890</v>
      </c>
      <c r="KB42" s="322">
        <v>46189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42193</v>
      </c>
      <c r="KS42" s="161">
        <v>44024</v>
      </c>
      <c r="KT42" s="161">
        <v>367489</v>
      </c>
      <c r="KU42" s="161">
        <v>0</v>
      </c>
      <c r="KV42" s="161">
        <v>0</v>
      </c>
      <c r="KW42" s="165">
        <v>453706</v>
      </c>
      <c r="KX42" s="322">
        <v>453706</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2">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513828</v>
      </c>
      <c r="MK42" s="161">
        <v>286231</v>
      </c>
      <c r="ML42" s="161">
        <v>3007728</v>
      </c>
      <c r="MM42" s="161">
        <v>2683207</v>
      </c>
      <c r="MN42" s="161">
        <v>2573388</v>
      </c>
      <c r="MO42" s="165">
        <v>9064382</v>
      </c>
      <c r="MP42" s="167">
        <v>9064382</v>
      </c>
      <c r="MQ42" s="163">
        <v>0</v>
      </c>
      <c r="MR42" s="161">
        <v>0</v>
      </c>
      <c r="MS42" s="165">
        <v>0</v>
      </c>
      <c r="MT42" s="169"/>
      <c r="MU42" s="161">
        <v>0</v>
      </c>
      <c r="MV42" s="161">
        <v>0</v>
      </c>
      <c r="MW42" s="161">
        <v>2122079</v>
      </c>
      <c r="MX42" s="161">
        <v>2024860</v>
      </c>
      <c r="MY42" s="161">
        <v>1895515</v>
      </c>
      <c r="MZ42" s="165">
        <v>6042454</v>
      </c>
      <c r="NA42" s="167">
        <v>6042454</v>
      </c>
      <c r="NB42" s="163">
        <v>0</v>
      </c>
      <c r="NC42" s="161">
        <v>0</v>
      </c>
      <c r="ND42" s="165">
        <v>0</v>
      </c>
      <c r="NE42" s="169"/>
      <c r="NF42" s="161">
        <v>513828</v>
      </c>
      <c r="NG42" s="161">
        <v>286231</v>
      </c>
      <c r="NH42" s="161">
        <v>885649</v>
      </c>
      <c r="NI42" s="161">
        <v>282037</v>
      </c>
      <c r="NJ42" s="161">
        <v>336258</v>
      </c>
      <c r="NK42" s="165">
        <v>2304003</v>
      </c>
      <c r="NL42" s="322">
        <v>2304003</v>
      </c>
      <c r="NM42" s="163">
        <v>0</v>
      </c>
      <c r="NN42" s="161">
        <v>0</v>
      </c>
      <c r="NO42" s="165">
        <v>0</v>
      </c>
      <c r="NP42" s="169"/>
      <c r="NQ42" s="161">
        <v>0</v>
      </c>
      <c r="NR42" s="161">
        <v>0</v>
      </c>
      <c r="NS42" s="161">
        <v>0</v>
      </c>
      <c r="NT42" s="161">
        <v>376310</v>
      </c>
      <c r="NU42" s="161">
        <v>0</v>
      </c>
      <c r="NV42" s="165">
        <v>376310</v>
      </c>
      <c r="NW42" s="166">
        <v>376310</v>
      </c>
      <c r="NX42" s="163">
        <v>0</v>
      </c>
      <c r="NY42" s="161">
        <v>0</v>
      </c>
      <c r="NZ42" s="165">
        <v>0</v>
      </c>
      <c r="OA42" s="169"/>
      <c r="OB42" s="161">
        <v>0</v>
      </c>
      <c r="OC42" s="161">
        <v>0</v>
      </c>
      <c r="OD42" s="161">
        <v>0</v>
      </c>
      <c r="OE42" s="161">
        <v>0</v>
      </c>
      <c r="OF42" s="161">
        <v>341615</v>
      </c>
      <c r="OG42" s="165">
        <v>341615</v>
      </c>
      <c r="OH42" s="166">
        <v>341615</v>
      </c>
      <c r="OI42" s="163">
        <v>207979</v>
      </c>
      <c r="OJ42" s="161">
        <v>139809</v>
      </c>
      <c r="OK42" s="162">
        <v>347788</v>
      </c>
      <c r="OL42" s="164">
        <v>0</v>
      </c>
      <c r="OM42" s="161">
        <v>3427402</v>
      </c>
      <c r="ON42" s="161">
        <v>2756201</v>
      </c>
      <c r="OO42" s="161">
        <v>7458496</v>
      </c>
      <c r="OP42" s="161">
        <v>4032332</v>
      </c>
      <c r="OQ42" s="161">
        <v>4111333</v>
      </c>
      <c r="OR42" s="165">
        <v>21785764</v>
      </c>
      <c r="OS42" s="167">
        <v>22133552</v>
      </c>
    </row>
    <row r="43" spans="2:409" x14ac:dyDescent="0.2">
      <c r="B43" s="1" t="s">
        <v>84</v>
      </c>
    </row>
  </sheetData>
  <mergeCells count="159">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I7:LI8"/>
    <mergeCell ref="LJ7:LL7"/>
    <mergeCell ref="KC7:KE7"/>
    <mergeCell ref="KF7:KL7"/>
    <mergeCell ref="KM7:KM8"/>
    <mergeCell ref="KN7:KP7"/>
    <mergeCell ref="KQ7:KW7"/>
    <mergeCell ref="MQ7:MS7"/>
    <mergeCell ref="MT7:MZ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G2:H2"/>
    <mergeCell ref="ES7:EY7"/>
    <mergeCell ref="EZ7:EZ8"/>
    <mergeCell ref="DS7:DS8"/>
    <mergeCell ref="DT7:DV7"/>
    <mergeCell ref="DW7:EC7"/>
    <mergeCell ref="ED7:ED8"/>
    <mergeCell ref="DL7:DR7"/>
    <mergeCell ref="CM7:CO7"/>
    <mergeCell ref="CP7:CV7"/>
    <mergeCell ref="CW7:CW8"/>
    <mergeCell ref="CX7:CZ7"/>
    <mergeCell ref="DA7:DG7"/>
    <mergeCell ref="DH7:DH8"/>
    <mergeCell ref="DI7:DK7"/>
    <mergeCell ref="CL7:CL8"/>
    <mergeCell ref="BI7:BO7"/>
    <mergeCell ref="BP7:BP8"/>
    <mergeCell ref="BQ7:BS7"/>
    <mergeCell ref="BT7:BZ7"/>
    <mergeCell ref="BF7:BH7"/>
    <mergeCell ref="CA7:CA8"/>
    <mergeCell ref="CB7:CD7"/>
    <mergeCell ref="CE7:CK7"/>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FK7:FK8"/>
    <mergeCell ref="DI5:FK5"/>
    <mergeCell ref="I1:J1"/>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44" customWidth="1"/>
    <col min="3" max="3" width="8.21875" style="44" customWidth="1"/>
    <col min="4" max="5" width="10" style="44" customWidth="1"/>
    <col min="6" max="6" width="7.2187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10"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5" customWidth="1"/>
    <col min="83" max="83" width="7.6640625" style="325" customWidth="1"/>
    <col min="84" max="84" width="9.88671875" style="325" customWidth="1"/>
    <col min="85" max="85" width="10" style="325" customWidth="1"/>
    <col min="86" max="86" width="9.77734375" style="325" customWidth="1"/>
    <col min="87" max="87" width="9.21875" style="325" customWidth="1"/>
    <col min="88" max="88" width="8.77734375" style="325" customWidth="1"/>
    <col min="89" max="89" width="9.88671875" style="325" customWidth="1"/>
    <col min="90" max="90" width="9.77734375" style="325"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5" customWidth="1"/>
    <col min="116" max="116" width="7.21875" style="325" customWidth="1"/>
    <col min="117" max="121" width="8.21875" style="325" customWidth="1"/>
    <col min="122" max="122" width="10.109375" style="325" customWidth="1"/>
    <col min="123" max="123" width="9.77734375" style="325"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5" customWidth="1"/>
    <col min="171" max="171" width="6.6640625" style="325" customWidth="1"/>
    <col min="172" max="176" width="8.21875" style="325" customWidth="1"/>
    <col min="177" max="177" width="10.109375" style="325" customWidth="1"/>
    <col min="178" max="178" width="9.88671875" style="325"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1:409" ht="24" customHeight="1" x14ac:dyDescent="0.2">
      <c r="B1" s="20" t="s">
        <v>136</v>
      </c>
      <c r="E1" s="368">
        <f>第１表!F2</f>
        <v>4</v>
      </c>
      <c r="F1" s="251">
        <f>第１表!G2</f>
        <v>9</v>
      </c>
      <c r="G1" s="646">
        <f>IF(F1&lt;3,F1-2+12,F1-2)</f>
        <v>7</v>
      </c>
      <c r="H1" s="646"/>
      <c r="IB1" s="368"/>
      <c r="IC1" s="253"/>
      <c r="ID1" s="611"/>
      <c r="IE1" s="611"/>
    </row>
    <row r="2" spans="1:409" ht="24" customHeight="1" x14ac:dyDescent="0.2">
      <c r="B2" s="20" t="s">
        <v>147</v>
      </c>
      <c r="E2" s="250"/>
      <c r="F2" s="251"/>
      <c r="G2" s="342"/>
      <c r="H2" s="342"/>
      <c r="IB2" s="252"/>
      <c r="IC2" s="253"/>
      <c r="ID2" s="371"/>
      <c r="IE2" s="371"/>
    </row>
    <row r="3" spans="1:409" ht="24" customHeight="1" thickBot="1" x14ac:dyDescent="0.25">
      <c r="B3" s="20" t="s">
        <v>137</v>
      </c>
    </row>
    <row r="4" spans="1:409" ht="19.5" customHeight="1" thickBot="1" x14ac:dyDescent="0.25">
      <c r="B4" s="706" t="s">
        <v>42</v>
      </c>
      <c r="C4" s="709" t="s">
        <v>63</v>
      </c>
      <c r="D4" s="709"/>
      <c r="E4" s="709"/>
      <c r="F4" s="709"/>
      <c r="G4" s="709"/>
      <c r="H4" s="709"/>
      <c r="I4" s="709"/>
      <c r="J4" s="709"/>
      <c r="K4" s="709"/>
      <c r="L4" s="709"/>
      <c r="M4" s="709"/>
      <c r="N4" s="712"/>
      <c r="O4" s="712"/>
      <c r="P4" s="712"/>
      <c r="Q4" s="712"/>
      <c r="R4" s="712"/>
      <c r="S4" s="712"/>
      <c r="T4" s="712"/>
      <c r="U4" s="712"/>
      <c r="V4" s="712"/>
      <c r="W4" s="712"/>
      <c r="X4" s="712"/>
      <c r="Y4" s="712"/>
      <c r="Z4" s="712"/>
      <c r="AA4" s="712"/>
      <c r="AB4" s="712"/>
      <c r="AC4" s="712"/>
      <c r="AD4" s="712"/>
      <c r="AE4" s="712"/>
      <c r="AF4" s="712"/>
      <c r="AG4" s="712"/>
      <c r="AH4" s="712"/>
      <c r="AI4" s="712"/>
      <c r="AJ4" s="712"/>
      <c r="AK4" s="712"/>
      <c r="AL4" s="712"/>
      <c r="AM4" s="712"/>
      <c r="AN4" s="712"/>
      <c r="AO4" s="712"/>
      <c r="AP4" s="712"/>
      <c r="AQ4" s="712"/>
      <c r="AR4" s="712"/>
      <c r="AS4" s="712"/>
      <c r="AT4" s="712"/>
      <c r="AU4" s="712"/>
      <c r="AV4" s="712"/>
      <c r="AW4" s="712"/>
      <c r="AX4" s="712"/>
      <c r="AY4" s="712"/>
      <c r="AZ4" s="712"/>
      <c r="BA4" s="712"/>
      <c r="BB4" s="712"/>
      <c r="BC4" s="712"/>
      <c r="BD4" s="712"/>
      <c r="BE4" s="712"/>
      <c r="BF4" s="712"/>
      <c r="BG4" s="712"/>
      <c r="BH4" s="712"/>
      <c r="BI4" s="712"/>
      <c r="BJ4" s="712"/>
      <c r="BK4" s="712"/>
      <c r="BL4" s="712"/>
      <c r="BM4" s="712"/>
      <c r="BN4" s="712"/>
      <c r="BO4" s="712"/>
      <c r="BP4" s="712"/>
      <c r="BQ4" s="712"/>
      <c r="BR4" s="712"/>
      <c r="BS4" s="712"/>
      <c r="BT4" s="712"/>
      <c r="BU4" s="712"/>
      <c r="BV4" s="712"/>
      <c r="BW4" s="712"/>
      <c r="BX4" s="712"/>
      <c r="BY4" s="712"/>
      <c r="BZ4" s="712"/>
      <c r="CA4" s="712"/>
      <c r="CB4" s="712"/>
      <c r="CC4" s="712"/>
      <c r="CD4" s="712"/>
      <c r="CE4" s="712"/>
      <c r="CF4" s="712"/>
      <c r="CG4" s="712"/>
      <c r="CH4" s="712"/>
      <c r="CI4" s="712"/>
      <c r="CJ4" s="712"/>
      <c r="CK4" s="712"/>
      <c r="CL4" s="712"/>
      <c r="CM4" s="712"/>
      <c r="CN4" s="712"/>
      <c r="CO4" s="712"/>
      <c r="CP4" s="712"/>
      <c r="CQ4" s="712"/>
      <c r="CR4" s="712"/>
      <c r="CS4" s="712"/>
      <c r="CT4" s="712"/>
      <c r="CU4" s="712"/>
      <c r="CV4" s="712"/>
      <c r="CW4" s="712"/>
      <c r="CX4" s="712"/>
      <c r="CY4" s="712"/>
      <c r="CZ4" s="712"/>
      <c r="DA4" s="712"/>
      <c r="DB4" s="712"/>
      <c r="DC4" s="712"/>
      <c r="DD4" s="712"/>
      <c r="DE4" s="712"/>
      <c r="DF4" s="712"/>
      <c r="DG4" s="712"/>
      <c r="DH4" s="712"/>
      <c r="DI4" s="712"/>
      <c r="DJ4" s="712"/>
      <c r="DK4" s="712"/>
      <c r="DL4" s="712"/>
      <c r="DM4" s="712"/>
      <c r="DN4" s="712"/>
      <c r="DO4" s="712"/>
      <c r="DP4" s="712"/>
      <c r="DQ4" s="712"/>
      <c r="DR4" s="712"/>
      <c r="DS4" s="712"/>
      <c r="DT4" s="712"/>
      <c r="DU4" s="712"/>
      <c r="DV4" s="712"/>
      <c r="DW4" s="712"/>
      <c r="DX4" s="712"/>
      <c r="DY4" s="712"/>
      <c r="DZ4" s="712"/>
      <c r="EA4" s="712"/>
      <c r="EB4" s="712"/>
      <c r="EC4" s="712"/>
      <c r="ED4" s="712"/>
      <c r="EE4" s="712"/>
      <c r="EF4" s="712"/>
      <c r="EG4" s="712"/>
      <c r="EH4" s="712"/>
      <c r="EI4" s="712"/>
      <c r="EJ4" s="712"/>
      <c r="EK4" s="712"/>
      <c r="EL4" s="712"/>
      <c r="EM4" s="712"/>
      <c r="EN4" s="712"/>
      <c r="EO4" s="712"/>
      <c r="EP4" s="712"/>
      <c r="EQ4" s="712"/>
      <c r="ER4" s="712"/>
      <c r="ES4" s="712"/>
      <c r="ET4" s="712"/>
      <c r="EU4" s="712"/>
      <c r="EV4" s="712"/>
      <c r="EW4" s="712"/>
      <c r="EX4" s="712"/>
      <c r="EY4" s="712"/>
      <c r="EZ4" s="712"/>
      <c r="FA4" s="712"/>
      <c r="FB4" s="712"/>
      <c r="FC4" s="712"/>
      <c r="FD4" s="712"/>
      <c r="FE4" s="712"/>
      <c r="FF4" s="712"/>
      <c r="FG4" s="712"/>
      <c r="FH4" s="712"/>
      <c r="FI4" s="712"/>
      <c r="FJ4" s="712"/>
      <c r="FK4" s="712"/>
      <c r="FL4" s="712"/>
      <c r="FM4" s="712"/>
      <c r="FN4" s="712"/>
      <c r="FO4" s="712"/>
      <c r="FP4" s="712"/>
      <c r="FQ4" s="712"/>
      <c r="FR4" s="712"/>
      <c r="FS4" s="712"/>
      <c r="FT4" s="712"/>
      <c r="FU4" s="712"/>
      <c r="FV4" s="712"/>
      <c r="FW4" s="712"/>
      <c r="FX4" s="712"/>
      <c r="FY4" s="712"/>
      <c r="FZ4" s="712"/>
      <c r="GA4" s="712"/>
      <c r="GB4" s="712"/>
      <c r="GC4" s="712"/>
      <c r="GD4" s="712"/>
      <c r="GE4" s="712"/>
      <c r="GF4" s="712"/>
      <c r="GG4" s="712"/>
      <c r="GH4" s="712"/>
      <c r="GI4" s="712"/>
      <c r="GJ4" s="712"/>
      <c r="GK4" s="712"/>
      <c r="GL4" s="712"/>
      <c r="GM4" s="712"/>
      <c r="GN4" s="712"/>
      <c r="GO4" s="712"/>
      <c r="GP4" s="712"/>
      <c r="GQ4" s="712"/>
      <c r="GR4" s="712"/>
      <c r="GS4" s="712"/>
      <c r="GT4" s="712"/>
      <c r="GU4" s="712"/>
      <c r="GV4" s="712"/>
      <c r="GW4" s="712"/>
      <c r="GX4" s="712"/>
      <c r="GY4" s="712"/>
      <c r="GZ4" s="712"/>
      <c r="HA4" s="712"/>
      <c r="HB4" s="712"/>
      <c r="HC4" s="712"/>
      <c r="HD4" s="712"/>
      <c r="HE4" s="712"/>
      <c r="HF4" s="712"/>
      <c r="HG4" s="712"/>
      <c r="HH4" s="712"/>
      <c r="HI4" s="712"/>
      <c r="HJ4" s="712"/>
      <c r="HK4" s="712"/>
      <c r="HL4" s="712"/>
      <c r="HM4" s="712"/>
      <c r="HN4" s="712"/>
      <c r="HO4" s="712"/>
      <c r="HP4" s="712"/>
      <c r="HQ4" s="712"/>
      <c r="HR4" s="712"/>
      <c r="HS4" s="712"/>
      <c r="HT4" s="712"/>
      <c r="HU4" s="712"/>
      <c r="HV4" s="712"/>
      <c r="HW4" s="712"/>
      <c r="HX4" s="712"/>
      <c r="HY4" s="713"/>
      <c r="HZ4" s="608" t="s">
        <v>85</v>
      </c>
      <c r="IA4" s="609"/>
      <c r="IB4" s="609"/>
      <c r="IC4" s="609"/>
      <c r="ID4" s="609"/>
      <c r="IE4" s="609"/>
      <c r="IF4" s="609"/>
      <c r="IG4" s="609"/>
      <c r="IH4" s="609"/>
      <c r="II4" s="609"/>
      <c r="IJ4" s="609"/>
      <c r="IK4" s="609"/>
      <c r="IL4" s="609"/>
      <c r="IM4" s="609"/>
      <c r="IN4" s="609"/>
      <c r="IO4" s="609"/>
      <c r="IP4" s="609"/>
      <c r="IQ4" s="609"/>
      <c r="IR4" s="609"/>
      <c r="IS4" s="609"/>
      <c r="IT4" s="609"/>
      <c r="IU4" s="609"/>
      <c r="IV4" s="609"/>
      <c r="IW4" s="609"/>
      <c r="IX4" s="609"/>
      <c r="IY4" s="609"/>
      <c r="IZ4" s="609"/>
      <c r="JA4" s="609"/>
      <c r="JB4" s="609"/>
      <c r="JC4" s="609"/>
      <c r="JD4" s="609"/>
      <c r="JE4" s="609"/>
      <c r="JF4" s="609"/>
      <c r="JG4" s="609"/>
      <c r="JH4" s="609"/>
      <c r="JI4" s="609"/>
      <c r="JJ4" s="609"/>
      <c r="JK4" s="609"/>
      <c r="JL4" s="609"/>
      <c r="JM4" s="609"/>
      <c r="JN4" s="609"/>
      <c r="JO4" s="609"/>
      <c r="JP4" s="609"/>
      <c r="JQ4" s="609"/>
      <c r="JR4" s="609"/>
      <c r="JS4" s="609"/>
      <c r="JT4" s="609"/>
      <c r="JU4" s="609"/>
      <c r="JV4" s="609"/>
      <c r="JW4" s="609"/>
      <c r="JX4" s="609"/>
      <c r="JY4" s="609"/>
      <c r="JZ4" s="609"/>
      <c r="KA4" s="609"/>
      <c r="KB4" s="609"/>
      <c r="KC4" s="609"/>
      <c r="KD4" s="609"/>
      <c r="KE4" s="609"/>
      <c r="KF4" s="609"/>
      <c r="KG4" s="609"/>
      <c r="KH4" s="609"/>
      <c r="KI4" s="609"/>
      <c r="KJ4" s="609"/>
      <c r="KK4" s="609"/>
      <c r="KL4" s="609"/>
      <c r="KM4" s="609"/>
      <c r="KN4" s="609"/>
      <c r="KO4" s="609"/>
      <c r="KP4" s="609"/>
      <c r="KQ4" s="609"/>
      <c r="KR4" s="609"/>
      <c r="KS4" s="609"/>
      <c r="KT4" s="609"/>
      <c r="KU4" s="609"/>
      <c r="KV4" s="609"/>
      <c r="KW4" s="609"/>
      <c r="KX4" s="609"/>
      <c r="KY4" s="609"/>
      <c r="KZ4" s="609"/>
      <c r="LA4" s="609"/>
      <c r="LB4" s="609"/>
      <c r="LC4" s="609"/>
      <c r="LD4" s="609"/>
      <c r="LE4" s="609"/>
      <c r="LF4" s="609"/>
      <c r="LG4" s="609"/>
      <c r="LH4" s="609"/>
      <c r="LI4" s="609"/>
      <c r="LJ4" s="609"/>
      <c r="LK4" s="609"/>
      <c r="LL4" s="609"/>
      <c r="LM4" s="609"/>
      <c r="LN4" s="609"/>
      <c r="LO4" s="609"/>
      <c r="LP4" s="609"/>
      <c r="LQ4" s="609"/>
      <c r="LR4" s="609"/>
      <c r="LS4" s="609"/>
      <c r="LT4" s="609"/>
      <c r="LU4" s="609"/>
      <c r="LV4" s="609"/>
      <c r="LW4" s="609"/>
      <c r="LX4" s="609"/>
      <c r="LY4" s="609"/>
      <c r="LZ4" s="609"/>
      <c r="MA4" s="609"/>
      <c r="MB4" s="609"/>
      <c r="MC4" s="609"/>
      <c r="MD4" s="609"/>
      <c r="ME4" s="610"/>
      <c r="MF4" s="608" t="s">
        <v>86</v>
      </c>
      <c r="MG4" s="609"/>
      <c r="MH4" s="609"/>
      <c r="MI4" s="609"/>
      <c r="MJ4" s="609"/>
      <c r="MK4" s="609"/>
      <c r="ML4" s="609"/>
      <c r="MM4" s="609"/>
      <c r="MN4" s="609"/>
      <c r="MO4" s="609"/>
      <c r="MP4" s="609"/>
      <c r="MQ4" s="609"/>
      <c r="MR4" s="609"/>
      <c r="MS4" s="609"/>
      <c r="MT4" s="609"/>
      <c r="MU4" s="609"/>
      <c r="MV4" s="609"/>
      <c r="MW4" s="609"/>
      <c r="MX4" s="609"/>
      <c r="MY4" s="609"/>
      <c r="MZ4" s="609"/>
      <c r="NA4" s="609"/>
      <c r="NB4" s="609"/>
      <c r="NC4" s="609"/>
      <c r="ND4" s="609"/>
      <c r="NE4" s="609"/>
      <c r="NF4" s="609"/>
      <c r="NG4" s="609"/>
      <c r="NH4" s="609"/>
      <c r="NI4" s="609"/>
      <c r="NJ4" s="609"/>
      <c r="NK4" s="609"/>
      <c r="NL4" s="609"/>
      <c r="NM4" s="609"/>
      <c r="NN4" s="609"/>
      <c r="NO4" s="609"/>
      <c r="NP4" s="609"/>
      <c r="NQ4" s="609"/>
      <c r="NR4" s="609"/>
      <c r="NS4" s="609"/>
      <c r="NT4" s="609"/>
      <c r="NU4" s="609"/>
      <c r="NV4" s="609"/>
      <c r="NW4" s="609"/>
      <c r="NX4" s="609"/>
      <c r="NY4" s="609"/>
      <c r="NZ4" s="609"/>
      <c r="OA4" s="609"/>
      <c r="OB4" s="609"/>
      <c r="OC4" s="609"/>
      <c r="OD4" s="609"/>
      <c r="OE4" s="609"/>
      <c r="OF4" s="609"/>
      <c r="OG4" s="609"/>
      <c r="OH4" s="610"/>
      <c r="OI4" s="599" t="s">
        <v>60</v>
      </c>
      <c r="OJ4" s="503"/>
      <c r="OK4" s="503"/>
      <c r="OL4" s="503"/>
      <c r="OM4" s="503"/>
      <c r="ON4" s="503"/>
      <c r="OO4" s="503"/>
      <c r="OP4" s="503"/>
      <c r="OQ4" s="503"/>
      <c r="OR4" s="503"/>
      <c r="OS4" s="504"/>
    </row>
    <row r="5" spans="1:409" ht="19.5" customHeight="1" thickBot="1" x14ac:dyDescent="0.25">
      <c r="B5" s="707"/>
      <c r="C5" s="710"/>
      <c r="D5" s="710"/>
      <c r="E5" s="710"/>
      <c r="F5" s="710"/>
      <c r="G5" s="710"/>
      <c r="H5" s="710"/>
      <c r="I5" s="710"/>
      <c r="J5" s="710"/>
      <c r="K5" s="710"/>
      <c r="L5" s="710"/>
      <c r="M5" s="710"/>
      <c r="N5" s="714" t="s">
        <v>64</v>
      </c>
      <c r="O5" s="715"/>
      <c r="P5" s="715"/>
      <c r="Q5" s="715"/>
      <c r="R5" s="715"/>
      <c r="S5" s="715"/>
      <c r="T5" s="715"/>
      <c r="U5" s="715"/>
      <c r="V5" s="715"/>
      <c r="W5" s="715"/>
      <c r="X5" s="715"/>
      <c r="Y5" s="715"/>
      <c r="Z5" s="715"/>
      <c r="AA5" s="715"/>
      <c r="AB5" s="715"/>
      <c r="AC5" s="715"/>
      <c r="AD5" s="715"/>
      <c r="AE5" s="715"/>
      <c r="AF5" s="715"/>
      <c r="AG5" s="715"/>
      <c r="AH5" s="715"/>
      <c r="AI5" s="715"/>
      <c r="AJ5" s="715"/>
      <c r="AK5" s="715"/>
      <c r="AL5" s="715"/>
      <c r="AM5" s="715"/>
      <c r="AN5" s="715"/>
      <c r="AO5" s="715"/>
      <c r="AP5" s="715"/>
      <c r="AQ5" s="715"/>
      <c r="AR5" s="715"/>
      <c r="AS5" s="715"/>
      <c r="AT5" s="715"/>
      <c r="AU5" s="715"/>
      <c r="AV5" s="715"/>
      <c r="AW5" s="715"/>
      <c r="AX5" s="715"/>
      <c r="AY5" s="715"/>
      <c r="AZ5" s="715"/>
      <c r="BA5" s="715"/>
      <c r="BB5" s="715"/>
      <c r="BC5" s="715"/>
      <c r="BD5" s="715"/>
      <c r="BE5" s="715"/>
      <c r="BF5" s="715"/>
      <c r="BG5" s="715"/>
      <c r="BH5" s="715"/>
      <c r="BI5" s="715"/>
      <c r="BJ5" s="715"/>
      <c r="BK5" s="715"/>
      <c r="BL5" s="715"/>
      <c r="BM5" s="715"/>
      <c r="BN5" s="715"/>
      <c r="BO5" s="715"/>
      <c r="BP5" s="715"/>
      <c r="BQ5" s="715"/>
      <c r="BR5" s="715"/>
      <c r="BS5" s="715"/>
      <c r="BT5" s="715"/>
      <c r="BU5" s="715"/>
      <c r="BV5" s="715"/>
      <c r="BW5" s="715"/>
      <c r="BX5" s="715"/>
      <c r="BY5" s="715"/>
      <c r="BZ5" s="715"/>
      <c r="CA5" s="716"/>
      <c r="CB5" s="714" t="s">
        <v>65</v>
      </c>
      <c r="CC5" s="715"/>
      <c r="CD5" s="715"/>
      <c r="CE5" s="715"/>
      <c r="CF5" s="715"/>
      <c r="CG5" s="715"/>
      <c r="CH5" s="715"/>
      <c r="CI5" s="715"/>
      <c r="CJ5" s="715"/>
      <c r="CK5" s="715"/>
      <c r="CL5" s="715"/>
      <c r="CM5" s="715"/>
      <c r="CN5" s="715"/>
      <c r="CO5" s="715"/>
      <c r="CP5" s="715"/>
      <c r="CQ5" s="715"/>
      <c r="CR5" s="715"/>
      <c r="CS5" s="715"/>
      <c r="CT5" s="715"/>
      <c r="CU5" s="715"/>
      <c r="CV5" s="715"/>
      <c r="CW5" s="715"/>
      <c r="CX5" s="715"/>
      <c r="CY5" s="715"/>
      <c r="CZ5" s="715"/>
      <c r="DA5" s="715"/>
      <c r="DB5" s="715"/>
      <c r="DC5" s="715"/>
      <c r="DD5" s="715"/>
      <c r="DE5" s="715"/>
      <c r="DF5" s="715"/>
      <c r="DG5" s="715"/>
      <c r="DH5" s="716"/>
      <c r="DI5" s="520" t="s">
        <v>66</v>
      </c>
      <c r="DJ5" s="521"/>
      <c r="DK5" s="521"/>
      <c r="DL5" s="521"/>
      <c r="DM5" s="521"/>
      <c r="DN5" s="521"/>
      <c r="DO5" s="521"/>
      <c r="DP5" s="521"/>
      <c r="DQ5" s="521"/>
      <c r="DR5" s="521"/>
      <c r="DS5" s="521"/>
      <c r="DT5" s="521"/>
      <c r="DU5" s="521"/>
      <c r="DV5" s="521"/>
      <c r="DW5" s="521"/>
      <c r="DX5" s="521"/>
      <c r="DY5" s="521"/>
      <c r="DZ5" s="521"/>
      <c r="EA5" s="521"/>
      <c r="EB5" s="521"/>
      <c r="EC5" s="521"/>
      <c r="ED5" s="521"/>
      <c r="EE5" s="521"/>
      <c r="EF5" s="521"/>
      <c r="EG5" s="521"/>
      <c r="EH5" s="521"/>
      <c r="EI5" s="521"/>
      <c r="EJ5" s="521"/>
      <c r="EK5" s="521"/>
      <c r="EL5" s="521"/>
      <c r="EM5" s="521"/>
      <c r="EN5" s="521"/>
      <c r="EO5" s="521"/>
      <c r="EP5" s="521"/>
      <c r="EQ5" s="521"/>
      <c r="ER5" s="521"/>
      <c r="ES5" s="521"/>
      <c r="ET5" s="521"/>
      <c r="EU5" s="521"/>
      <c r="EV5" s="521"/>
      <c r="EW5" s="521"/>
      <c r="EX5" s="521"/>
      <c r="EY5" s="521"/>
      <c r="EZ5" s="521"/>
      <c r="FA5" s="521"/>
      <c r="FB5" s="521"/>
      <c r="FC5" s="521"/>
      <c r="FD5" s="521"/>
      <c r="FE5" s="521"/>
      <c r="FF5" s="521"/>
      <c r="FG5" s="521"/>
      <c r="FH5" s="521"/>
      <c r="FI5" s="521"/>
      <c r="FJ5" s="521"/>
      <c r="FK5" s="522"/>
      <c r="FL5" s="714" t="s">
        <v>67</v>
      </c>
      <c r="FM5" s="715"/>
      <c r="FN5" s="715"/>
      <c r="FO5" s="715"/>
      <c r="FP5" s="715"/>
      <c r="FQ5" s="715"/>
      <c r="FR5" s="715"/>
      <c r="FS5" s="715"/>
      <c r="FT5" s="715"/>
      <c r="FU5" s="715"/>
      <c r="FV5" s="715"/>
      <c r="FW5" s="715"/>
      <c r="FX5" s="715"/>
      <c r="FY5" s="715"/>
      <c r="FZ5" s="715"/>
      <c r="GA5" s="715"/>
      <c r="GB5" s="715"/>
      <c r="GC5" s="715"/>
      <c r="GD5" s="715"/>
      <c r="GE5" s="715"/>
      <c r="GF5" s="715"/>
      <c r="GG5" s="715"/>
      <c r="GH5" s="715"/>
      <c r="GI5" s="715"/>
      <c r="GJ5" s="715"/>
      <c r="GK5" s="715"/>
      <c r="GL5" s="715"/>
      <c r="GM5" s="715"/>
      <c r="GN5" s="715"/>
      <c r="GO5" s="715"/>
      <c r="GP5" s="715"/>
      <c r="GQ5" s="715"/>
      <c r="GR5" s="715"/>
      <c r="GS5" s="715"/>
      <c r="GT5" s="715"/>
      <c r="GU5" s="715"/>
      <c r="GV5" s="715"/>
      <c r="GW5" s="715"/>
      <c r="GX5" s="715"/>
      <c r="GY5" s="715"/>
      <c r="GZ5" s="715"/>
      <c r="HA5" s="715"/>
      <c r="HB5" s="715"/>
      <c r="HC5" s="716"/>
      <c r="HD5" s="717" t="s">
        <v>68</v>
      </c>
      <c r="HE5" s="718"/>
      <c r="HF5" s="718"/>
      <c r="HG5" s="718"/>
      <c r="HH5" s="718"/>
      <c r="HI5" s="718"/>
      <c r="HJ5" s="718"/>
      <c r="HK5" s="718"/>
      <c r="HL5" s="718"/>
      <c r="HM5" s="718"/>
      <c r="HN5" s="719"/>
      <c r="HO5" s="717" t="s">
        <v>69</v>
      </c>
      <c r="HP5" s="718"/>
      <c r="HQ5" s="718"/>
      <c r="HR5" s="718"/>
      <c r="HS5" s="718"/>
      <c r="HT5" s="718"/>
      <c r="HU5" s="718"/>
      <c r="HV5" s="718"/>
      <c r="HW5" s="718"/>
      <c r="HX5" s="718"/>
      <c r="HY5" s="719"/>
      <c r="HZ5" s="659"/>
      <c r="IA5" s="660"/>
      <c r="IB5" s="660"/>
      <c r="IC5" s="660"/>
      <c r="ID5" s="660"/>
      <c r="IE5" s="660"/>
      <c r="IF5" s="660"/>
      <c r="IG5" s="660"/>
      <c r="IH5" s="660"/>
      <c r="II5" s="660"/>
      <c r="IJ5" s="661"/>
      <c r="IK5" s="599" t="s">
        <v>94</v>
      </c>
      <c r="IL5" s="503"/>
      <c r="IM5" s="503"/>
      <c r="IN5" s="503"/>
      <c r="IO5" s="503"/>
      <c r="IP5" s="503"/>
      <c r="IQ5" s="503"/>
      <c r="IR5" s="503"/>
      <c r="IS5" s="503"/>
      <c r="IT5" s="503"/>
      <c r="IU5" s="504"/>
      <c r="IV5" s="599" t="s">
        <v>88</v>
      </c>
      <c r="IW5" s="503"/>
      <c r="IX5" s="503"/>
      <c r="IY5" s="503"/>
      <c r="IZ5" s="503"/>
      <c r="JA5" s="503"/>
      <c r="JB5" s="503"/>
      <c r="JC5" s="503"/>
      <c r="JD5" s="503"/>
      <c r="JE5" s="503"/>
      <c r="JF5" s="504"/>
      <c r="JG5" s="662" t="s">
        <v>144</v>
      </c>
      <c r="JH5" s="663"/>
      <c r="JI5" s="663"/>
      <c r="JJ5" s="663"/>
      <c r="JK5" s="663"/>
      <c r="JL5" s="663"/>
      <c r="JM5" s="663"/>
      <c r="JN5" s="663"/>
      <c r="JO5" s="663"/>
      <c r="JP5" s="663"/>
      <c r="JQ5" s="664"/>
      <c r="JR5" s="599" t="s">
        <v>90</v>
      </c>
      <c r="JS5" s="503"/>
      <c r="JT5" s="503"/>
      <c r="JU5" s="503"/>
      <c r="JV5" s="503"/>
      <c r="JW5" s="503"/>
      <c r="JX5" s="503"/>
      <c r="JY5" s="503"/>
      <c r="JZ5" s="503"/>
      <c r="KA5" s="503"/>
      <c r="KB5" s="504"/>
      <c r="KC5" s="599" t="s">
        <v>89</v>
      </c>
      <c r="KD5" s="503"/>
      <c r="KE5" s="503"/>
      <c r="KF5" s="503"/>
      <c r="KG5" s="503"/>
      <c r="KH5" s="503"/>
      <c r="KI5" s="503"/>
      <c r="KJ5" s="503"/>
      <c r="KK5" s="503"/>
      <c r="KL5" s="503"/>
      <c r="KM5" s="504"/>
      <c r="KN5" s="599" t="s">
        <v>91</v>
      </c>
      <c r="KO5" s="503"/>
      <c r="KP5" s="503"/>
      <c r="KQ5" s="503"/>
      <c r="KR5" s="503"/>
      <c r="KS5" s="503"/>
      <c r="KT5" s="503"/>
      <c r="KU5" s="503"/>
      <c r="KV5" s="503"/>
      <c r="KW5" s="503"/>
      <c r="KX5" s="504"/>
      <c r="KY5" s="599" t="s">
        <v>92</v>
      </c>
      <c r="KZ5" s="503"/>
      <c r="LA5" s="503"/>
      <c r="LB5" s="503"/>
      <c r="LC5" s="503"/>
      <c r="LD5" s="503"/>
      <c r="LE5" s="503"/>
      <c r="LF5" s="503"/>
      <c r="LG5" s="503"/>
      <c r="LH5" s="503"/>
      <c r="LI5" s="504"/>
      <c r="LJ5" s="668" t="s">
        <v>93</v>
      </c>
      <c r="LK5" s="669"/>
      <c r="LL5" s="669"/>
      <c r="LM5" s="669"/>
      <c r="LN5" s="669"/>
      <c r="LO5" s="669"/>
      <c r="LP5" s="669"/>
      <c r="LQ5" s="669"/>
      <c r="LR5" s="669"/>
      <c r="LS5" s="669"/>
      <c r="LT5" s="670"/>
      <c r="LU5" s="671" t="s">
        <v>145</v>
      </c>
      <c r="LV5" s="672"/>
      <c r="LW5" s="672"/>
      <c r="LX5" s="672"/>
      <c r="LY5" s="672"/>
      <c r="LZ5" s="672"/>
      <c r="MA5" s="672"/>
      <c r="MB5" s="672"/>
      <c r="MC5" s="672"/>
      <c r="MD5" s="672"/>
      <c r="ME5" s="673"/>
      <c r="MF5" s="659"/>
      <c r="MG5" s="660"/>
      <c r="MH5" s="660"/>
      <c r="MI5" s="660"/>
      <c r="MJ5" s="660"/>
      <c r="MK5" s="660"/>
      <c r="ML5" s="660"/>
      <c r="MM5" s="660"/>
      <c r="MN5" s="660"/>
      <c r="MO5" s="660"/>
      <c r="MP5" s="661"/>
      <c r="MQ5" s="599" t="s">
        <v>57</v>
      </c>
      <c r="MR5" s="503"/>
      <c r="MS5" s="503"/>
      <c r="MT5" s="503"/>
      <c r="MU5" s="503"/>
      <c r="MV5" s="503"/>
      <c r="MW5" s="503"/>
      <c r="MX5" s="503"/>
      <c r="MY5" s="503"/>
      <c r="MZ5" s="503"/>
      <c r="NA5" s="504"/>
      <c r="NB5" s="599" t="s">
        <v>58</v>
      </c>
      <c r="NC5" s="503"/>
      <c r="ND5" s="503"/>
      <c r="NE5" s="503"/>
      <c r="NF5" s="503"/>
      <c r="NG5" s="503"/>
      <c r="NH5" s="503"/>
      <c r="NI5" s="503"/>
      <c r="NJ5" s="503"/>
      <c r="NK5" s="503"/>
      <c r="NL5" s="504"/>
      <c r="NM5" s="599" t="s">
        <v>59</v>
      </c>
      <c r="NN5" s="503"/>
      <c r="NO5" s="503"/>
      <c r="NP5" s="503"/>
      <c r="NQ5" s="503"/>
      <c r="NR5" s="503"/>
      <c r="NS5" s="503"/>
      <c r="NT5" s="503"/>
      <c r="NU5" s="503"/>
      <c r="NV5" s="503"/>
      <c r="NW5" s="504"/>
      <c r="NX5" s="649" t="s">
        <v>151</v>
      </c>
      <c r="NY5" s="650"/>
      <c r="NZ5" s="650"/>
      <c r="OA5" s="650"/>
      <c r="OB5" s="650"/>
      <c r="OC5" s="650"/>
      <c r="OD5" s="650"/>
      <c r="OE5" s="650"/>
      <c r="OF5" s="650"/>
      <c r="OG5" s="650"/>
      <c r="OH5" s="651"/>
      <c r="OI5" s="656"/>
      <c r="OJ5" s="657"/>
      <c r="OK5" s="657"/>
      <c r="OL5" s="657"/>
      <c r="OM5" s="657"/>
      <c r="ON5" s="657"/>
      <c r="OO5" s="657"/>
      <c r="OP5" s="657"/>
      <c r="OQ5" s="657"/>
      <c r="OR5" s="657"/>
      <c r="OS5" s="658"/>
    </row>
    <row r="6" spans="1:409" ht="19.5" customHeight="1" thickBot="1" x14ac:dyDescent="0.25">
      <c r="B6" s="707"/>
      <c r="C6" s="711"/>
      <c r="D6" s="711"/>
      <c r="E6" s="711"/>
      <c r="F6" s="711"/>
      <c r="G6" s="711"/>
      <c r="H6" s="711"/>
      <c r="I6" s="711"/>
      <c r="J6" s="711"/>
      <c r="K6" s="711"/>
      <c r="L6" s="711"/>
      <c r="M6" s="711"/>
      <c r="N6" s="512"/>
      <c r="O6" s="513"/>
      <c r="P6" s="513"/>
      <c r="Q6" s="513"/>
      <c r="R6" s="513"/>
      <c r="S6" s="513"/>
      <c r="T6" s="513"/>
      <c r="U6" s="513"/>
      <c r="V6" s="513"/>
      <c r="W6" s="513"/>
      <c r="X6" s="514"/>
      <c r="Y6" s="699" t="s">
        <v>70</v>
      </c>
      <c r="Z6" s="516"/>
      <c r="AA6" s="516"/>
      <c r="AB6" s="516"/>
      <c r="AC6" s="516"/>
      <c r="AD6" s="516"/>
      <c r="AE6" s="516"/>
      <c r="AF6" s="516"/>
      <c r="AG6" s="516"/>
      <c r="AH6" s="516"/>
      <c r="AI6" s="517"/>
      <c r="AJ6" s="694" t="s">
        <v>71</v>
      </c>
      <c r="AK6" s="695"/>
      <c r="AL6" s="695"/>
      <c r="AM6" s="695"/>
      <c r="AN6" s="695"/>
      <c r="AO6" s="695"/>
      <c r="AP6" s="695"/>
      <c r="AQ6" s="695"/>
      <c r="AR6" s="695"/>
      <c r="AS6" s="695"/>
      <c r="AT6" s="696"/>
      <c r="AU6" s="694" t="s">
        <v>72</v>
      </c>
      <c r="AV6" s="695"/>
      <c r="AW6" s="695"/>
      <c r="AX6" s="695"/>
      <c r="AY6" s="695"/>
      <c r="AZ6" s="695"/>
      <c r="BA6" s="695"/>
      <c r="BB6" s="695"/>
      <c r="BC6" s="695"/>
      <c r="BD6" s="695"/>
      <c r="BE6" s="696"/>
      <c r="BF6" s="694" t="s">
        <v>73</v>
      </c>
      <c r="BG6" s="695"/>
      <c r="BH6" s="695"/>
      <c r="BI6" s="695"/>
      <c r="BJ6" s="695"/>
      <c r="BK6" s="695"/>
      <c r="BL6" s="695"/>
      <c r="BM6" s="695"/>
      <c r="BN6" s="695"/>
      <c r="BO6" s="695"/>
      <c r="BP6" s="696"/>
      <c r="BQ6" s="694" t="s">
        <v>74</v>
      </c>
      <c r="BR6" s="695"/>
      <c r="BS6" s="695"/>
      <c r="BT6" s="695"/>
      <c r="BU6" s="695"/>
      <c r="BV6" s="695"/>
      <c r="BW6" s="695"/>
      <c r="BX6" s="695"/>
      <c r="BY6" s="695"/>
      <c r="BZ6" s="695"/>
      <c r="CA6" s="696"/>
      <c r="CB6" s="697"/>
      <c r="CC6" s="698"/>
      <c r="CD6" s="698"/>
      <c r="CE6" s="698"/>
      <c r="CF6" s="698"/>
      <c r="CG6" s="698"/>
      <c r="CH6" s="698"/>
      <c r="CI6" s="698"/>
      <c r="CJ6" s="698"/>
      <c r="CK6" s="698"/>
      <c r="CL6" s="723"/>
      <c r="CM6" s="694" t="s">
        <v>75</v>
      </c>
      <c r="CN6" s="695"/>
      <c r="CO6" s="695"/>
      <c r="CP6" s="695"/>
      <c r="CQ6" s="695"/>
      <c r="CR6" s="695"/>
      <c r="CS6" s="695"/>
      <c r="CT6" s="695"/>
      <c r="CU6" s="695"/>
      <c r="CV6" s="695"/>
      <c r="CW6" s="696"/>
      <c r="CX6" s="694" t="s">
        <v>76</v>
      </c>
      <c r="CY6" s="695"/>
      <c r="CZ6" s="695"/>
      <c r="DA6" s="695"/>
      <c r="DB6" s="695"/>
      <c r="DC6" s="695"/>
      <c r="DD6" s="695"/>
      <c r="DE6" s="695"/>
      <c r="DF6" s="695"/>
      <c r="DG6" s="695"/>
      <c r="DH6" s="696"/>
      <c r="DI6" s="697"/>
      <c r="DJ6" s="698"/>
      <c r="DK6" s="698"/>
      <c r="DL6" s="698"/>
      <c r="DM6" s="698"/>
      <c r="DN6" s="698"/>
      <c r="DO6" s="698"/>
      <c r="DP6" s="698"/>
      <c r="DQ6" s="698"/>
      <c r="DR6" s="698"/>
      <c r="DS6" s="698"/>
      <c r="DT6" s="694" t="s">
        <v>77</v>
      </c>
      <c r="DU6" s="695"/>
      <c r="DV6" s="695"/>
      <c r="DW6" s="695"/>
      <c r="DX6" s="695"/>
      <c r="DY6" s="695"/>
      <c r="DZ6" s="695"/>
      <c r="EA6" s="695"/>
      <c r="EB6" s="695"/>
      <c r="EC6" s="695"/>
      <c r="ED6" s="696"/>
      <c r="EE6" s="694" t="s">
        <v>78</v>
      </c>
      <c r="EF6" s="695"/>
      <c r="EG6" s="695"/>
      <c r="EH6" s="695"/>
      <c r="EI6" s="695"/>
      <c r="EJ6" s="695"/>
      <c r="EK6" s="695"/>
      <c r="EL6" s="695"/>
      <c r="EM6" s="695"/>
      <c r="EN6" s="695"/>
      <c r="EO6" s="696"/>
      <c r="EP6" s="694" t="s">
        <v>79</v>
      </c>
      <c r="EQ6" s="695"/>
      <c r="ER6" s="695"/>
      <c r="ES6" s="695"/>
      <c r="ET6" s="695"/>
      <c r="EU6" s="695"/>
      <c r="EV6" s="695"/>
      <c r="EW6" s="695"/>
      <c r="EX6" s="695"/>
      <c r="EY6" s="695"/>
      <c r="EZ6" s="696"/>
      <c r="FA6" s="618" t="s">
        <v>152</v>
      </c>
      <c r="FB6" s="695"/>
      <c r="FC6" s="695"/>
      <c r="FD6" s="695"/>
      <c r="FE6" s="695"/>
      <c r="FF6" s="695"/>
      <c r="FG6" s="695"/>
      <c r="FH6" s="695"/>
      <c r="FI6" s="695"/>
      <c r="FJ6" s="695"/>
      <c r="FK6" s="696"/>
      <c r="FL6" s="697"/>
      <c r="FM6" s="698"/>
      <c r="FN6" s="698"/>
      <c r="FO6" s="698"/>
      <c r="FP6" s="698"/>
      <c r="FQ6" s="698"/>
      <c r="FR6" s="698"/>
      <c r="FS6" s="698"/>
      <c r="FT6" s="698"/>
      <c r="FU6" s="698"/>
      <c r="FV6" s="698"/>
      <c r="FW6" s="694" t="s">
        <v>80</v>
      </c>
      <c r="FX6" s="695"/>
      <c r="FY6" s="695"/>
      <c r="FZ6" s="695"/>
      <c r="GA6" s="695"/>
      <c r="GB6" s="695"/>
      <c r="GC6" s="695"/>
      <c r="GD6" s="695"/>
      <c r="GE6" s="695"/>
      <c r="GF6" s="695"/>
      <c r="GG6" s="696"/>
      <c r="GH6" s="699" t="s">
        <v>81</v>
      </c>
      <c r="GI6" s="516"/>
      <c r="GJ6" s="516"/>
      <c r="GK6" s="516"/>
      <c r="GL6" s="516"/>
      <c r="GM6" s="516"/>
      <c r="GN6" s="516"/>
      <c r="GO6" s="516"/>
      <c r="GP6" s="516"/>
      <c r="GQ6" s="516"/>
      <c r="GR6" s="517"/>
      <c r="GS6" s="699" t="s">
        <v>82</v>
      </c>
      <c r="GT6" s="516"/>
      <c r="GU6" s="516"/>
      <c r="GV6" s="516"/>
      <c r="GW6" s="516"/>
      <c r="GX6" s="516"/>
      <c r="GY6" s="516"/>
      <c r="GZ6" s="516"/>
      <c r="HA6" s="516"/>
      <c r="HB6" s="516"/>
      <c r="HC6" s="517"/>
      <c r="HD6" s="720"/>
      <c r="HE6" s="721"/>
      <c r="HF6" s="721"/>
      <c r="HG6" s="721"/>
      <c r="HH6" s="721"/>
      <c r="HI6" s="721"/>
      <c r="HJ6" s="721"/>
      <c r="HK6" s="721"/>
      <c r="HL6" s="721"/>
      <c r="HM6" s="721"/>
      <c r="HN6" s="722"/>
      <c r="HO6" s="720"/>
      <c r="HP6" s="721"/>
      <c r="HQ6" s="721"/>
      <c r="HR6" s="721"/>
      <c r="HS6" s="721"/>
      <c r="HT6" s="721"/>
      <c r="HU6" s="721"/>
      <c r="HV6" s="721"/>
      <c r="HW6" s="721"/>
      <c r="HX6" s="721"/>
      <c r="HY6" s="722"/>
      <c r="HZ6" s="612"/>
      <c r="IA6" s="613"/>
      <c r="IB6" s="613"/>
      <c r="IC6" s="613"/>
      <c r="ID6" s="613"/>
      <c r="IE6" s="613"/>
      <c r="IF6" s="613"/>
      <c r="IG6" s="613"/>
      <c r="IH6" s="613"/>
      <c r="II6" s="613"/>
      <c r="IJ6" s="614"/>
      <c r="IK6" s="600"/>
      <c r="IL6" s="593"/>
      <c r="IM6" s="593"/>
      <c r="IN6" s="593"/>
      <c r="IO6" s="593"/>
      <c r="IP6" s="593"/>
      <c r="IQ6" s="593"/>
      <c r="IR6" s="593"/>
      <c r="IS6" s="593"/>
      <c r="IT6" s="593"/>
      <c r="IU6" s="601"/>
      <c r="IV6" s="600"/>
      <c r="IW6" s="593"/>
      <c r="IX6" s="593"/>
      <c r="IY6" s="593"/>
      <c r="IZ6" s="593"/>
      <c r="JA6" s="593"/>
      <c r="JB6" s="593"/>
      <c r="JC6" s="593"/>
      <c r="JD6" s="593"/>
      <c r="JE6" s="593"/>
      <c r="JF6" s="601"/>
      <c r="JG6" s="665"/>
      <c r="JH6" s="666"/>
      <c r="JI6" s="666"/>
      <c r="JJ6" s="666"/>
      <c r="JK6" s="666"/>
      <c r="JL6" s="666"/>
      <c r="JM6" s="666"/>
      <c r="JN6" s="666"/>
      <c r="JO6" s="666"/>
      <c r="JP6" s="666"/>
      <c r="JQ6" s="667"/>
      <c r="JR6" s="600"/>
      <c r="JS6" s="593"/>
      <c r="JT6" s="593"/>
      <c r="JU6" s="593"/>
      <c r="JV6" s="593"/>
      <c r="JW6" s="593"/>
      <c r="JX6" s="593"/>
      <c r="JY6" s="593"/>
      <c r="JZ6" s="593"/>
      <c r="KA6" s="593"/>
      <c r="KB6" s="601"/>
      <c r="KC6" s="600"/>
      <c r="KD6" s="593"/>
      <c r="KE6" s="593"/>
      <c r="KF6" s="593"/>
      <c r="KG6" s="593"/>
      <c r="KH6" s="593"/>
      <c r="KI6" s="593"/>
      <c r="KJ6" s="593"/>
      <c r="KK6" s="593"/>
      <c r="KL6" s="593"/>
      <c r="KM6" s="601"/>
      <c r="KN6" s="600"/>
      <c r="KO6" s="593"/>
      <c r="KP6" s="593"/>
      <c r="KQ6" s="593"/>
      <c r="KR6" s="593"/>
      <c r="KS6" s="593"/>
      <c r="KT6" s="593"/>
      <c r="KU6" s="593"/>
      <c r="KV6" s="593"/>
      <c r="KW6" s="593"/>
      <c r="KX6" s="601"/>
      <c r="KY6" s="600"/>
      <c r="KZ6" s="593"/>
      <c r="LA6" s="593"/>
      <c r="LB6" s="593"/>
      <c r="LC6" s="593"/>
      <c r="LD6" s="593"/>
      <c r="LE6" s="593"/>
      <c r="LF6" s="593"/>
      <c r="LG6" s="593"/>
      <c r="LH6" s="593"/>
      <c r="LI6" s="601"/>
      <c r="LJ6" s="612"/>
      <c r="LK6" s="613"/>
      <c r="LL6" s="613"/>
      <c r="LM6" s="613"/>
      <c r="LN6" s="613"/>
      <c r="LO6" s="613"/>
      <c r="LP6" s="613"/>
      <c r="LQ6" s="613"/>
      <c r="LR6" s="613"/>
      <c r="LS6" s="613"/>
      <c r="LT6" s="614"/>
      <c r="LU6" s="674"/>
      <c r="LV6" s="675"/>
      <c r="LW6" s="675"/>
      <c r="LX6" s="675"/>
      <c r="LY6" s="675"/>
      <c r="LZ6" s="675"/>
      <c r="MA6" s="675"/>
      <c r="MB6" s="675"/>
      <c r="MC6" s="675"/>
      <c r="MD6" s="675"/>
      <c r="ME6" s="676"/>
      <c r="MF6" s="612"/>
      <c r="MG6" s="613"/>
      <c r="MH6" s="613"/>
      <c r="MI6" s="613"/>
      <c r="MJ6" s="613"/>
      <c r="MK6" s="613"/>
      <c r="ML6" s="613"/>
      <c r="MM6" s="613"/>
      <c r="MN6" s="613"/>
      <c r="MO6" s="613"/>
      <c r="MP6" s="614"/>
      <c r="MQ6" s="600"/>
      <c r="MR6" s="593"/>
      <c r="MS6" s="593"/>
      <c r="MT6" s="593"/>
      <c r="MU6" s="593"/>
      <c r="MV6" s="593"/>
      <c r="MW6" s="593"/>
      <c r="MX6" s="593"/>
      <c r="MY6" s="593"/>
      <c r="MZ6" s="593"/>
      <c r="NA6" s="601"/>
      <c r="NB6" s="600"/>
      <c r="NC6" s="593"/>
      <c r="ND6" s="593"/>
      <c r="NE6" s="593"/>
      <c r="NF6" s="593"/>
      <c r="NG6" s="593"/>
      <c r="NH6" s="593"/>
      <c r="NI6" s="593"/>
      <c r="NJ6" s="593"/>
      <c r="NK6" s="593"/>
      <c r="NL6" s="601"/>
      <c r="NM6" s="600"/>
      <c r="NN6" s="593"/>
      <c r="NO6" s="593"/>
      <c r="NP6" s="593"/>
      <c r="NQ6" s="593"/>
      <c r="NR6" s="593"/>
      <c r="NS6" s="593"/>
      <c r="NT6" s="593"/>
      <c r="NU6" s="593"/>
      <c r="NV6" s="593"/>
      <c r="NW6" s="601"/>
      <c r="NX6" s="652"/>
      <c r="NY6" s="653"/>
      <c r="NZ6" s="653"/>
      <c r="OA6" s="653"/>
      <c r="OB6" s="653"/>
      <c r="OC6" s="653"/>
      <c r="OD6" s="653"/>
      <c r="OE6" s="653"/>
      <c r="OF6" s="653"/>
      <c r="OG6" s="653"/>
      <c r="OH6" s="654"/>
      <c r="OI6" s="600"/>
      <c r="OJ6" s="593"/>
      <c r="OK6" s="593"/>
      <c r="OL6" s="593"/>
      <c r="OM6" s="593"/>
      <c r="ON6" s="593"/>
      <c r="OO6" s="593"/>
      <c r="OP6" s="593"/>
      <c r="OQ6" s="593"/>
      <c r="OR6" s="593"/>
      <c r="OS6" s="601"/>
    </row>
    <row r="7" spans="1:409" ht="23.25" customHeight="1" x14ac:dyDescent="0.2">
      <c r="B7" s="707"/>
      <c r="C7" s="692" t="s">
        <v>61</v>
      </c>
      <c r="D7" s="692"/>
      <c r="E7" s="692"/>
      <c r="F7" s="704" t="s">
        <v>62</v>
      </c>
      <c r="G7" s="692"/>
      <c r="H7" s="692"/>
      <c r="I7" s="692"/>
      <c r="J7" s="692"/>
      <c r="K7" s="692"/>
      <c r="L7" s="692"/>
      <c r="M7" s="704" t="s">
        <v>52</v>
      </c>
      <c r="N7" s="703" t="s">
        <v>61</v>
      </c>
      <c r="O7" s="692"/>
      <c r="P7" s="692"/>
      <c r="Q7" s="704" t="s">
        <v>62</v>
      </c>
      <c r="R7" s="692"/>
      <c r="S7" s="692"/>
      <c r="T7" s="692"/>
      <c r="U7" s="692"/>
      <c r="V7" s="692"/>
      <c r="W7" s="705"/>
      <c r="X7" s="700" t="s">
        <v>52</v>
      </c>
      <c r="Y7" s="512" t="s">
        <v>61</v>
      </c>
      <c r="Z7" s="513"/>
      <c r="AA7" s="686"/>
      <c r="AB7" s="685" t="s">
        <v>62</v>
      </c>
      <c r="AC7" s="513"/>
      <c r="AD7" s="513"/>
      <c r="AE7" s="513"/>
      <c r="AF7" s="513"/>
      <c r="AG7" s="513"/>
      <c r="AH7" s="686"/>
      <c r="AI7" s="514" t="s">
        <v>52</v>
      </c>
      <c r="AJ7" s="680" t="s">
        <v>61</v>
      </c>
      <c r="AK7" s="681"/>
      <c r="AL7" s="682"/>
      <c r="AM7" s="683" t="s">
        <v>62</v>
      </c>
      <c r="AN7" s="681"/>
      <c r="AO7" s="681"/>
      <c r="AP7" s="681"/>
      <c r="AQ7" s="681"/>
      <c r="AR7" s="681"/>
      <c r="AS7" s="684"/>
      <c r="AT7" s="514" t="s">
        <v>52</v>
      </c>
      <c r="AU7" s="680" t="s">
        <v>61</v>
      </c>
      <c r="AV7" s="681"/>
      <c r="AW7" s="682"/>
      <c r="AX7" s="683" t="s">
        <v>62</v>
      </c>
      <c r="AY7" s="681"/>
      <c r="AZ7" s="681"/>
      <c r="BA7" s="681"/>
      <c r="BB7" s="681"/>
      <c r="BC7" s="681"/>
      <c r="BD7" s="684"/>
      <c r="BE7" s="514" t="s">
        <v>52</v>
      </c>
      <c r="BF7" s="680" t="s">
        <v>61</v>
      </c>
      <c r="BG7" s="681"/>
      <c r="BH7" s="682"/>
      <c r="BI7" s="683" t="s">
        <v>62</v>
      </c>
      <c r="BJ7" s="681"/>
      <c r="BK7" s="681"/>
      <c r="BL7" s="681"/>
      <c r="BM7" s="681"/>
      <c r="BN7" s="681"/>
      <c r="BO7" s="684"/>
      <c r="BP7" s="514" t="s">
        <v>52</v>
      </c>
      <c r="BQ7" s="680" t="s">
        <v>61</v>
      </c>
      <c r="BR7" s="681"/>
      <c r="BS7" s="682"/>
      <c r="BT7" s="683" t="s">
        <v>62</v>
      </c>
      <c r="BU7" s="681"/>
      <c r="BV7" s="681"/>
      <c r="BW7" s="681"/>
      <c r="BX7" s="681"/>
      <c r="BY7" s="681"/>
      <c r="BZ7" s="684"/>
      <c r="CA7" s="514" t="s">
        <v>52</v>
      </c>
      <c r="CB7" s="687" t="s">
        <v>61</v>
      </c>
      <c r="CC7" s="688"/>
      <c r="CD7" s="689"/>
      <c r="CE7" s="690" t="s">
        <v>62</v>
      </c>
      <c r="CF7" s="688"/>
      <c r="CG7" s="688"/>
      <c r="CH7" s="688"/>
      <c r="CI7" s="688"/>
      <c r="CJ7" s="688"/>
      <c r="CK7" s="691"/>
      <c r="CL7" s="700" t="s">
        <v>52</v>
      </c>
      <c r="CM7" s="680" t="s">
        <v>61</v>
      </c>
      <c r="CN7" s="681"/>
      <c r="CO7" s="684"/>
      <c r="CP7" s="683" t="s">
        <v>62</v>
      </c>
      <c r="CQ7" s="681"/>
      <c r="CR7" s="681"/>
      <c r="CS7" s="681"/>
      <c r="CT7" s="681"/>
      <c r="CU7" s="681"/>
      <c r="CV7" s="684"/>
      <c r="CW7" s="702" t="s">
        <v>52</v>
      </c>
      <c r="CX7" s="680" t="s">
        <v>61</v>
      </c>
      <c r="CY7" s="681"/>
      <c r="CZ7" s="684"/>
      <c r="DA7" s="683" t="s">
        <v>62</v>
      </c>
      <c r="DB7" s="681"/>
      <c r="DC7" s="681"/>
      <c r="DD7" s="681"/>
      <c r="DE7" s="681"/>
      <c r="DF7" s="681"/>
      <c r="DG7" s="684"/>
      <c r="DH7" s="702" t="s">
        <v>52</v>
      </c>
      <c r="DI7" s="687" t="s">
        <v>61</v>
      </c>
      <c r="DJ7" s="688"/>
      <c r="DK7" s="691"/>
      <c r="DL7" s="690" t="s">
        <v>62</v>
      </c>
      <c r="DM7" s="688"/>
      <c r="DN7" s="688"/>
      <c r="DO7" s="688"/>
      <c r="DP7" s="688"/>
      <c r="DQ7" s="688"/>
      <c r="DR7" s="691"/>
      <c r="DS7" s="700" t="s">
        <v>52</v>
      </c>
      <c r="DT7" s="680" t="s">
        <v>61</v>
      </c>
      <c r="DU7" s="681"/>
      <c r="DV7" s="682"/>
      <c r="DW7" s="683" t="s">
        <v>62</v>
      </c>
      <c r="DX7" s="681"/>
      <c r="DY7" s="681"/>
      <c r="DZ7" s="681"/>
      <c r="EA7" s="681"/>
      <c r="EB7" s="681"/>
      <c r="EC7" s="684"/>
      <c r="ED7" s="514" t="s">
        <v>52</v>
      </c>
      <c r="EE7" s="680" t="s">
        <v>61</v>
      </c>
      <c r="EF7" s="681"/>
      <c r="EG7" s="682"/>
      <c r="EH7" s="683" t="s">
        <v>62</v>
      </c>
      <c r="EI7" s="681"/>
      <c r="EJ7" s="681"/>
      <c r="EK7" s="681"/>
      <c r="EL7" s="681"/>
      <c r="EM7" s="681"/>
      <c r="EN7" s="684"/>
      <c r="EO7" s="514" t="s">
        <v>52</v>
      </c>
      <c r="EP7" s="680" t="s">
        <v>61</v>
      </c>
      <c r="EQ7" s="681"/>
      <c r="ER7" s="682"/>
      <c r="ES7" s="683" t="s">
        <v>62</v>
      </c>
      <c r="ET7" s="681"/>
      <c r="EU7" s="681"/>
      <c r="EV7" s="681"/>
      <c r="EW7" s="681"/>
      <c r="EX7" s="681"/>
      <c r="EY7" s="684"/>
      <c r="EZ7" s="514" t="s">
        <v>52</v>
      </c>
      <c r="FA7" s="680" t="s">
        <v>61</v>
      </c>
      <c r="FB7" s="681"/>
      <c r="FC7" s="682"/>
      <c r="FD7" s="683" t="s">
        <v>62</v>
      </c>
      <c r="FE7" s="681"/>
      <c r="FF7" s="681"/>
      <c r="FG7" s="681"/>
      <c r="FH7" s="681"/>
      <c r="FI7" s="681"/>
      <c r="FJ7" s="684"/>
      <c r="FK7" s="514" t="s">
        <v>52</v>
      </c>
      <c r="FL7" s="687" t="s">
        <v>61</v>
      </c>
      <c r="FM7" s="688"/>
      <c r="FN7" s="689"/>
      <c r="FO7" s="690" t="s">
        <v>62</v>
      </c>
      <c r="FP7" s="688"/>
      <c r="FQ7" s="688"/>
      <c r="FR7" s="688"/>
      <c r="FS7" s="688"/>
      <c r="FT7" s="688"/>
      <c r="FU7" s="691"/>
      <c r="FV7" s="692" t="s">
        <v>52</v>
      </c>
      <c r="FW7" s="680" t="s">
        <v>61</v>
      </c>
      <c r="FX7" s="681"/>
      <c r="FY7" s="682"/>
      <c r="FZ7" s="683" t="s">
        <v>62</v>
      </c>
      <c r="GA7" s="681"/>
      <c r="GB7" s="681"/>
      <c r="GC7" s="681"/>
      <c r="GD7" s="681"/>
      <c r="GE7" s="681"/>
      <c r="GF7" s="684"/>
      <c r="GG7" s="514" t="s">
        <v>52</v>
      </c>
      <c r="GH7" s="512" t="s">
        <v>61</v>
      </c>
      <c r="GI7" s="513"/>
      <c r="GJ7" s="513"/>
      <c r="GK7" s="685" t="s">
        <v>62</v>
      </c>
      <c r="GL7" s="513"/>
      <c r="GM7" s="513"/>
      <c r="GN7" s="513"/>
      <c r="GO7" s="513"/>
      <c r="GP7" s="513"/>
      <c r="GQ7" s="686"/>
      <c r="GR7" s="678" t="s">
        <v>52</v>
      </c>
      <c r="GS7" s="512" t="s">
        <v>61</v>
      </c>
      <c r="GT7" s="513"/>
      <c r="GU7" s="686"/>
      <c r="GV7" s="685" t="s">
        <v>62</v>
      </c>
      <c r="GW7" s="513"/>
      <c r="GX7" s="513"/>
      <c r="GY7" s="513"/>
      <c r="GZ7" s="513"/>
      <c r="HA7" s="513"/>
      <c r="HB7" s="686"/>
      <c r="HC7" s="678" t="s">
        <v>52</v>
      </c>
      <c r="HD7" s="680" t="s">
        <v>61</v>
      </c>
      <c r="HE7" s="681"/>
      <c r="HF7" s="682"/>
      <c r="HG7" s="683" t="s">
        <v>62</v>
      </c>
      <c r="HH7" s="681"/>
      <c r="HI7" s="681"/>
      <c r="HJ7" s="681"/>
      <c r="HK7" s="681"/>
      <c r="HL7" s="681"/>
      <c r="HM7" s="684"/>
      <c r="HN7" s="514" t="s">
        <v>52</v>
      </c>
      <c r="HO7" s="680" t="s">
        <v>61</v>
      </c>
      <c r="HP7" s="681"/>
      <c r="HQ7" s="682"/>
      <c r="HR7" s="683" t="s">
        <v>62</v>
      </c>
      <c r="HS7" s="681"/>
      <c r="HT7" s="681"/>
      <c r="HU7" s="681"/>
      <c r="HV7" s="681"/>
      <c r="HW7" s="681"/>
      <c r="HX7" s="684"/>
      <c r="HY7" s="514" t="s">
        <v>52</v>
      </c>
      <c r="HZ7" s="581" t="s">
        <v>61</v>
      </c>
      <c r="IA7" s="582"/>
      <c r="IB7" s="583"/>
      <c r="IC7" s="640" t="s">
        <v>62</v>
      </c>
      <c r="ID7" s="582"/>
      <c r="IE7" s="582"/>
      <c r="IF7" s="582"/>
      <c r="IG7" s="582"/>
      <c r="IH7" s="582"/>
      <c r="II7" s="641"/>
      <c r="IJ7" s="585" t="s">
        <v>52</v>
      </c>
      <c r="IK7" s="589" t="s">
        <v>61</v>
      </c>
      <c r="IL7" s="590"/>
      <c r="IM7" s="591"/>
      <c r="IN7" s="638" t="s">
        <v>62</v>
      </c>
      <c r="IO7" s="590"/>
      <c r="IP7" s="590"/>
      <c r="IQ7" s="590"/>
      <c r="IR7" s="590"/>
      <c r="IS7" s="590"/>
      <c r="IT7" s="639"/>
      <c r="IU7" s="601" t="s">
        <v>52</v>
      </c>
      <c r="IV7" s="589" t="s">
        <v>61</v>
      </c>
      <c r="IW7" s="590"/>
      <c r="IX7" s="639"/>
      <c r="IY7" s="638" t="s">
        <v>62</v>
      </c>
      <c r="IZ7" s="590"/>
      <c r="JA7" s="590"/>
      <c r="JB7" s="590"/>
      <c r="JC7" s="590"/>
      <c r="JD7" s="590"/>
      <c r="JE7" s="639"/>
      <c r="JF7" s="601" t="s">
        <v>52</v>
      </c>
      <c r="JG7" s="589" t="s">
        <v>61</v>
      </c>
      <c r="JH7" s="590"/>
      <c r="JI7" s="591"/>
      <c r="JJ7" s="638" t="s">
        <v>62</v>
      </c>
      <c r="JK7" s="590"/>
      <c r="JL7" s="590"/>
      <c r="JM7" s="590"/>
      <c r="JN7" s="590"/>
      <c r="JO7" s="590"/>
      <c r="JP7" s="639"/>
      <c r="JQ7" s="647" t="s">
        <v>52</v>
      </c>
      <c r="JR7" s="589" t="s">
        <v>61</v>
      </c>
      <c r="JS7" s="590"/>
      <c r="JT7" s="591"/>
      <c r="JU7" s="638" t="s">
        <v>62</v>
      </c>
      <c r="JV7" s="590"/>
      <c r="JW7" s="590"/>
      <c r="JX7" s="590"/>
      <c r="JY7" s="590"/>
      <c r="JZ7" s="590"/>
      <c r="KA7" s="639"/>
      <c r="KB7" s="647" t="s">
        <v>52</v>
      </c>
      <c r="KC7" s="589" t="s">
        <v>61</v>
      </c>
      <c r="KD7" s="590"/>
      <c r="KE7" s="591"/>
      <c r="KF7" s="638" t="s">
        <v>62</v>
      </c>
      <c r="KG7" s="590"/>
      <c r="KH7" s="590"/>
      <c r="KI7" s="590"/>
      <c r="KJ7" s="590"/>
      <c r="KK7" s="590"/>
      <c r="KL7" s="639"/>
      <c r="KM7" s="647" t="s">
        <v>52</v>
      </c>
      <c r="KN7" s="589" t="s">
        <v>61</v>
      </c>
      <c r="KO7" s="590"/>
      <c r="KP7" s="591"/>
      <c r="KQ7" s="638" t="s">
        <v>62</v>
      </c>
      <c r="KR7" s="590"/>
      <c r="KS7" s="590"/>
      <c r="KT7" s="590"/>
      <c r="KU7" s="590"/>
      <c r="KV7" s="590"/>
      <c r="KW7" s="639"/>
      <c r="KX7" s="647" t="s">
        <v>52</v>
      </c>
      <c r="KY7" s="589" t="s">
        <v>61</v>
      </c>
      <c r="KZ7" s="590"/>
      <c r="LA7" s="591"/>
      <c r="LB7" s="638" t="s">
        <v>62</v>
      </c>
      <c r="LC7" s="590"/>
      <c r="LD7" s="590"/>
      <c r="LE7" s="590"/>
      <c r="LF7" s="590"/>
      <c r="LG7" s="590"/>
      <c r="LH7" s="639"/>
      <c r="LI7" s="647" t="s">
        <v>52</v>
      </c>
      <c r="LJ7" s="589" t="s">
        <v>61</v>
      </c>
      <c r="LK7" s="590"/>
      <c r="LL7" s="591"/>
      <c r="LM7" s="638" t="s">
        <v>62</v>
      </c>
      <c r="LN7" s="590"/>
      <c r="LO7" s="590"/>
      <c r="LP7" s="590"/>
      <c r="LQ7" s="590"/>
      <c r="LR7" s="590"/>
      <c r="LS7" s="639"/>
      <c r="LT7" s="647" t="s">
        <v>52</v>
      </c>
      <c r="LU7" s="589" t="s">
        <v>61</v>
      </c>
      <c r="LV7" s="590"/>
      <c r="LW7" s="591"/>
      <c r="LX7" s="638" t="s">
        <v>62</v>
      </c>
      <c r="LY7" s="590"/>
      <c r="LZ7" s="590"/>
      <c r="MA7" s="590"/>
      <c r="MB7" s="590"/>
      <c r="MC7" s="590"/>
      <c r="MD7" s="639"/>
      <c r="ME7" s="647" t="s">
        <v>52</v>
      </c>
      <c r="MF7" s="581" t="s">
        <v>61</v>
      </c>
      <c r="MG7" s="582"/>
      <c r="MH7" s="583"/>
      <c r="MI7" s="640" t="s">
        <v>62</v>
      </c>
      <c r="MJ7" s="582"/>
      <c r="MK7" s="582"/>
      <c r="ML7" s="582"/>
      <c r="MM7" s="582"/>
      <c r="MN7" s="582"/>
      <c r="MO7" s="641"/>
      <c r="MP7" s="634" t="s">
        <v>52</v>
      </c>
      <c r="MQ7" s="589" t="s">
        <v>61</v>
      </c>
      <c r="MR7" s="590"/>
      <c r="MS7" s="591"/>
      <c r="MT7" s="638" t="s">
        <v>62</v>
      </c>
      <c r="MU7" s="590"/>
      <c r="MV7" s="590"/>
      <c r="MW7" s="590"/>
      <c r="MX7" s="590"/>
      <c r="MY7" s="590"/>
      <c r="MZ7" s="639"/>
      <c r="NA7" s="647" t="s">
        <v>52</v>
      </c>
      <c r="NB7" s="589" t="s">
        <v>61</v>
      </c>
      <c r="NC7" s="590"/>
      <c r="ND7" s="591"/>
      <c r="NE7" s="638" t="s">
        <v>62</v>
      </c>
      <c r="NF7" s="590"/>
      <c r="NG7" s="590"/>
      <c r="NH7" s="590"/>
      <c r="NI7" s="590"/>
      <c r="NJ7" s="590"/>
      <c r="NK7" s="639"/>
      <c r="NL7" s="647" t="s">
        <v>52</v>
      </c>
      <c r="NM7" s="589" t="s">
        <v>61</v>
      </c>
      <c r="NN7" s="590"/>
      <c r="NO7" s="591"/>
      <c r="NP7" s="638" t="s">
        <v>62</v>
      </c>
      <c r="NQ7" s="590"/>
      <c r="NR7" s="590"/>
      <c r="NS7" s="590"/>
      <c r="NT7" s="590"/>
      <c r="NU7" s="590"/>
      <c r="NV7" s="639"/>
      <c r="NW7" s="647" t="s">
        <v>52</v>
      </c>
      <c r="NX7" s="589" t="s">
        <v>61</v>
      </c>
      <c r="NY7" s="590"/>
      <c r="NZ7" s="591"/>
      <c r="OA7" s="638" t="s">
        <v>62</v>
      </c>
      <c r="OB7" s="590"/>
      <c r="OC7" s="590"/>
      <c r="OD7" s="590"/>
      <c r="OE7" s="590"/>
      <c r="OF7" s="590"/>
      <c r="OG7" s="639"/>
      <c r="OH7" s="647" t="s">
        <v>52</v>
      </c>
      <c r="OI7" s="581" t="s">
        <v>61</v>
      </c>
      <c r="OJ7" s="582"/>
      <c r="OK7" s="583"/>
      <c r="OL7" s="640" t="s">
        <v>62</v>
      </c>
      <c r="OM7" s="582"/>
      <c r="ON7" s="582"/>
      <c r="OO7" s="582"/>
      <c r="OP7" s="582"/>
      <c r="OQ7" s="582"/>
      <c r="OR7" s="641"/>
      <c r="OS7" s="634" t="s">
        <v>52</v>
      </c>
    </row>
    <row r="8" spans="1:409" ht="28.5" customHeight="1" thickBot="1" x14ac:dyDescent="0.25">
      <c r="B8" s="708"/>
      <c r="C8" s="326" t="s">
        <v>43</v>
      </c>
      <c r="D8" s="47" t="s">
        <v>44</v>
      </c>
      <c r="E8" s="327" t="s">
        <v>45</v>
      </c>
      <c r="F8" s="52" t="s">
        <v>83</v>
      </c>
      <c r="G8" s="47" t="s">
        <v>47</v>
      </c>
      <c r="H8" s="47" t="s">
        <v>48</v>
      </c>
      <c r="I8" s="47" t="s">
        <v>49</v>
      </c>
      <c r="J8" s="47" t="s">
        <v>50</v>
      </c>
      <c r="K8" s="47" t="s">
        <v>51</v>
      </c>
      <c r="L8" s="48" t="s">
        <v>45</v>
      </c>
      <c r="M8" s="724"/>
      <c r="N8" s="51" t="s">
        <v>43</v>
      </c>
      <c r="O8" s="47" t="s">
        <v>44</v>
      </c>
      <c r="P8" s="48" t="s">
        <v>45</v>
      </c>
      <c r="Q8" s="52" t="s">
        <v>83</v>
      </c>
      <c r="R8" s="47" t="s">
        <v>47</v>
      </c>
      <c r="S8" s="47" t="s">
        <v>48</v>
      </c>
      <c r="T8" s="47" t="s">
        <v>49</v>
      </c>
      <c r="U8" s="47" t="s">
        <v>50</v>
      </c>
      <c r="V8" s="47" t="s">
        <v>51</v>
      </c>
      <c r="W8" s="48" t="s">
        <v>45</v>
      </c>
      <c r="X8" s="701"/>
      <c r="Y8" s="51" t="s">
        <v>43</v>
      </c>
      <c r="Z8" s="47" t="s">
        <v>44</v>
      </c>
      <c r="AA8" s="48" t="s">
        <v>45</v>
      </c>
      <c r="AB8" s="52" t="s">
        <v>83</v>
      </c>
      <c r="AC8" s="47" t="s">
        <v>47</v>
      </c>
      <c r="AD8" s="47" t="s">
        <v>48</v>
      </c>
      <c r="AE8" s="47" t="s">
        <v>49</v>
      </c>
      <c r="AF8" s="47" t="s">
        <v>50</v>
      </c>
      <c r="AG8" s="47" t="s">
        <v>51</v>
      </c>
      <c r="AH8" s="48" t="s">
        <v>45</v>
      </c>
      <c r="AI8" s="677"/>
      <c r="AJ8" s="51" t="s">
        <v>43</v>
      </c>
      <c r="AK8" s="47" t="s">
        <v>44</v>
      </c>
      <c r="AL8" s="327" t="s">
        <v>45</v>
      </c>
      <c r="AM8" s="52" t="s">
        <v>83</v>
      </c>
      <c r="AN8" s="47" t="s">
        <v>47</v>
      </c>
      <c r="AO8" s="47" t="s">
        <v>48</v>
      </c>
      <c r="AP8" s="47" t="s">
        <v>49</v>
      </c>
      <c r="AQ8" s="47" t="s">
        <v>50</v>
      </c>
      <c r="AR8" s="47" t="s">
        <v>51</v>
      </c>
      <c r="AS8" s="48" t="s">
        <v>45</v>
      </c>
      <c r="AT8" s="677"/>
      <c r="AU8" s="51" t="s">
        <v>43</v>
      </c>
      <c r="AV8" s="47" t="s">
        <v>44</v>
      </c>
      <c r="AW8" s="327" t="s">
        <v>45</v>
      </c>
      <c r="AX8" s="52" t="s">
        <v>83</v>
      </c>
      <c r="AY8" s="47" t="s">
        <v>47</v>
      </c>
      <c r="AZ8" s="47" t="s">
        <v>48</v>
      </c>
      <c r="BA8" s="47" t="s">
        <v>49</v>
      </c>
      <c r="BB8" s="47" t="s">
        <v>50</v>
      </c>
      <c r="BC8" s="47" t="s">
        <v>51</v>
      </c>
      <c r="BD8" s="48" t="s">
        <v>45</v>
      </c>
      <c r="BE8" s="677"/>
      <c r="BF8" s="328" t="s">
        <v>43</v>
      </c>
      <c r="BG8" s="47" t="s">
        <v>44</v>
      </c>
      <c r="BH8" s="327" t="s">
        <v>45</v>
      </c>
      <c r="BI8" s="52" t="s">
        <v>83</v>
      </c>
      <c r="BJ8" s="47" t="s">
        <v>47</v>
      </c>
      <c r="BK8" s="47" t="s">
        <v>48</v>
      </c>
      <c r="BL8" s="47" t="s">
        <v>49</v>
      </c>
      <c r="BM8" s="47" t="s">
        <v>50</v>
      </c>
      <c r="BN8" s="47" t="s">
        <v>51</v>
      </c>
      <c r="BO8" s="48" t="s">
        <v>45</v>
      </c>
      <c r="BP8" s="677"/>
      <c r="BQ8" s="51" t="s">
        <v>43</v>
      </c>
      <c r="BR8" s="47" t="s">
        <v>44</v>
      </c>
      <c r="BS8" s="327" t="s">
        <v>45</v>
      </c>
      <c r="BT8" s="52" t="s">
        <v>83</v>
      </c>
      <c r="BU8" s="47" t="s">
        <v>47</v>
      </c>
      <c r="BV8" s="47" t="s">
        <v>48</v>
      </c>
      <c r="BW8" s="47" t="s">
        <v>49</v>
      </c>
      <c r="BX8" s="47" t="s">
        <v>50</v>
      </c>
      <c r="BY8" s="47" t="s">
        <v>51</v>
      </c>
      <c r="BZ8" s="48" t="s">
        <v>45</v>
      </c>
      <c r="CA8" s="677"/>
      <c r="CB8" s="51" t="s">
        <v>43</v>
      </c>
      <c r="CC8" s="47" t="s">
        <v>44</v>
      </c>
      <c r="CD8" s="327" t="s">
        <v>45</v>
      </c>
      <c r="CE8" s="52" t="s">
        <v>83</v>
      </c>
      <c r="CF8" s="47" t="s">
        <v>47</v>
      </c>
      <c r="CG8" s="47" t="s">
        <v>48</v>
      </c>
      <c r="CH8" s="47" t="s">
        <v>49</v>
      </c>
      <c r="CI8" s="47" t="s">
        <v>50</v>
      </c>
      <c r="CJ8" s="47" t="s">
        <v>51</v>
      </c>
      <c r="CK8" s="48" t="s">
        <v>45</v>
      </c>
      <c r="CL8" s="701"/>
      <c r="CM8" s="51" t="s">
        <v>43</v>
      </c>
      <c r="CN8" s="47" t="s">
        <v>44</v>
      </c>
      <c r="CO8" s="48" t="s">
        <v>45</v>
      </c>
      <c r="CP8" s="52" t="s">
        <v>83</v>
      </c>
      <c r="CQ8" s="47" t="s">
        <v>47</v>
      </c>
      <c r="CR8" s="47" t="s">
        <v>48</v>
      </c>
      <c r="CS8" s="47" t="s">
        <v>49</v>
      </c>
      <c r="CT8" s="47" t="s">
        <v>50</v>
      </c>
      <c r="CU8" s="47" t="s">
        <v>51</v>
      </c>
      <c r="CV8" s="48" t="s">
        <v>45</v>
      </c>
      <c r="CW8" s="701"/>
      <c r="CX8" s="51" t="s">
        <v>43</v>
      </c>
      <c r="CY8" s="47" t="s">
        <v>44</v>
      </c>
      <c r="CZ8" s="48" t="s">
        <v>45</v>
      </c>
      <c r="DA8" s="52" t="s">
        <v>83</v>
      </c>
      <c r="DB8" s="47" t="s">
        <v>47</v>
      </c>
      <c r="DC8" s="47" t="s">
        <v>48</v>
      </c>
      <c r="DD8" s="47" t="s">
        <v>49</v>
      </c>
      <c r="DE8" s="47" t="s">
        <v>50</v>
      </c>
      <c r="DF8" s="47" t="s">
        <v>51</v>
      </c>
      <c r="DG8" s="48" t="s">
        <v>45</v>
      </c>
      <c r="DH8" s="701"/>
      <c r="DI8" s="51" t="s">
        <v>43</v>
      </c>
      <c r="DJ8" s="47" t="s">
        <v>44</v>
      </c>
      <c r="DK8" s="48" t="s">
        <v>45</v>
      </c>
      <c r="DL8" s="52" t="s">
        <v>83</v>
      </c>
      <c r="DM8" s="47" t="s">
        <v>47</v>
      </c>
      <c r="DN8" s="47" t="s">
        <v>48</v>
      </c>
      <c r="DO8" s="47" t="s">
        <v>49</v>
      </c>
      <c r="DP8" s="47" t="s">
        <v>50</v>
      </c>
      <c r="DQ8" s="47" t="s">
        <v>51</v>
      </c>
      <c r="DR8" s="48" t="s">
        <v>45</v>
      </c>
      <c r="DS8" s="701"/>
      <c r="DT8" s="51" t="s">
        <v>43</v>
      </c>
      <c r="DU8" s="47" t="s">
        <v>44</v>
      </c>
      <c r="DV8" s="327" t="s">
        <v>45</v>
      </c>
      <c r="DW8" s="52" t="s">
        <v>83</v>
      </c>
      <c r="DX8" s="47" t="s">
        <v>47</v>
      </c>
      <c r="DY8" s="47" t="s">
        <v>48</v>
      </c>
      <c r="DZ8" s="47" t="s">
        <v>49</v>
      </c>
      <c r="EA8" s="47" t="s">
        <v>50</v>
      </c>
      <c r="EB8" s="47" t="s">
        <v>51</v>
      </c>
      <c r="EC8" s="48" t="s">
        <v>45</v>
      </c>
      <c r="ED8" s="677"/>
      <c r="EE8" s="51" t="s">
        <v>43</v>
      </c>
      <c r="EF8" s="47" t="s">
        <v>44</v>
      </c>
      <c r="EG8" s="327" t="s">
        <v>45</v>
      </c>
      <c r="EH8" s="52" t="s">
        <v>83</v>
      </c>
      <c r="EI8" s="47" t="s">
        <v>47</v>
      </c>
      <c r="EJ8" s="47" t="s">
        <v>48</v>
      </c>
      <c r="EK8" s="47" t="s">
        <v>49</v>
      </c>
      <c r="EL8" s="47" t="s">
        <v>50</v>
      </c>
      <c r="EM8" s="47" t="s">
        <v>51</v>
      </c>
      <c r="EN8" s="48" t="s">
        <v>45</v>
      </c>
      <c r="EO8" s="677"/>
      <c r="EP8" s="51" t="s">
        <v>43</v>
      </c>
      <c r="EQ8" s="47" t="s">
        <v>44</v>
      </c>
      <c r="ER8" s="327" t="s">
        <v>45</v>
      </c>
      <c r="ES8" s="52" t="s">
        <v>83</v>
      </c>
      <c r="ET8" s="47" t="s">
        <v>47</v>
      </c>
      <c r="EU8" s="47" t="s">
        <v>48</v>
      </c>
      <c r="EV8" s="47" t="s">
        <v>49</v>
      </c>
      <c r="EW8" s="47" t="s">
        <v>50</v>
      </c>
      <c r="EX8" s="47" t="s">
        <v>51</v>
      </c>
      <c r="EY8" s="48" t="s">
        <v>45</v>
      </c>
      <c r="EZ8" s="677"/>
      <c r="FA8" s="51" t="s">
        <v>43</v>
      </c>
      <c r="FB8" s="47" t="s">
        <v>44</v>
      </c>
      <c r="FC8" s="327" t="s">
        <v>45</v>
      </c>
      <c r="FD8" s="52" t="s">
        <v>83</v>
      </c>
      <c r="FE8" s="47" t="s">
        <v>47</v>
      </c>
      <c r="FF8" s="47" t="s">
        <v>48</v>
      </c>
      <c r="FG8" s="47" t="s">
        <v>49</v>
      </c>
      <c r="FH8" s="47" t="s">
        <v>50</v>
      </c>
      <c r="FI8" s="47" t="s">
        <v>51</v>
      </c>
      <c r="FJ8" s="48" t="s">
        <v>45</v>
      </c>
      <c r="FK8" s="677"/>
      <c r="FL8" s="51" t="s">
        <v>43</v>
      </c>
      <c r="FM8" s="47" t="s">
        <v>44</v>
      </c>
      <c r="FN8" s="327" t="s">
        <v>45</v>
      </c>
      <c r="FO8" s="52" t="s">
        <v>83</v>
      </c>
      <c r="FP8" s="47" t="s">
        <v>47</v>
      </c>
      <c r="FQ8" s="47" t="s">
        <v>48</v>
      </c>
      <c r="FR8" s="47" t="s">
        <v>49</v>
      </c>
      <c r="FS8" s="47" t="s">
        <v>50</v>
      </c>
      <c r="FT8" s="47" t="s">
        <v>51</v>
      </c>
      <c r="FU8" s="48" t="s">
        <v>45</v>
      </c>
      <c r="FV8" s="693"/>
      <c r="FW8" s="51" t="s">
        <v>43</v>
      </c>
      <c r="FX8" s="47" t="s">
        <v>44</v>
      </c>
      <c r="FY8" s="327" t="s">
        <v>45</v>
      </c>
      <c r="FZ8" s="52" t="s">
        <v>83</v>
      </c>
      <c r="GA8" s="47" t="s">
        <v>47</v>
      </c>
      <c r="GB8" s="47" t="s">
        <v>48</v>
      </c>
      <c r="GC8" s="47" t="s">
        <v>49</v>
      </c>
      <c r="GD8" s="47" t="s">
        <v>50</v>
      </c>
      <c r="GE8" s="47" t="s">
        <v>51</v>
      </c>
      <c r="GF8" s="48" t="s">
        <v>45</v>
      </c>
      <c r="GG8" s="677"/>
      <c r="GH8" s="51" t="s">
        <v>43</v>
      </c>
      <c r="GI8" s="47" t="s">
        <v>44</v>
      </c>
      <c r="GJ8" s="327" t="s">
        <v>45</v>
      </c>
      <c r="GK8" s="52" t="s">
        <v>83</v>
      </c>
      <c r="GL8" s="47" t="s">
        <v>47</v>
      </c>
      <c r="GM8" s="47" t="s">
        <v>48</v>
      </c>
      <c r="GN8" s="47" t="s">
        <v>49</v>
      </c>
      <c r="GO8" s="47" t="s">
        <v>50</v>
      </c>
      <c r="GP8" s="47" t="s">
        <v>51</v>
      </c>
      <c r="GQ8" s="48" t="s">
        <v>45</v>
      </c>
      <c r="GR8" s="679"/>
      <c r="GS8" s="51" t="s">
        <v>43</v>
      </c>
      <c r="GT8" s="47" t="s">
        <v>44</v>
      </c>
      <c r="GU8" s="327" t="s">
        <v>45</v>
      </c>
      <c r="GV8" s="52" t="s">
        <v>83</v>
      </c>
      <c r="GW8" s="47" t="s">
        <v>47</v>
      </c>
      <c r="GX8" s="47" t="s">
        <v>48</v>
      </c>
      <c r="GY8" s="47" t="s">
        <v>49</v>
      </c>
      <c r="GZ8" s="47" t="s">
        <v>50</v>
      </c>
      <c r="HA8" s="47" t="s">
        <v>51</v>
      </c>
      <c r="HB8" s="48" t="s">
        <v>45</v>
      </c>
      <c r="HC8" s="679"/>
      <c r="HD8" s="51" t="s">
        <v>43</v>
      </c>
      <c r="HE8" s="47" t="s">
        <v>44</v>
      </c>
      <c r="HF8" s="327" t="s">
        <v>45</v>
      </c>
      <c r="HG8" s="52" t="s">
        <v>83</v>
      </c>
      <c r="HH8" s="47" t="s">
        <v>47</v>
      </c>
      <c r="HI8" s="47" t="s">
        <v>48</v>
      </c>
      <c r="HJ8" s="47" t="s">
        <v>49</v>
      </c>
      <c r="HK8" s="47" t="s">
        <v>50</v>
      </c>
      <c r="HL8" s="47" t="s">
        <v>51</v>
      </c>
      <c r="HM8" s="48" t="s">
        <v>45</v>
      </c>
      <c r="HN8" s="677"/>
      <c r="HO8" s="51" t="s">
        <v>43</v>
      </c>
      <c r="HP8" s="47" t="s">
        <v>44</v>
      </c>
      <c r="HQ8" s="327" t="s">
        <v>45</v>
      </c>
      <c r="HR8" s="52" t="s">
        <v>83</v>
      </c>
      <c r="HS8" s="47" t="s">
        <v>47</v>
      </c>
      <c r="HT8" s="47" t="s">
        <v>48</v>
      </c>
      <c r="HU8" s="47" t="s">
        <v>49</v>
      </c>
      <c r="HV8" s="47" t="s">
        <v>50</v>
      </c>
      <c r="HW8" s="47" t="s">
        <v>51</v>
      </c>
      <c r="HX8" s="48" t="s">
        <v>45</v>
      </c>
      <c r="HY8" s="677"/>
      <c r="HZ8" s="369" t="s">
        <v>43</v>
      </c>
      <c r="IA8" s="370" t="s">
        <v>44</v>
      </c>
      <c r="IB8" s="41" t="s">
        <v>45</v>
      </c>
      <c r="IC8" s="42" t="s">
        <v>83</v>
      </c>
      <c r="ID8" s="370" t="s">
        <v>47</v>
      </c>
      <c r="IE8" s="370" t="s">
        <v>48</v>
      </c>
      <c r="IF8" s="370" t="s">
        <v>49</v>
      </c>
      <c r="IG8" s="370" t="s">
        <v>50</v>
      </c>
      <c r="IH8" s="370" t="s">
        <v>51</v>
      </c>
      <c r="II8" s="17" t="s">
        <v>45</v>
      </c>
      <c r="IJ8" s="645"/>
      <c r="IK8" s="369" t="s">
        <v>43</v>
      </c>
      <c r="IL8" s="370" t="s">
        <v>44</v>
      </c>
      <c r="IM8" s="41" t="s">
        <v>45</v>
      </c>
      <c r="IN8" s="42" t="s">
        <v>83</v>
      </c>
      <c r="IO8" s="59" t="s">
        <v>47</v>
      </c>
      <c r="IP8" s="59" t="s">
        <v>48</v>
      </c>
      <c r="IQ8" s="59" t="s">
        <v>49</v>
      </c>
      <c r="IR8" s="59" t="s">
        <v>50</v>
      </c>
      <c r="IS8" s="59" t="s">
        <v>51</v>
      </c>
      <c r="IT8" s="64" t="s">
        <v>45</v>
      </c>
      <c r="IU8" s="655"/>
      <c r="IV8" s="61" t="s">
        <v>43</v>
      </c>
      <c r="IW8" s="59" t="s">
        <v>44</v>
      </c>
      <c r="IX8" s="64" t="s">
        <v>45</v>
      </c>
      <c r="IY8" s="33" t="s">
        <v>83</v>
      </c>
      <c r="IZ8" s="59" t="s">
        <v>47</v>
      </c>
      <c r="JA8" s="59" t="s">
        <v>48</v>
      </c>
      <c r="JB8" s="59" t="s">
        <v>49</v>
      </c>
      <c r="JC8" s="59" t="s">
        <v>50</v>
      </c>
      <c r="JD8" s="59" t="s">
        <v>51</v>
      </c>
      <c r="JE8" s="64" t="s">
        <v>45</v>
      </c>
      <c r="JF8" s="655"/>
      <c r="JG8" s="61" t="s">
        <v>43</v>
      </c>
      <c r="JH8" s="59" t="s">
        <v>44</v>
      </c>
      <c r="JI8" s="60" t="s">
        <v>45</v>
      </c>
      <c r="JJ8" s="33" t="s">
        <v>83</v>
      </c>
      <c r="JK8" s="59" t="s">
        <v>47</v>
      </c>
      <c r="JL8" s="59" t="s">
        <v>48</v>
      </c>
      <c r="JM8" s="59" t="s">
        <v>49</v>
      </c>
      <c r="JN8" s="59" t="s">
        <v>50</v>
      </c>
      <c r="JO8" s="59" t="s">
        <v>51</v>
      </c>
      <c r="JP8" s="64" t="s">
        <v>45</v>
      </c>
      <c r="JQ8" s="648"/>
      <c r="JR8" s="61" t="s">
        <v>43</v>
      </c>
      <c r="JS8" s="59" t="s">
        <v>44</v>
      </c>
      <c r="JT8" s="60" t="s">
        <v>45</v>
      </c>
      <c r="JU8" s="33" t="s">
        <v>83</v>
      </c>
      <c r="JV8" s="59" t="s">
        <v>47</v>
      </c>
      <c r="JW8" s="59" t="s">
        <v>48</v>
      </c>
      <c r="JX8" s="59" t="s">
        <v>49</v>
      </c>
      <c r="JY8" s="59" t="s">
        <v>50</v>
      </c>
      <c r="JZ8" s="59" t="s">
        <v>51</v>
      </c>
      <c r="KA8" s="64" t="s">
        <v>45</v>
      </c>
      <c r="KB8" s="648"/>
      <c r="KC8" s="61" t="s">
        <v>43</v>
      </c>
      <c r="KD8" s="59" t="s">
        <v>44</v>
      </c>
      <c r="KE8" s="60" t="s">
        <v>45</v>
      </c>
      <c r="KF8" s="33" t="s">
        <v>83</v>
      </c>
      <c r="KG8" s="59" t="s">
        <v>47</v>
      </c>
      <c r="KH8" s="59" t="s">
        <v>48</v>
      </c>
      <c r="KI8" s="59" t="s">
        <v>49</v>
      </c>
      <c r="KJ8" s="59" t="s">
        <v>50</v>
      </c>
      <c r="KK8" s="59" t="s">
        <v>51</v>
      </c>
      <c r="KL8" s="64" t="s">
        <v>45</v>
      </c>
      <c r="KM8" s="648"/>
      <c r="KN8" s="61" t="s">
        <v>43</v>
      </c>
      <c r="KO8" s="59" t="s">
        <v>44</v>
      </c>
      <c r="KP8" s="60" t="s">
        <v>45</v>
      </c>
      <c r="KQ8" s="42" t="s">
        <v>83</v>
      </c>
      <c r="KR8" s="59" t="s">
        <v>47</v>
      </c>
      <c r="KS8" s="59" t="s">
        <v>48</v>
      </c>
      <c r="KT8" s="59" t="s">
        <v>49</v>
      </c>
      <c r="KU8" s="59" t="s">
        <v>50</v>
      </c>
      <c r="KV8" s="59" t="s">
        <v>51</v>
      </c>
      <c r="KW8" s="64" t="s">
        <v>45</v>
      </c>
      <c r="KX8" s="648"/>
      <c r="KY8" s="61" t="s">
        <v>43</v>
      </c>
      <c r="KZ8" s="59" t="s">
        <v>44</v>
      </c>
      <c r="LA8" s="60" t="s">
        <v>45</v>
      </c>
      <c r="LB8" s="42" t="s">
        <v>83</v>
      </c>
      <c r="LC8" s="59" t="s">
        <v>47</v>
      </c>
      <c r="LD8" s="59" t="s">
        <v>48</v>
      </c>
      <c r="LE8" s="59" t="s">
        <v>49</v>
      </c>
      <c r="LF8" s="59" t="s">
        <v>50</v>
      </c>
      <c r="LG8" s="59" t="s">
        <v>51</v>
      </c>
      <c r="LH8" s="64" t="s">
        <v>45</v>
      </c>
      <c r="LI8" s="648"/>
      <c r="LJ8" s="61" t="s">
        <v>43</v>
      </c>
      <c r="LK8" s="59" t="s">
        <v>44</v>
      </c>
      <c r="LL8" s="60" t="s">
        <v>45</v>
      </c>
      <c r="LM8" s="42" t="s">
        <v>83</v>
      </c>
      <c r="LN8" s="59" t="s">
        <v>47</v>
      </c>
      <c r="LO8" s="59" t="s">
        <v>48</v>
      </c>
      <c r="LP8" s="59" t="s">
        <v>49</v>
      </c>
      <c r="LQ8" s="59" t="s">
        <v>50</v>
      </c>
      <c r="LR8" s="59" t="s">
        <v>51</v>
      </c>
      <c r="LS8" s="64" t="s">
        <v>45</v>
      </c>
      <c r="LT8" s="648"/>
      <c r="LU8" s="61" t="s">
        <v>43</v>
      </c>
      <c r="LV8" s="59" t="s">
        <v>44</v>
      </c>
      <c r="LW8" s="60" t="s">
        <v>45</v>
      </c>
      <c r="LX8" s="42" t="s">
        <v>83</v>
      </c>
      <c r="LY8" s="59" t="s">
        <v>47</v>
      </c>
      <c r="LZ8" s="59" t="s">
        <v>48</v>
      </c>
      <c r="MA8" s="59" t="s">
        <v>49</v>
      </c>
      <c r="MB8" s="59" t="s">
        <v>50</v>
      </c>
      <c r="MC8" s="59" t="s">
        <v>51</v>
      </c>
      <c r="MD8" s="64" t="s">
        <v>45</v>
      </c>
      <c r="ME8" s="648"/>
      <c r="MF8" s="61" t="s">
        <v>43</v>
      </c>
      <c r="MG8" s="59" t="s">
        <v>44</v>
      </c>
      <c r="MH8" s="60" t="s">
        <v>45</v>
      </c>
      <c r="MI8" s="42" t="s">
        <v>83</v>
      </c>
      <c r="MJ8" s="59" t="s">
        <v>47</v>
      </c>
      <c r="MK8" s="59" t="s">
        <v>48</v>
      </c>
      <c r="ML8" s="59" t="s">
        <v>49</v>
      </c>
      <c r="MM8" s="59" t="s">
        <v>50</v>
      </c>
      <c r="MN8" s="59" t="s">
        <v>51</v>
      </c>
      <c r="MO8" s="64" t="s">
        <v>45</v>
      </c>
      <c r="MP8" s="648"/>
      <c r="MQ8" s="61" t="s">
        <v>43</v>
      </c>
      <c r="MR8" s="59" t="s">
        <v>44</v>
      </c>
      <c r="MS8" s="60" t="s">
        <v>45</v>
      </c>
      <c r="MT8" s="42" t="s">
        <v>83</v>
      </c>
      <c r="MU8" s="59" t="s">
        <v>47</v>
      </c>
      <c r="MV8" s="59" t="s">
        <v>48</v>
      </c>
      <c r="MW8" s="59" t="s">
        <v>49</v>
      </c>
      <c r="MX8" s="59" t="s">
        <v>50</v>
      </c>
      <c r="MY8" s="59" t="s">
        <v>51</v>
      </c>
      <c r="MZ8" s="64" t="s">
        <v>45</v>
      </c>
      <c r="NA8" s="648"/>
      <c r="NB8" s="61" t="s">
        <v>43</v>
      </c>
      <c r="NC8" s="59" t="s">
        <v>44</v>
      </c>
      <c r="ND8" s="60" t="s">
        <v>45</v>
      </c>
      <c r="NE8" s="42" t="s">
        <v>83</v>
      </c>
      <c r="NF8" s="59" t="s">
        <v>47</v>
      </c>
      <c r="NG8" s="59" t="s">
        <v>48</v>
      </c>
      <c r="NH8" s="59" t="s">
        <v>49</v>
      </c>
      <c r="NI8" s="59" t="s">
        <v>50</v>
      </c>
      <c r="NJ8" s="59" t="s">
        <v>51</v>
      </c>
      <c r="NK8" s="64" t="s">
        <v>45</v>
      </c>
      <c r="NL8" s="648"/>
      <c r="NM8" s="61" t="s">
        <v>43</v>
      </c>
      <c r="NN8" s="59" t="s">
        <v>44</v>
      </c>
      <c r="NO8" s="60" t="s">
        <v>45</v>
      </c>
      <c r="NP8" s="42" t="s">
        <v>83</v>
      </c>
      <c r="NQ8" s="59" t="s">
        <v>47</v>
      </c>
      <c r="NR8" s="59" t="s">
        <v>48</v>
      </c>
      <c r="NS8" s="59" t="s">
        <v>49</v>
      </c>
      <c r="NT8" s="59" t="s">
        <v>50</v>
      </c>
      <c r="NU8" s="59" t="s">
        <v>51</v>
      </c>
      <c r="NV8" s="64" t="s">
        <v>45</v>
      </c>
      <c r="NW8" s="648"/>
      <c r="NX8" s="61" t="s">
        <v>43</v>
      </c>
      <c r="NY8" s="59" t="s">
        <v>44</v>
      </c>
      <c r="NZ8" s="60" t="s">
        <v>45</v>
      </c>
      <c r="OA8" s="42" t="s">
        <v>83</v>
      </c>
      <c r="OB8" s="59" t="s">
        <v>47</v>
      </c>
      <c r="OC8" s="59" t="s">
        <v>48</v>
      </c>
      <c r="OD8" s="59" t="s">
        <v>49</v>
      </c>
      <c r="OE8" s="59" t="s">
        <v>50</v>
      </c>
      <c r="OF8" s="59" t="s">
        <v>51</v>
      </c>
      <c r="OG8" s="64" t="s">
        <v>45</v>
      </c>
      <c r="OH8" s="648"/>
      <c r="OI8" s="61" t="s">
        <v>43</v>
      </c>
      <c r="OJ8" s="59" t="s">
        <v>44</v>
      </c>
      <c r="OK8" s="60" t="s">
        <v>45</v>
      </c>
      <c r="OL8" s="33" t="s">
        <v>83</v>
      </c>
      <c r="OM8" s="59" t="s">
        <v>47</v>
      </c>
      <c r="ON8" s="59" t="s">
        <v>48</v>
      </c>
      <c r="OO8" s="59" t="s">
        <v>49</v>
      </c>
      <c r="OP8" s="59" t="s">
        <v>50</v>
      </c>
      <c r="OQ8" s="59" t="s">
        <v>51</v>
      </c>
      <c r="OR8" s="64" t="s">
        <v>45</v>
      </c>
      <c r="OS8" s="648"/>
    </row>
    <row r="9" spans="1:409" s="474" customFormat="1" ht="20.25" customHeight="1" x14ac:dyDescent="0.2">
      <c r="A9" s="44"/>
      <c r="B9" s="468" t="s">
        <v>4</v>
      </c>
      <c r="C9" s="388">
        <v>26643802</v>
      </c>
      <c r="D9" s="389">
        <v>43045306</v>
      </c>
      <c r="E9" s="390">
        <v>69689108</v>
      </c>
      <c r="F9" s="391">
        <v>0</v>
      </c>
      <c r="G9" s="389">
        <v>297617256</v>
      </c>
      <c r="H9" s="389">
        <v>386219315</v>
      </c>
      <c r="I9" s="389">
        <v>362150223</v>
      </c>
      <c r="J9" s="389">
        <v>301132123</v>
      </c>
      <c r="K9" s="389">
        <v>204392217</v>
      </c>
      <c r="L9" s="392">
        <v>1551511134</v>
      </c>
      <c r="M9" s="393">
        <v>1621200242</v>
      </c>
      <c r="N9" s="388">
        <v>7771521</v>
      </c>
      <c r="O9" s="389">
        <v>13944938</v>
      </c>
      <c r="P9" s="394">
        <v>21716459</v>
      </c>
      <c r="Q9" s="388">
        <v>0</v>
      </c>
      <c r="R9" s="389">
        <v>91479969</v>
      </c>
      <c r="S9" s="389">
        <v>126173754</v>
      </c>
      <c r="T9" s="389">
        <v>116207716</v>
      </c>
      <c r="U9" s="389">
        <v>114491112</v>
      </c>
      <c r="V9" s="389">
        <v>98451850</v>
      </c>
      <c r="W9" s="394">
        <v>546804401</v>
      </c>
      <c r="X9" s="393">
        <v>568520860</v>
      </c>
      <c r="Y9" s="388">
        <v>0</v>
      </c>
      <c r="Z9" s="389">
        <v>0</v>
      </c>
      <c r="AA9" s="394">
        <v>0</v>
      </c>
      <c r="AB9" s="395">
        <v>0</v>
      </c>
      <c r="AC9" s="396">
        <v>39470869</v>
      </c>
      <c r="AD9" s="396">
        <v>54395806</v>
      </c>
      <c r="AE9" s="396">
        <v>59558873</v>
      </c>
      <c r="AF9" s="396">
        <v>59143990</v>
      </c>
      <c r="AG9" s="396">
        <v>52859307</v>
      </c>
      <c r="AH9" s="394">
        <v>265428845</v>
      </c>
      <c r="AI9" s="393">
        <v>265428845</v>
      </c>
      <c r="AJ9" s="397">
        <v>0</v>
      </c>
      <c r="AK9" s="396">
        <v>43003</v>
      </c>
      <c r="AL9" s="394">
        <v>43003</v>
      </c>
      <c r="AM9" s="395">
        <v>0</v>
      </c>
      <c r="AN9" s="396">
        <v>192529</v>
      </c>
      <c r="AO9" s="392">
        <v>1653518</v>
      </c>
      <c r="AP9" s="396">
        <v>3299559</v>
      </c>
      <c r="AQ9" s="396">
        <v>6920395</v>
      </c>
      <c r="AR9" s="396">
        <v>12661712</v>
      </c>
      <c r="AS9" s="394">
        <v>24727713</v>
      </c>
      <c r="AT9" s="393">
        <v>24770716</v>
      </c>
      <c r="AU9" s="397">
        <v>3884207</v>
      </c>
      <c r="AV9" s="396">
        <v>9301950</v>
      </c>
      <c r="AW9" s="394">
        <v>13186157</v>
      </c>
      <c r="AX9" s="395">
        <v>0</v>
      </c>
      <c r="AY9" s="396">
        <v>33496247</v>
      </c>
      <c r="AZ9" s="396">
        <v>47214387</v>
      </c>
      <c r="BA9" s="396">
        <v>33231927</v>
      </c>
      <c r="BB9" s="396">
        <v>29104199</v>
      </c>
      <c r="BC9" s="396">
        <v>21461304</v>
      </c>
      <c r="BD9" s="394">
        <v>164508064</v>
      </c>
      <c r="BE9" s="398">
        <v>177694221</v>
      </c>
      <c r="BF9" s="397">
        <v>355530</v>
      </c>
      <c r="BG9" s="392">
        <v>1366337</v>
      </c>
      <c r="BH9" s="399">
        <v>1721867</v>
      </c>
      <c r="BI9" s="395">
        <v>0</v>
      </c>
      <c r="BJ9" s="396">
        <v>2164780</v>
      </c>
      <c r="BK9" s="396">
        <v>4129181</v>
      </c>
      <c r="BL9" s="396">
        <v>2032575</v>
      </c>
      <c r="BM9" s="396">
        <v>2829232</v>
      </c>
      <c r="BN9" s="396">
        <v>834551</v>
      </c>
      <c r="BO9" s="394">
        <v>11990319</v>
      </c>
      <c r="BP9" s="393">
        <v>13712186</v>
      </c>
      <c r="BQ9" s="397">
        <v>3531784</v>
      </c>
      <c r="BR9" s="396">
        <v>3233648</v>
      </c>
      <c r="BS9" s="394">
        <v>6765432</v>
      </c>
      <c r="BT9" s="395">
        <v>0</v>
      </c>
      <c r="BU9" s="396">
        <v>16155544</v>
      </c>
      <c r="BV9" s="396">
        <v>18780862</v>
      </c>
      <c r="BW9" s="396">
        <v>18084782</v>
      </c>
      <c r="BX9" s="396">
        <v>16493296</v>
      </c>
      <c r="BY9" s="396">
        <v>10634976</v>
      </c>
      <c r="BZ9" s="394">
        <v>80149460</v>
      </c>
      <c r="CA9" s="393">
        <v>86914892</v>
      </c>
      <c r="CB9" s="397">
        <v>2707491</v>
      </c>
      <c r="CC9" s="396">
        <v>5947809</v>
      </c>
      <c r="CD9" s="394">
        <v>8655300</v>
      </c>
      <c r="CE9" s="395">
        <v>0</v>
      </c>
      <c r="CF9" s="396">
        <v>91425491</v>
      </c>
      <c r="CG9" s="396">
        <v>112438769</v>
      </c>
      <c r="CH9" s="400">
        <v>85681727</v>
      </c>
      <c r="CI9" s="396">
        <v>45802910</v>
      </c>
      <c r="CJ9" s="396">
        <v>18231927</v>
      </c>
      <c r="CK9" s="394">
        <v>353580824</v>
      </c>
      <c r="CL9" s="393">
        <v>362236124</v>
      </c>
      <c r="CM9" s="388">
        <v>0</v>
      </c>
      <c r="CN9" s="389">
        <v>0</v>
      </c>
      <c r="CO9" s="394">
        <v>0</v>
      </c>
      <c r="CP9" s="395">
        <v>0</v>
      </c>
      <c r="CQ9" s="396">
        <v>73798951</v>
      </c>
      <c r="CR9" s="396">
        <v>82058513</v>
      </c>
      <c r="CS9" s="396">
        <v>63441067</v>
      </c>
      <c r="CT9" s="396">
        <v>31626944</v>
      </c>
      <c r="CU9" s="396">
        <v>13929023</v>
      </c>
      <c r="CV9" s="401">
        <v>264854498</v>
      </c>
      <c r="CW9" s="393">
        <v>264854498</v>
      </c>
      <c r="CX9" s="397">
        <v>2707491</v>
      </c>
      <c r="CY9" s="396">
        <v>5947809</v>
      </c>
      <c r="CZ9" s="394">
        <v>8655300</v>
      </c>
      <c r="DA9" s="395">
        <v>0</v>
      </c>
      <c r="DB9" s="396">
        <v>17626540</v>
      </c>
      <c r="DC9" s="396">
        <v>30380256</v>
      </c>
      <c r="DD9" s="396">
        <v>22240660</v>
      </c>
      <c r="DE9" s="396">
        <v>14175966</v>
      </c>
      <c r="DF9" s="396">
        <v>4302904</v>
      </c>
      <c r="DG9" s="394">
        <v>88726326</v>
      </c>
      <c r="DH9" s="393">
        <v>97381626</v>
      </c>
      <c r="DI9" s="397">
        <v>124607</v>
      </c>
      <c r="DJ9" s="396">
        <v>817412</v>
      </c>
      <c r="DK9" s="399">
        <v>942019</v>
      </c>
      <c r="DL9" s="395">
        <v>0</v>
      </c>
      <c r="DM9" s="396">
        <v>10582396</v>
      </c>
      <c r="DN9" s="396">
        <v>19216666</v>
      </c>
      <c r="DO9" s="396">
        <v>36663735</v>
      </c>
      <c r="DP9" s="396">
        <v>24144453</v>
      </c>
      <c r="DQ9" s="396">
        <v>11142088</v>
      </c>
      <c r="DR9" s="402">
        <v>101749338</v>
      </c>
      <c r="DS9" s="393">
        <v>102691357</v>
      </c>
      <c r="DT9" s="397">
        <v>124607</v>
      </c>
      <c r="DU9" s="396">
        <v>749243</v>
      </c>
      <c r="DV9" s="394">
        <v>873850</v>
      </c>
      <c r="DW9" s="395">
        <v>0</v>
      </c>
      <c r="DX9" s="396">
        <v>9369587</v>
      </c>
      <c r="DY9" s="396">
        <v>15500898</v>
      </c>
      <c r="DZ9" s="396">
        <v>32136110</v>
      </c>
      <c r="EA9" s="396">
        <v>20590680</v>
      </c>
      <c r="EB9" s="396">
        <v>9340660</v>
      </c>
      <c r="EC9" s="394">
        <v>86937935</v>
      </c>
      <c r="ED9" s="393">
        <v>87811785</v>
      </c>
      <c r="EE9" s="397">
        <v>0</v>
      </c>
      <c r="EF9" s="392">
        <v>68169</v>
      </c>
      <c r="EG9" s="394">
        <v>68169</v>
      </c>
      <c r="EH9" s="398">
        <v>0</v>
      </c>
      <c r="EI9" s="396">
        <v>1212809</v>
      </c>
      <c r="EJ9" s="396">
        <v>3715768</v>
      </c>
      <c r="EK9" s="396">
        <v>4527625</v>
      </c>
      <c r="EL9" s="396">
        <v>3553773</v>
      </c>
      <c r="EM9" s="400">
        <v>1801428</v>
      </c>
      <c r="EN9" s="392">
        <v>14811403</v>
      </c>
      <c r="EO9" s="393">
        <v>14879572</v>
      </c>
      <c r="EP9" s="397">
        <v>0</v>
      </c>
      <c r="EQ9" s="396">
        <v>0</v>
      </c>
      <c r="ER9" s="392">
        <v>0</v>
      </c>
      <c r="ES9" s="395">
        <v>0</v>
      </c>
      <c r="ET9" s="396">
        <v>0</v>
      </c>
      <c r="EU9" s="396">
        <v>0</v>
      </c>
      <c r="EV9" s="396">
        <v>0</v>
      </c>
      <c r="EW9" s="396">
        <v>0</v>
      </c>
      <c r="EX9" s="396">
        <v>0</v>
      </c>
      <c r="EY9" s="401">
        <v>0</v>
      </c>
      <c r="EZ9" s="393">
        <v>0</v>
      </c>
      <c r="FA9" s="397">
        <v>0</v>
      </c>
      <c r="FB9" s="396">
        <v>0</v>
      </c>
      <c r="FC9" s="392">
        <v>0</v>
      </c>
      <c r="FD9" s="403"/>
      <c r="FE9" s="396">
        <v>0</v>
      </c>
      <c r="FF9" s="396">
        <v>0</v>
      </c>
      <c r="FG9" s="396">
        <v>0</v>
      </c>
      <c r="FH9" s="396">
        <v>0</v>
      </c>
      <c r="FI9" s="396">
        <v>0</v>
      </c>
      <c r="FJ9" s="401">
        <v>0</v>
      </c>
      <c r="FK9" s="393">
        <v>0</v>
      </c>
      <c r="FL9" s="397">
        <v>5644656</v>
      </c>
      <c r="FM9" s="396">
        <v>9306007</v>
      </c>
      <c r="FN9" s="394">
        <v>14950663</v>
      </c>
      <c r="FO9" s="395">
        <v>0</v>
      </c>
      <c r="FP9" s="396">
        <v>15687471</v>
      </c>
      <c r="FQ9" s="396">
        <v>38502623</v>
      </c>
      <c r="FR9" s="396">
        <v>29023263</v>
      </c>
      <c r="FS9" s="396">
        <v>24742444</v>
      </c>
      <c r="FT9" s="396">
        <v>16044812</v>
      </c>
      <c r="FU9" s="394">
        <v>124000613</v>
      </c>
      <c r="FV9" s="393">
        <v>138951276</v>
      </c>
      <c r="FW9" s="397">
        <v>2598724</v>
      </c>
      <c r="FX9" s="396">
        <v>5753752</v>
      </c>
      <c r="FY9" s="392">
        <v>8352476</v>
      </c>
      <c r="FZ9" s="398">
        <v>0</v>
      </c>
      <c r="GA9" s="396">
        <v>10837972</v>
      </c>
      <c r="GB9" s="404">
        <v>33332582</v>
      </c>
      <c r="GC9" s="396">
        <v>26263692</v>
      </c>
      <c r="GD9" s="404">
        <v>22540392</v>
      </c>
      <c r="GE9" s="396">
        <v>14487092</v>
      </c>
      <c r="GF9" s="401">
        <v>107461730</v>
      </c>
      <c r="GG9" s="405">
        <v>115814206</v>
      </c>
      <c r="GH9" s="406">
        <v>373308</v>
      </c>
      <c r="GI9" s="396">
        <v>610057</v>
      </c>
      <c r="GJ9" s="404">
        <v>983365</v>
      </c>
      <c r="GK9" s="391">
        <v>0</v>
      </c>
      <c r="GL9" s="396">
        <v>953447</v>
      </c>
      <c r="GM9" s="392">
        <v>1272342</v>
      </c>
      <c r="GN9" s="396">
        <v>814264</v>
      </c>
      <c r="GO9" s="392">
        <v>750933</v>
      </c>
      <c r="GP9" s="396">
        <v>304520</v>
      </c>
      <c r="GQ9" s="402">
        <v>4095506</v>
      </c>
      <c r="GR9" s="393">
        <v>5078871</v>
      </c>
      <c r="GS9" s="392">
        <v>2672624</v>
      </c>
      <c r="GT9" s="396">
        <v>2942198</v>
      </c>
      <c r="GU9" s="394">
        <v>5614822</v>
      </c>
      <c r="GV9" s="392">
        <v>0</v>
      </c>
      <c r="GW9" s="396">
        <v>3896052</v>
      </c>
      <c r="GX9" s="392">
        <v>3897699</v>
      </c>
      <c r="GY9" s="396">
        <v>1945307</v>
      </c>
      <c r="GZ9" s="392">
        <v>1451119</v>
      </c>
      <c r="HA9" s="396">
        <v>1253200</v>
      </c>
      <c r="HB9" s="392">
        <v>12443377</v>
      </c>
      <c r="HC9" s="393">
        <v>18058199</v>
      </c>
      <c r="HD9" s="392">
        <v>10395527</v>
      </c>
      <c r="HE9" s="396">
        <v>13029140</v>
      </c>
      <c r="HF9" s="392">
        <v>23424667</v>
      </c>
      <c r="HG9" s="398">
        <v>0</v>
      </c>
      <c r="HH9" s="396">
        <v>88441929</v>
      </c>
      <c r="HI9" s="404">
        <v>89887503</v>
      </c>
      <c r="HJ9" s="396">
        <v>94573782</v>
      </c>
      <c r="HK9" s="404">
        <v>91951204</v>
      </c>
      <c r="HL9" s="396">
        <v>60521540</v>
      </c>
      <c r="HM9" s="401">
        <v>425375958</v>
      </c>
      <c r="HN9" s="392">
        <v>448800625</v>
      </c>
      <c r="HO9" s="469"/>
      <c r="HP9" s="470"/>
      <c r="HQ9" s="471"/>
      <c r="HR9" s="472"/>
      <c r="HS9" s="470"/>
      <c r="HT9" s="472"/>
      <c r="HU9" s="470"/>
      <c r="HV9" s="472"/>
      <c r="HW9" s="470"/>
      <c r="HX9" s="472"/>
      <c r="HY9" s="473"/>
      <c r="HZ9" s="407">
        <v>603271</v>
      </c>
      <c r="IA9" s="408">
        <v>953509</v>
      </c>
      <c r="IB9" s="409">
        <v>1556780</v>
      </c>
      <c r="IC9" s="410">
        <v>0</v>
      </c>
      <c r="ID9" s="408">
        <v>81496995</v>
      </c>
      <c r="IE9" s="411">
        <v>99460139</v>
      </c>
      <c r="IF9" s="412">
        <v>109455003</v>
      </c>
      <c r="IG9" s="408">
        <v>86499258</v>
      </c>
      <c r="IH9" s="412">
        <v>47534275</v>
      </c>
      <c r="II9" s="413">
        <v>424445670</v>
      </c>
      <c r="IJ9" s="414">
        <v>426002450</v>
      </c>
      <c r="IK9" s="415">
        <v>0</v>
      </c>
      <c r="IL9" s="416">
        <v>0</v>
      </c>
      <c r="IM9" s="417">
        <v>0</v>
      </c>
      <c r="IN9" s="418"/>
      <c r="IO9" s="419">
        <v>1391131</v>
      </c>
      <c r="IP9" s="419">
        <v>3267858</v>
      </c>
      <c r="IQ9" s="419">
        <v>3649557</v>
      </c>
      <c r="IR9" s="419">
        <v>3880933</v>
      </c>
      <c r="IS9" s="419">
        <v>3469497</v>
      </c>
      <c r="IT9" s="420">
        <v>15658976</v>
      </c>
      <c r="IU9" s="421">
        <v>15658976</v>
      </c>
      <c r="IV9" s="422">
        <v>0</v>
      </c>
      <c r="IW9" s="419">
        <v>0</v>
      </c>
      <c r="IX9" s="423">
        <v>0</v>
      </c>
      <c r="IY9" s="424"/>
      <c r="IZ9" s="419">
        <v>304494</v>
      </c>
      <c r="JA9" s="419">
        <v>531357</v>
      </c>
      <c r="JB9" s="419">
        <v>870689</v>
      </c>
      <c r="JC9" s="419">
        <v>846098</v>
      </c>
      <c r="JD9" s="419">
        <v>886412</v>
      </c>
      <c r="JE9" s="423">
        <v>3439050</v>
      </c>
      <c r="JF9" s="425">
        <v>3439050</v>
      </c>
      <c r="JG9" s="422">
        <v>0</v>
      </c>
      <c r="JH9" s="419">
        <v>0</v>
      </c>
      <c r="JI9" s="420">
        <v>0</v>
      </c>
      <c r="JJ9" s="426">
        <v>0</v>
      </c>
      <c r="JK9" s="419">
        <v>35160888</v>
      </c>
      <c r="JL9" s="419">
        <v>34610265</v>
      </c>
      <c r="JM9" s="419">
        <v>28241903</v>
      </c>
      <c r="JN9" s="419">
        <v>16242971</v>
      </c>
      <c r="JO9" s="419">
        <v>7355011</v>
      </c>
      <c r="JP9" s="423">
        <v>121611038</v>
      </c>
      <c r="JQ9" s="421">
        <v>121611038</v>
      </c>
      <c r="JR9" s="422">
        <v>26231</v>
      </c>
      <c r="JS9" s="419">
        <v>93236</v>
      </c>
      <c r="JT9" s="420">
        <v>119467</v>
      </c>
      <c r="JU9" s="426">
        <v>0</v>
      </c>
      <c r="JV9" s="419">
        <v>6524770</v>
      </c>
      <c r="JW9" s="419">
        <v>7407737</v>
      </c>
      <c r="JX9" s="419">
        <v>9714392</v>
      </c>
      <c r="JY9" s="419">
        <v>3484002</v>
      </c>
      <c r="JZ9" s="419">
        <v>3220898</v>
      </c>
      <c r="KA9" s="423">
        <v>30351799</v>
      </c>
      <c r="KB9" s="421">
        <v>30471266</v>
      </c>
      <c r="KC9" s="427">
        <v>577040</v>
      </c>
      <c r="KD9" s="428">
        <v>860273</v>
      </c>
      <c r="KE9" s="423">
        <v>1437313</v>
      </c>
      <c r="KF9" s="426">
        <v>0</v>
      </c>
      <c r="KG9" s="419">
        <v>10807214</v>
      </c>
      <c r="KH9" s="419">
        <v>13542732</v>
      </c>
      <c r="KI9" s="419">
        <v>16164308</v>
      </c>
      <c r="KJ9" s="419">
        <v>13622682</v>
      </c>
      <c r="KK9" s="419">
        <v>4979206</v>
      </c>
      <c r="KL9" s="423">
        <v>59116142</v>
      </c>
      <c r="KM9" s="429">
        <v>60553455</v>
      </c>
      <c r="KN9" s="415">
        <v>0</v>
      </c>
      <c r="KO9" s="416">
        <v>0</v>
      </c>
      <c r="KP9" s="417">
        <v>0</v>
      </c>
      <c r="KQ9" s="418"/>
      <c r="KR9" s="419">
        <v>24330878</v>
      </c>
      <c r="KS9" s="419">
        <v>36085932</v>
      </c>
      <c r="KT9" s="419">
        <v>39796686</v>
      </c>
      <c r="KU9" s="419">
        <v>33230737</v>
      </c>
      <c r="KV9" s="419">
        <v>12484624</v>
      </c>
      <c r="KW9" s="423">
        <v>145928857</v>
      </c>
      <c r="KX9" s="421">
        <v>145928857</v>
      </c>
      <c r="KY9" s="422">
        <v>0</v>
      </c>
      <c r="KZ9" s="419">
        <v>0</v>
      </c>
      <c r="LA9" s="423">
        <v>0</v>
      </c>
      <c r="LB9" s="430">
        <v>0</v>
      </c>
      <c r="LC9" s="419">
        <v>319938</v>
      </c>
      <c r="LD9" s="419">
        <v>1238777</v>
      </c>
      <c r="LE9" s="419">
        <v>597235</v>
      </c>
      <c r="LF9" s="419">
        <v>2094939</v>
      </c>
      <c r="LG9" s="419">
        <v>706219</v>
      </c>
      <c r="LH9" s="423">
        <v>4957108</v>
      </c>
      <c r="LI9" s="425">
        <v>4957108</v>
      </c>
      <c r="LJ9" s="422">
        <v>0</v>
      </c>
      <c r="LK9" s="419">
        <v>0</v>
      </c>
      <c r="LL9" s="423">
        <v>0</v>
      </c>
      <c r="LM9" s="430"/>
      <c r="LN9" s="419">
        <v>0</v>
      </c>
      <c r="LO9" s="419">
        <v>246456</v>
      </c>
      <c r="LP9" s="419">
        <v>5095148</v>
      </c>
      <c r="LQ9" s="419">
        <v>4242772</v>
      </c>
      <c r="LR9" s="419">
        <v>2642019</v>
      </c>
      <c r="LS9" s="423">
        <v>12226395</v>
      </c>
      <c r="LT9" s="421">
        <v>12226395</v>
      </c>
      <c r="LU9" s="422">
        <v>0</v>
      </c>
      <c r="LV9" s="419">
        <v>0</v>
      </c>
      <c r="LW9" s="423">
        <v>0</v>
      </c>
      <c r="LX9" s="430"/>
      <c r="LY9" s="419">
        <v>2657682</v>
      </c>
      <c r="LZ9" s="419">
        <v>2529025</v>
      </c>
      <c r="MA9" s="419">
        <v>5325085</v>
      </c>
      <c r="MB9" s="419">
        <v>8854124</v>
      </c>
      <c r="MC9" s="419">
        <v>11790389</v>
      </c>
      <c r="MD9" s="423">
        <v>31156305</v>
      </c>
      <c r="ME9" s="425">
        <v>31156305</v>
      </c>
      <c r="MF9" s="422">
        <v>0</v>
      </c>
      <c r="MG9" s="419">
        <v>0</v>
      </c>
      <c r="MH9" s="423">
        <v>0</v>
      </c>
      <c r="MI9" s="430"/>
      <c r="MJ9" s="419">
        <v>23880479</v>
      </c>
      <c r="MK9" s="419">
        <v>62632773</v>
      </c>
      <c r="ML9" s="419">
        <v>185402977</v>
      </c>
      <c r="MM9" s="419">
        <v>271903343</v>
      </c>
      <c r="MN9" s="419">
        <v>168087209</v>
      </c>
      <c r="MO9" s="423">
        <v>711906781</v>
      </c>
      <c r="MP9" s="429">
        <v>711906781</v>
      </c>
      <c r="MQ9" s="422">
        <v>0</v>
      </c>
      <c r="MR9" s="419">
        <v>0</v>
      </c>
      <c r="MS9" s="423">
        <v>0</v>
      </c>
      <c r="MT9" s="430"/>
      <c r="MU9" s="419">
        <v>2342569</v>
      </c>
      <c r="MV9" s="419">
        <v>11680372</v>
      </c>
      <c r="MW9" s="419">
        <v>110443123</v>
      </c>
      <c r="MX9" s="419">
        <v>166314082</v>
      </c>
      <c r="MY9" s="419">
        <v>102026861</v>
      </c>
      <c r="MZ9" s="423">
        <v>392807007</v>
      </c>
      <c r="NA9" s="429">
        <v>392807007</v>
      </c>
      <c r="NB9" s="422">
        <v>0</v>
      </c>
      <c r="NC9" s="419">
        <v>0</v>
      </c>
      <c r="ND9" s="423">
        <v>0</v>
      </c>
      <c r="NE9" s="430"/>
      <c r="NF9" s="419">
        <v>21537910</v>
      </c>
      <c r="NG9" s="419">
        <v>50728225</v>
      </c>
      <c r="NH9" s="419">
        <v>73640314</v>
      </c>
      <c r="NI9" s="419">
        <v>95968453</v>
      </c>
      <c r="NJ9" s="419">
        <v>53050397</v>
      </c>
      <c r="NK9" s="423">
        <v>294925299</v>
      </c>
      <c r="NL9" s="421">
        <v>294925299</v>
      </c>
      <c r="NM9" s="422">
        <v>0</v>
      </c>
      <c r="NN9" s="419">
        <v>0</v>
      </c>
      <c r="NO9" s="423">
        <v>0</v>
      </c>
      <c r="NP9" s="430"/>
      <c r="NQ9" s="419">
        <v>0</v>
      </c>
      <c r="NR9" s="419">
        <v>0</v>
      </c>
      <c r="NS9" s="419">
        <v>315888</v>
      </c>
      <c r="NT9" s="419">
        <v>4018425</v>
      </c>
      <c r="NU9" s="419">
        <v>4256469</v>
      </c>
      <c r="NV9" s="423">
        <v>8590782</v>
      </c>
      <c r="NW9" s="425">
        <v>8590782</v>
      </c>
      <c r="NX9" s="422">
        <v>0</v>
      </c>
      <c r="NY9" s="419">
        <v>0</v>
      </c>
      <c r="NZ9" s="423">
        <v>0</v>
      </c>
      <c r="OA9" s="430"/>
      <c r="OB9" s="419">
        <v>0</v>
      </c>
      <c r="OC9" s="419">
        <v>224176</v>
      </c>
      <c r="OD9" s="419">
        <v>1003652</v>
      </c>
      <c r="OE9" s="419">
        <v>5602383</v>
      </c>
      <c r="OF9" s="419">
        <v>8753482</v>
      </c>
      <c r="OG9" s="423">
        <v>15583693</v>
      </c>
      <c r="OH9" s="425">
        <v>15583693</v>
      </c>
      <c r="OI9" s="422">
        <v>27247073</v>
      </c>
      <c r="OJ9" s="419">
        <v>43998815</v>
      </c>
      <c r="OK9" s="420">
        <v>71245888</v>
      </c>
      <c r="OL9" s="426">
        <v>0</v>
      </c>
      <c r="OM9" s="419">
        <v>402994730</v>
      </c>
      <c r="ON9" s="419">
        <v>548312227</v>
      </c>
      <c r="OO9" s="419">
        <v>657008203</v>
      </c>
      <c r="OP9" s="419">
        <v>659534724</v>
      </c>
      <c r="OQ9" s="419">
        <v>420013701</v>
      </c>
      <c r="OR9" s="423">
        <v>2687863585</v>
      </c>
      <c r="OS9" s="429">
        <v>2759109473</v>
      </c>
    </row>
    <row r="10" spans="1:409" s="474" customFormat="1" ht="20.25" customHeight="1" x14ac:dyDescent="0.2">
      <c r="A10" s="44"/>
      <c r="B10" s="475" t="s">
        <v>5</v>
      </c>
      <c r="C10" s="433">
        <v>11750251</v>
      </c>
      <c r="D10" s="434">
        <v>22348049</v>
      </c>
      <c r="E10" s="435">
        <v>34098300</v>
      </c>
      <c r="F10" s="436">
        <v>0</v>
      </c>
      <c r="G10" s="434">
        <v>111894284</v>
      </c>
      <c r="H10" s="434">
        <v>180498999</v>
      </c>
      <c r="I10" s="434">
        <v>163593724</v>
      </c>
      <c r="J10" s="434">
        <v>132038629</v>
      </c>
      <c r="K10" s="434">
        <v>88453665</v>
      </c>
      <c r="L10" s="436">
        <v>676479301</v>
      </c>
      <c r="M10" s="437">
        <v>710577601</v>
      </c>
      <c r="N10" s="433">
        <v>3731493</v>
      </c>
      <c r="O10" s="434">
        <v>8082357</v>
      </c>
      <c r="P10" s="435">
        <v>11813850</v>
      </c>
      <c r="Q10" s="433">
        <v>0</v>
      </c>
      <c r="R10" s="434">
        <v>36030803</v>
      </c>
      <c r="S10" s="434">
        <v>63420870</v>
      </c>
      <c r="T10" s="434">
        <v>51927287</v>
      </c>
      <c r="U10" s="434">
        <v>49622198</v>
      </c>
      <c r="V10" s="434">
        <v>40466169</v>
      </c>
      <c r="W10" s="435">
        <v>241467327</v>
      </c>
      <c r="X10" s="437">
        <v>253281177</v>
      </c>
      <c r="Y10" s="433">
        <v>0</v>
      </c>
      <c r="Z10" s="434">
        <v>0</v>
      </c>
      <c r="AA10" s="435">
        <v>0</v>
      </c>
      <c r="AB10" s="433">
        <v>0</v>
      </c>
      <c r="AC10" s="434">
        <v>15526541</v>
      </c>
      <c r="AD10" s="434">
        <v>25549452</v>
      </c>
      <c r="AE10" s="434">
        <v>24116505</v>
      </c>
      <c r="AF10" s="434">
        <v>24247535</v>
      </c>
      <c r="AG10" s="434">
        <v>19496095</v>
      </c>
      <c r="AH10" s="435">
        <v>108936128</v>
      </c>
      <c r="AI10" s="437">
        <v>108936128</v>
      </c>
      <c r="AJ10" s="433">
        <v>0</v>
      </c>
      <c r="AK10" s="434">
        <v>43003</v>
      </c>
      <c r="AL10" s="435">
        <v>43003</v>
      </c>
      <c r="AM10" s="433">
        <v>0</v>
      </c>
      <c r="AN10" s="434">
        <v>84189</v>
      </c>
      <c r="AO10" s="434">
        <v>998012</v>
      </c>
      <c r="AP10" s="434">
        <v>1291128</v>
      </c>
      <c r="AQ10" s="434">
        <v>2755264</v>
      </c>
      <c r="AR10" s="434">
        <v>5447531</v>
      </c>
      <c r="AS10" s="435">
        <v>10576124</v>
      </c>
      <c r="AT10" s="437">
        <v>10619127</v>
      </c>
      <c r="AU10" s="433">
        <v>2019764</v>
      </c>
      <c r="AV10" s="434">
        <v>5460325</v>
      </c>
      <c r="AW10" s="435">
        <v>7480089</v>
      </c>
      <c r="AX10" s="433">
        <v>0</v>
      </c>
      <c r="AY10" s="434">
        <v>13970767</v>
      </c>
      <c r="AZ10" s="434">
        <v>26195999</v>
      </c>
      <c r="BA10" s="434">
        <v>17357465</v>
      </c>
      <c r="BB10" s="434">
        <v>14205025</v>
      </c>
      <c r="BC10" s="434">
        <v>10626875</v>
      </c>
      <c r="BD10" s="435">
        <v>82356131</v>
      </c>
      <c r="BE10" s="437">
        <v>89836220</v>
      </c>
      <c r="BF10" s="433">
        <v>189025</v>
      </c>
      <c r="BG10" s="434">
        <v>824837</v>
      </c>
      <c r="BH10" s="438">
        <v>1013862</v>
      </c>
      <c r="BI10" s="439">
        <v>0</v>
      </c>
      <c r="BJ10" s="434">
        <v>320786</v>
      </c>
      <c r="BK10" s="434">
        <v>1779375</v>
      </c>
      <c r="BL10" s="434">
        <v>1025805</v>
      </c>
      <c r="BM10" s="434">
        <v>1153918</v>
      </c>
      <c r="BN10" s="434">
        <v>328272</v>
      </c>
      <c r="BO10" s="435">
        <v>4608156</v>
      </c>
      <c r="BP10" s="437">
        <v>5622018</v>
      </c>
      <c r="BQ10" s="433">
        <v>1522704</v>
      </c>
      <c r="BR10" s="434">
        <v>1754192</v>
      </c>
      <c r="BS10" s="435">
        <v>3276896</v>
      </c>
      <c r="BT10" s="433">
        <v>0</v>
      </c>
      <c r="BU10" s="434">
        <v>6128520</v>
      </c>
      <c r="BV10" s="434">
        <v>8898032</v>
      </c>
      <c r="BW10" s="434">
        <v>8136384</v>
      </c>
      <c r="BX10" s="434">
        <v>7260456</v>
      </c>
      <c r="BY10" s="434">
        <v>4567396</v>
      </c>
      <c r="BZ10" s="435">
        <v>34990788</v>
      </c>
      <c r="CA10" s="437">
        <v>38267684</v>
      </c>
      <c r="CB10" s="433">
        <v>1301744</v>
      </c>
      <c r="CC10" s="434">
        <v>3437798</v>
      </c>
      <c r="CD10" s="435">
        <v>4739542</v>
      </c>
      <c r="CE10" s="433">
        <v>0</v>
      </c>
      <c r="CF10" s="434">
        <v>33140022</v>
      </c>
      <c r="CG10" s="434">
        <v>49620133</v>
      </c>
      <c r="CH10" s="434">
        <v>35604962</v>
      </c>
      <c r="CI10" s="434">
        <v>18990284</v>
      </c>
      <c r="CJ10" s="434">
        <v>7319682</v>
      </c>
      <c r="CK10" s="435">
        <v>144675083</v>
      </c>
      <c r="CL10" s="437">
        <v>149414625</v>
      </c>
      <c r="CM10" s="433">
        <v>0</v>
      </c>
      <c r="CN10" s="434">
        <v>0</v>
      </c>
      <c r="CO10" s="435">
        <v>0</v>
      </c>
      <c r="CP10" s="439">
        <v>0</v>
      </c>
      <c r="CQ10" s="434">
        <v>26781453</v>
      </c>
      <c r="CR10" s="434">
        <v>35289850</v>
      </c>
      <c r="CS10" s="434">
        <v>25163821</v>
      </c>
      <c r="CT10" s="434">
        <v>12064712</v>
      </c>
      <c r="CU10" s="434">
        <v>5200950</v>
      </c>
      <c r="CV10" s="435">
        <v>104500786</v>
      </c>
      <c r="CW10" s="437">
        <v>104500786</v>
      </c>
      <c r="CX10" s="433">
        <v>1301744</v>
      </c>
      <c r="CY10" s="434">
        <v>3437798</v>
      </c>
      <c r="CZ10" s="435">
        <v>4739542</v>
      </c>
      <c r="DA10" s="433">
        <v>0</v>
      </c>
      <c r="DB10" s="434">
        <v>6358569</v>
      </c>
      <c r="DC10" s="434">
        <v>14330283</v>
      </c>
      <c r="DD10" s="434">
        <v>10441141</v>
      </c>
      <c r="DE10" s="434">
        <v>6925572</v>
      </c>
      <c r="DF10" s="434">
        <v>2118732</v>
      </c>
      <c r="DG10" s="435">
        <v>40174297</v>
      </c>
      <c r="DH10" s="437">
        <v>44913839</v>
      </c>
      <c r="DI10" s="433">
        <v>24928</v>
      </c>
      <c r="DJ10" s="434">
        <v>463404</v>
      </c>
      <c r="DK10" s="438">
        <v>488332</v>
      </c>
      <c r="DL10" s="439">
        <v>0</v>
      </c>
      <c r="DM10" s="434">
        <v>4199093</v>
      </c>
      <c r="DN10" s="434">
        <v>8164203</v>
      </c>
      <c r="DO10" s="434">
        <v>17954783</v>
      </c>
      <c r="DP10" s="434">
        <v>11143207</v>
      </c>
      <c r="DQ10" s="434">
        <v>5350818</v>
      </c>
      <c r="DR10" s="435">
        <v>46812104</v>
      </c>
      <c r="DS10" s="437">
        <v>47300436</v>
      </c>
      <c r="DT10" s="433">
        <v>24928</v>
      </c>
      <c r="DU10" s="434">
        <v>395235</v>
      </c>
      <c r="DV10" s="435">
        <v>420163</v>
      </c>
      <c r="DW10" s="433">
        <v>0</v>
      </c>
      <c r="DX10" s="434">
        <v>3425566</v>
      </c>
      <c r="DY10" s="434">
        <v>6104974</v>
      </c>
      <c r="DZ10" s="434">
        <v>14824004</v>
      </c>
      <c r="EA10" s="434">
        <v>8930504</v>
      </c>
      <c r="EB10" s="434">
        <v>3971775</v>
      </c>
      <c r="EC10" s="435">
        <v>37256823</v>
      </c>
      <c r="ED10" s="437">
        <v>37676986</v>
      </c>
      <c r="EE10" s="433">
        <v>0</v>
      </c>
      <c r="EF10" s="438">
        <v>68169</v>
      </c>
      <c r="EG10" s="435">
        <v>68169</v>
      </c>
      <c r="EH10" s="433">
        <v>0</v>
      </c>
      <c r="EI10" s="434">
        <v>773527</v>
      </c>
      <c r="EJ10" s="434">
        <v>2059229</v>
      </c>
      <c r="EK10" s="434">
        <v>3130779</v>
      </c>
      <c r="EL10" s="434">
        <v>2212703</v>
      </c>
      <c r="EM10" s="434">
        <v>1379043</v>
      </c>
      <c r="EN10" s="438">
        <v>9555281</v>
      </c>
      <c r="EO10" s="437">
        <v>9623450</v>
      </c>
      <c r="EP10" s="433">
        <v>0</v>
      </c>
      <c r="EQ10" s="434">
        <v>0</v>
      </c>
      <c r="ER10" s="438">
        <v>0</v>
      </c>
      <c r="ES10" s="439">
        <v>0</v>
      </c>
      <c r="ET10" s="434">
        <v>0</v>
      </c>
      <c r="EU10" s="434">
        <v>0</v>
      </c>
      <c r="EV10" s="434">
        <v>0</v>
      </c>
      <c r="EW10" s="434">
        <v>0</v>
      </c>
      <c r="EX10" s="434">
        <v>0</v>
      </c>
      <c r="EY10" s="435">
        <v>0</v>
      </c>
      <c r="EZ10" s="437">
        <v>0</v>
      </c>
      <c r="FA10" s="433">
        <v>0</v>
      </c>
      <c r="FB10" s="434">
        <v>0</v>
      </c>
      <c r="FC10" s="438">
        <v>0</v>
      </c>
      <c r="FD10" s="440"/>
      <c r="FE10" s="434">
        <v>0</v>
      </c>
      <c r="FF10" s="434">
        <v>0</v>
      </c>
      <c r="FG10" s="434">
        <v>0</v>
      </c>
      <c r="FH10" s="434">
        <v>0</v>
      </c>
      <c r="FI10" s="434">
        <v>0</v>
      </c>
      <c r="FJ10" s="435">
        <v>0</v>
      </c>
      <c r="FK10" s="437">
        <v>0</v>
      </c>
      <c r="FL10" s="433">
        <v>2521900</v>
      </c>
      <c r="FM10" s="434">
        <v>4321228</v>
      </c>
      <c r="FN10" s="435">
        <v>6843128</v>
      </c>
      <c r="FO10" s="433">
        <v>0</v>
      </c>
      <c r="FP10" s="434">
        <v>4403860</v>
      </c>
      <c r="FQ10" s="434">
        <v>16396914</v>
      </c>
      <c r="FR10" s="434">
        <v>11865803</v>
      </c>
      <c r="FS10" s="434">
        <v>10042715</v>
      </c>
      <c r="FT10" s="434">
        <v>6827916</v>
      </c>
      <c r="FU10" s="435">
        <v>49537208</v>
      </c>
      <c r="FV10" s="437">
        <v>56380336</v>
      </c>
      <c r="FW10" s="441">
        <v>1024232</v>
      </c>
      <c r="FX10" s="434">
        <v>2608608</v>
      </c>
      <c r="FY10" s="438">
        <v>3632840</v>
      </c>
      <c r="FZ10" s="439">
        <v>0</v>
      </c>
      <c r="GA10" s="434">
        <v>3153760</v>
      </c>
      <c r="GB10" s="434">
        <v>14586534</v>
      </c>
      <c r="GC10" s="434">
        <v>11025896</v>
      </c>
      <c r="GD10" s="434">
        <v>9281800</v>
      </c>
      <c r="GE10" s="434">
        <v>6146036</v>
      </c>
      <c r="GF10" s="435">
        <v>44194026</v>
      </c>
      <c r="GG10" s="442">
        <v>47826866</v>
      </c>
      <c r="GH10" s="441">
        <v>167356</v>
      </c>
      <c r="GI10" s="434">
        <v>198900</v>
      </c>
      <c r="GJ10" s="438">
        <v>366256</v>
      </c>
      <c r="GK10" s="439">
        <v>0</v>
      </c>
      <c r="GL10" s="434">
        <v>233124</v>
      </c>
      <c r="GM10" s="434">
        <v>429745</v>
      </c>
      <c r="GN10" s="434">
        <v>318912</v>
      </c>
      <c r="GO10" s="434">
        <v>207108</v>
      </c>
      <c r="GP10" s="434">
        <v>51480</v>
      </c>
      <c r="GQ10" s="435">
        <v>1240369</v>
      </c>
      <c r="GR10" s="437">
        <v>1606625</v>
      </c>
      <c r="GS10" s="433">
        <v>1330312</v>
      </c>
      <c r="GT10" s="434">
        <v>1513720</v>
      </c>
      <c r="GU10" s="435">
        <v>2844032</v>
      </c>
      <c r="GV10" s="433">
        <v>0</v>
      </c>
      <c r="GW10" s="434">
        <v>1016976</v>
      </c>
      <c r="GX10" s="434">
        <v>1380635</v>
      </c>
      <c r="GY10" s="434">
        <v>520995</v>
      </c>
      <c r="GZ10" s="434">
        <v>553807</v>
      </c>
      <c r="HA10" s="434">
        <v>630400</v>
      </c>
      <c r="HB10" s="438">
        <v>4102813</v>
      </c>
      <c r="HC10" s="437">
        <v>6946845</v>
      </c>
      <c r="HD10" s="433">
        <v>4170186</v>
      </c>
      <c r="HE10" s="434">
        <v>6043262</v>
      </c>
      <c r="HF10" s="438">
        <v>10213448</v>
      </c>
      <c r="HG10" s="439">
        <v>0</v>
      </c>
      <c r="HH10" s="434">
        <v>34120506</v>
      </c>
      <c r="HI10" s="434">
        <v>42896879</v>
      </c>
      <c r="HJ10" s="434">
        <v>46240889</v>
      </c>
      <c r="HK10" s="434">
        <v>42240225</v>
      </c>
      <c r="HL10" s="434">
        <v>28489080</v>
      </c>
      <c r="HM10" s="435">
        <v>193987579</v>
      </c>
      <c r="HN10" s="436">
        <v>204201027</v>
      </c>
      <c r="HO10" s="476"/>
      <c r="HP10" s="477"/>
      <c r="HQ10" s="478"/>
      <c r="HR10" s="479"/>
      <c r="HS10" s="477"/>
      <c r="HT10" s="477"/>
      <c r="HU10" s="477"/>
      <c r="HV10" s="477"/>
      <c r="HW10" s="477"/>
      <c r="HX10" s="480"/>
      <c r="HY10" s="481"/>
      <c r="HZ10" s="443">
        <v>217370</v>
      </c>
      <c r="IA10" s="444">
        <v>629415</v>
      </c>
      <c r="IB10" s="445">
        <v>846785</v>
      </c>
      <c r="IC10" s="446">
        <v>0</v>
      </c>
      <c r="ID10" s="447">
        <v>30836327</v>
      </c>
      <c r="IE10" s="448">
        <v>43419441</v>
      </c>
      <c r="IF10" s="449">
        <v>46047913</v>
      </c>
      <c r="IG10" s="447">
        <v>32191566</v>
      </c>
      <c r="IH10" s="449">
        <v>21797087</v>
      </c>
      <c r="II10" s="450">
        <v>174292334</v>
      </c>
      <c r="IJ10" s="451">
        <v>175139119</v>
      </c>
      <c r="IK10" s="452">
        <v>0</v>
      </c>
      <c r="IL10" s="453">
        <v>0</v>
      </c>
      <c r="IM10" s="454">
        <v>0</v>
      </c>
      <c r="IN10" s="455"/>
      <c r="IO10" s="456">
        <v>389917</v>
      </c>
      <c r="IP10" s="456">
        <v>1790361</v>
      </c>
      <c r="IQ10" s="456">
        <v>1877401</v>
      </c>
      <c r="IR10" s="456">
        <v>1195856</v>
      </c>
      <c r="IS10" s="456">
        <v>1687290</v>
      </c>
      <c r="IT10" s="457">
        <v>6940825</v>
      </c>
      <c r="IU10" s="458">
        <v>6940825</v>
      </c>
      <c r="IV10" s="459">
        <v>0</v>
      </c>
      <c r="IW10" s="456">
        <v>0</v>
      </c>
      <c r="IX10" s="460">
        <v>0</v>
      </c>
      <c r="IY10" s="461"/>
      <c r="IZ10" s="456">
        <v>192358</v>
      </c>
      <c r="JA10" s="456">
        <v>409767</v>
      </c>
      <c r="JB10" s="456">
        <v>581893</v>
      </c>
      <c r="JC10" s="456">
        <v>666914</v>
      </c>
      <c r="JD10" s="456">
        <v>775410</v>
      </c>
      <c r="JE10" s="460">
        <v>2626342</v>
      </c>
      <c r="JF10" s="462">
        <v>2626342</v>
      </c>
      <c r="JG10" s="459">
        <v>0</v>
      </c>
      <c r="JH10" s="456">
        <v>0</v>
      </c>
      <c r="JI10" s="457">
        <v>0</v>
      </c>
      <c r="JJ10" s="463">
        <v>0</v>
      </c>
      <c r="JK10" s="456">
        <v>13773164</v>
      </c>
      <c r="JL10" s="456">
        <v>16391226</v>
      </c>
      <c r="JM10" s="456">
        <v>14218565</v>
      </c>
      <c r="JN10" s="456">
        <v>9123019</v>
      </c>
      <c r="JO10" s="456">
        <v>3815682</v>
      </c>
      <c r="JP10" s="460">
        <v>57321656</v>
      </c>
      <c r="JQ10" s="458">
        <v>57321656</v>
      </c>
      <c r="JR10" s="459">
        <v>0</v>
      </c>
      <c r="JS10" s="456">
        <v>93236</v>
      </c>
      <c r="JT10" s="457">
        <v>93236</v>
      </c>
      <c r="JU10" s="463">
        <v>0</v>
      </c>
      <c r="JV10" s="456">
        <v>3169349</v>
      </c>
      <c r="JW10" s="456">
        <v>4295745</v>
      </c>
      <c r="JX10" s="456">
        <v>5600639</v>
      </c>
      <c r="JY10" s="456">
        <v>2114882</v>
      </c>
      <c r="JZ10" s="456">
        <v>2097456</v>
      </c>
      <c r="KA10" s="460">
        <v>17278071</v>
      </c>
      <c r="KB10" s="458">
        <v>17371307</v>
      </c>
      <c r="KC10" s="464">
        <v>217370</v>
      </c>
      <c r="KD10" s="465">
        <v>536179</v>
      </c>
      <c r="KE10" s="460">
        <v>753549</v>
      </c>
      <c r="KF10" s="463">
        <v>0</v>
      </c>
      <c r="KG10" s="456">
        <v>3764633</v>
      </c>
      <c r="KH10" s="456">
        <v>4660679</v>
      </c>
      <c r="KI10" s="456">
        <v>6751811</v>
      </c>
      <c r="KJ10" s="456">
        <v>5607722</v>
      </c>
      <c r="KK10" s="456">
        <v>2285569</v>
      </c>
      <c r="KL10" s="460">
        <v>23070414</v>
      </c>
      <c r="KM10" s="466">
        <v>23823963</v>
      </c>
      <c r="KN10" s="452">
        <v>0</v>
      </c>
      <c r="KO10" s="453">
        <v>0</v>
      </c>
      <c r="KP10" s="454">
        <v>0</v>
      </c>
      <c r="KQ10" s="455"/>
      <c r="KR10" s="456">
        <v>8706513</v>
      </c>
      <c r="KS10" s="456">
        <v>15024868</v>
      </c>
      <c r="KT10" s="456">
        <v>15475564</v>
      </c>
      <c r="KU10" s="456">
        <v>11469820</v>
      </c>
      <c r="KV10" s="456">
        <v>4128850</v>
      </c>
      <c r="KW10" s="460">
        <v>54805615</v>
      </c>
      <c r="KX10" s="458">
        <v>54805615</v>
      </c>
      <c r="KY10" s="459">
        <v>0</v>
      </c>
      <c r="KZ10" s="456">
        <v>0</v>
      </c>
      <c r="LA10" s="460">
        <v>0</v>
      </c>
      <c r="LB10" s="467">
        <v>0</v>
      </c>
      <c r="LC10" s="456">
        <v>0</v>
      </c>
      <c r="LD10" s="456">
        <v>0</v>
      </c>
      <c r="LE10" s="456">
        <v>0</v>
      </c>
      <c r="LF10" s="456">
        <v>0</v>
      </c>
      <c r="LG10" s="456">
        <v>0</v>
      </c>
      <c r="LH10" s="460">
        <v>0</v>
      </c>
      <c r="LI10" s="462">
        <v>0</v>
      </c>
      <c r="LJ10" s="459">
        <v>0</v>
      </c>
      <c r="LK10" s="456">
        <v>0</v>
      </c>
      <c r="LL10" s="460">
        <v>0</v>
      </c>
      <c r="LM10" s="467"/>
      <c r="LN10" s="456">
        <v>0</v>
      </c>
      <c r="LO10" s="456">
        <v>246456</v>
      </c>
      <c r="LP10" s="456">
        <v>1506112</v>
      </c>
      <c r="LQ10" s="456">
        <v>579539</v>
      </c>
      <c r="LR10" s="456">
        <v>621647</v>
      </c>
      <c r="LS10" s="460">
        <v>2953754</v>
      </c>
      <c r="LT10" s="458">
        <v>2953754</v>
      </c>
      <c r="LU10" s="459">
        <v>0</v>
      </c>
      <c r="LV10" s="456">
        <v>0</v>
      </c>
      <c r="LW10" s="460">
        <v>0</v>
      </c>
      <c r="LX10" s="467"/>
      <c r="LY10" s="456">
        <v>840393</v>
      </c>
      <c r="LZ10" s="456">
        <v>600339</v>
      </c>
      <c r="MA10" s="456">
        <v>35928</v>
      </c>
      <c r="MB10" s="456">
        <v>1433814</v>
      </c>
      <c r="MC10" s="456">
        <v>6385183</v>
      </c>
      <c r="MD10" s="460">
        <v>9295657</v>
      </c>
      <c r="ME10" s="462">
        <v>9295657</v>
      </c>
      <c r="MF10" s="459">
        <v>0</v>
      </c>
      <c r="MG10" s="456">
        <v>0</v>
      </c>
      <c r="MH10" s="460">
        <v>0</v>
      </c>
      <c r="MI10" s="467"/>
      <c r="MJ10" s="456">
        <v>9921345</v>
      </c>
      <c r="MK10" s="456">
        <v>35725421</v>
      </c>
      <c r="ML10" s="456">
        <v>96124745</v>
      </c>
      <c r="MM10" s="456">
        <v>125504720</v>
      </c>
      <c r="MN10" s="456">
        <v>80665964</v>
      </c>
      <c r="MO10" s="460">
        <v>347942195</v>
      </c>
      <c r="MP10" s="466">
        <v>347942195</v>
      </c>
      <c r="MQ10" s="459">
        <v>0</v>
      </c>
      <c r="MR10" s="456">
        <v>0</v>
      </c>
      <c r="MS10" s="460">
        <v>0</v>
      </c>
      <c r="MT10" s="467"/>
      <c r="MU10" s="456">
        <v>1066731</v>
      </c>
      <c r="MV10" s="456">
        <v>8203078</v>
      </c>
      <c r="MW10" s="456">
        <v>59363611</v>
      </c>
      <c r="MX10" s="456">
        <v>72640158</v>
      </c>
      <c r="MY10" s="456">
        <v>47556873</v>
      </c>
      <c r="MZ10" s="460">
        <v>188830451</v>
      </c>
      <c r="NA10" s="466">
        <v>188830451</v>
      </c>
      <c r="NB10" s="459">
        <v>0</v>
      </c>
      <c r="NC10" s="456">
        <v>0</v>
      </c>
      <c r="ND10" s="460">
        <v>0</v>
      </c>
      <c r="NE10" s="467"/>
      <c r="NF10" s="456">
        <v>8854614</v>
      </c>
      <c r="NG10" s="456">
        <v>27522343</v>
      </c>
      <c r="NH10" s="456">
        <v>36388600</v>
      </c>
      <c r="NI10" s="456">
        <v>49798686</v>
      </c>
      <c r="NJ10" s="456">
        <v>28806963</v>
      </c>
      <c r="NK10" s="460">
        <v>151371206</v>
      </c>
      <c r="NL10" s="458">
        <v>151371206</v>
      </c>
      <c r="NM10" s="459">
        <v>0</v>
      </c>
      <c r="NN10" s="456">
        <v>0</v>
      </c>
      <c r="NO10" s="460">
        <v>0</v>
      </c>
      <c r="NP10" s="467"/>
      <c r="NQ10" s="456">
        <v>0</v>
      </c>
      <c r="NR10" s="456">
        <v>0</v>
      </c>
      <c r="NS10" s="456">
        <v>0</v>
      </c>
      <c r="NT10" s="456">
        <v>1295035</v>
      </c>
      <c r="NU10" s="456">
        <v>1702377</v>
      </c>
      <c r="NV10" s="460">
        <v>2997412</v>
      </c>
      <c r="NW10" s="462">
        <v>2997412</v>
      </c>
      <c r="NX10" s="459">
        <v>0</v>
      </c>
      <c r="NY10" s="456">
        <v>0</v>
      </c>
      <c r="NZ10" s="460">
        <v>0</v>
      </c>
      <c r="OA10" s="467"/>
      <c r="OB10" s="456">
        <v>0</v>
      </c>
      <c r="OC10" s="456">
        <v>0</v>
      </c>
      <c r="OD10" s="456">
        <v>372534</v>
      </c>
      <c r="OE10" s="456">
        <v>1770841</v>
      </c>
      <c r="OF10" s="456">
        <v>2599751</v>
      </c>
      <c r="OG10" s="460">
        <v>4743126</v>
      </c>
      <c r="OH10" s="462">
        <v>4743126</v>
      </c>
      <c r="OI10" s="459">
        <v>11967621</v>
      </c>
      <c r="OJ10" s="456">
        <v>22977464</v>
      </c>
      <c r="OK10" s="457">
        <v>34945085</v>
      </c>
      <c r="OL10" s="463">
        <v>0</v>
      </c>
      <c r="OM10" s="456">
        <v>152651956</v>
      </c>
      <c r="ON10" s="456">
        <v>259643861</v>
      </c>
      <c r="OO10" s="456">
        <v>305766382</v>
      </c>
      <c r="OP10" s="456">
        <v>289734915</v>
      </c>
      <c r="OQ10" s="456">
        <v>190916716</v>
      </c>
      <c r="OR10" s="460">
        <v>1198713830</v>
      </c>
      <c r="OS10" s="466">
        <v>1233658915</v>
      </c>
    </row>
    <row r="11" spans="1:409" ht="20.25" customHeight="1" x14ac:dyDescent="0.2">
      <c r="B11" s="126" t="s">
        <v>6</v>
      </c>
      <c r="C11" s="110">
        <v>4258163</v>
      </c>
      <c r="D11" s="114">
        <v>3946429</v>
      </c>
      <c r="E11" s="113">
        <v>8204592</v>
      </c>
      <c r="F11" s="109">
        <v>0</v>
      </c>
      <c r="G11" s="114">
        <v>39253746</v>
      </c>
      <c r="H11" s="114">
        <v>43064667</v>
      </c>
      <c r="I11" s="114">
        <v>42148462</v>
      </c>
      <c r="J11" s="114">
        <v>43377784</v>
      </c>
      <c r="K11" s="114">
        <v>27145479</v>
      </c>
      <c r="L11" s="109">
        <v>194990138</v>
      </c>
      <c r="M11" s="116">
        <v>203194730</v>
      </c>
      <c r="N11" s="110">
        <v>1180691</v>
      </c>
      <c r="O11" s="114">
        <v>1148783</v>
      </c>
      <c r="P11" s="113">
        <v>2329474</v>
      </c>
      <c r="Q11" s="110">
        <v>0</v>
      </c>
      <c r="R11" s="114">
        <v>12348012</v>
      </c>
      <c r="S11" s="114">
        <v>13130496</v>
      </c>
      <c r="T11" s="114">
        <v>13941231</v>
      </c>
      <c r="U11" s="114">
        <v>17737892</v>
      </c>
      <c r="V11" s="114">
        <v>12720132</v>
      </c>
      <c r="W11" s="113">
        <v>69877763</v>
      </c>
      <c r="X11" s="116">
        <v>72207237</v>
      </c>
      <c r="Y11" s="110">
        <v>0</v>
      </c>
      <c r="Z11" s="114">
        <v>0</v>
      </c>
      <c r="AA11" s="113">
        <v>0</v>
      </c>
      <c r="AB11" s="110">
        <v>0</v>
      </c>
      <c r="AC11" s="114">
        <v>5172031</v>
      </c>
      <c r="AD11" s="114">
        <v>5229941</v>
      </c>
      <c r="AE11" s="114">
        <v>7217426</v>
      </c>
      <c r="AF11" s="114">
        <v>9575458</v>
      </c>
      <c r="AG11" s="114">
        <v>6204849</v>
      </c>
      <c r="AH11" s="113">
        <v>33399705</v>
      </c>
      <c r="AI11" s="116">
        <v>33399705</v>
      </c>
      <c r="AJ11" s="110">
        <v>0</v>
      </c>
      <c r="AK11" s="114">
        <v>0</v>
      </c>
      <c r="AL11" s="113">
        <v>0</v>
      </c>
      <c r="AM11" s="110">
        <v>0</v>
      </c>
      <c r="AN11" s="114">
        <v>62048</v>
      </c>
      <c r="AO11" s="114">
        <v>108246</v>
      </c>
      <c r="AP11" s="114">
        <v>278537</v>
      </c>
      <c r="AQ11" s="114">
        <v>575587</v>
      </c>
      <c r="AR11" s="114">
        <v>1531722</v>
      </c>
      <c r="AS11" s="113">
        <v>2556140</v>
      </c>
      <c r="AT11" s="116">
        <v>2556140</v>
      </c>
      <c r="AU11" s="110">
        <v>515347</v>
      </c>
      <c r="AV11" s="114">
        <v>753009</v>
      </c>
      <c r="AW11" s="113">
        <v>1268356</v>
      </c>
      <c r="AX11" s="110">
        <v>0</v>
      </c>
      <c r="AY11" s="114">
        <v>4555489</v>
      </c>
      <c r="AZ11" s="114">
        <v>4861132</v>
      </c>
      <c r="BA11" s="114">
        <v>3544668</v>
      </c>
      <c r="BB11" s="114">
        <v>4625788</v>
      </c>
      <c r="BC11" s="114">
        <v>3358828</v>
      </c>
      <c r="BD11" s="113">
        <v>20945905</v>
      </c>
      <c r="BE11" s="116">
        <v>22214261</v>
      </c>
      <c r="BF11" s="110">
        <v>21376</v>
      </c>
      <c r="BG11" s="114">
        <v>23918</v>
      </c>
      <c r="BH11" s="112">
        <v>45294</v>
      </c>
      <c r="BI11" s="111">
        <v>0</v>
      </c>
      <c r="BJ11" s="114">
        <v>308748</v>
      </c>
      <c r="BK11" s="114">
        <v>446137</v>
      </c>
      <c r="BL11" s="114">
        <v>156840</v>
      </c>
      <c r="BM11" s="114">
        <v>422299</v>
      </c>
      <c r="BN11" s="114">
        <v>64677</v>
      </c>
      <c r="BO11" s="113">
        <v>1398701</v>
      </c>
      <c r="BP11" s="116">
        <v>1443995</v>
      </c>
      <c r="BQ11" s="110">
        <v>643968</v>
      </c>
      <c r="BR11" s="114">
        <v>371856</v>
      </c>
      <c r="BS11" s="113">
        <v>1015824</v>
      </c>
      <c r="BT11" s="110">
        <v>0</v>
      </c>
      <c r="BU11" s="114">
        <v>2249696</v>
      </c>
      <c r="BV11" s="114">
        <v>2485040</v>
      </c>
      <c r="BW11" s="114">
        <v>2743760</v>
      </c>
      <c r="BX11" s="114">
        <v>2538760</v>
      </c>
      <c r="BY11" s="114">
        <v>1560056</v>
      </c>
      <c r="BZ11" s="113">
        <v>11577312</v>
      </c>
      <c r="CA11" s="116">
        <v>12593136</v>
      </c>
      <c r="CB11" s="110">
        <v>150092</v>
      </c>
      <c r="CC11" s="114">
        <v>396666</v>
      </c>
      <c r="CD11" s="113">
        <v>546758</v>
      </c>
      <c r="CE11" s="110">
        <v>0</v>
      </c>
      <c r="CF11" s="114">
        <v>12453730</v>
      </c>
      <c r="CG11" s="114">
        <v>12476661</v>
      </c>
      <c r="CH11" s="114">
        <v>9970094</v>
      </c>
      <c r="CI11" s="114">
        <v>6292271</v>
      </c>
      <c r="CJ11" s="114">
        <v>3060933</v>
      </c>
      <c r="CK11" s="113">
        <v>44253689</v>
      </c>
      <c r="CL11" s="116">
        <v>44800447</v>
      </c>
      <c r="CM11" s="110">
        <v>0</v>
      </c>
      <c r="CN11" s="114">
        <v>0</v>
      </c>
      <c r="CO11" s="113">
        <v>0</v>
      </c>
      <c r="CP11" s="111">
        <v>0</v>
      </c>
      <c r="CQ11" s="114">
        <v>10125768</v>
      </c>
      <c r="CR11" s="114">
        <v>8680275</v>
      </c>
      <c r="CS11" s="114">
        <v>6846414</v>
      </c>
      <c r="CT11" s="114">
        <v>4550466</v>
      </c>
      <c r="CU11" s="114">
        <v>2138308</v>
      </c>
      <c r="CV11" s="113">
        <v>32341231</v>
      </c>
      <c r="CW11" s="116">
        <v>32341231</v>
      </c>
      <c r="CX11" s="110">
        <v>150092</v>
      </c>
      <c r="CY11" s="114">
        <v>396666</v>
      </c>
      <c r="CZ11" s="113">
        <v>546758</v>
      </c>
      <c r="DA11" s="110">
        <v>0</v>
      </c>
      <c r="DB11" s="114">
        <v>2327962</v>
      </c>
      <c r="DC11" s="114">
        <v>3796386</v>
      </c>
      <c r="DD11" s="114">
        <v>3123680</v>
      </c>
      <c r="DE11" s="114">
        <v>1741805</v>
      </c>
      <c r="DF11" s="114">
        <v>922625</v>
      </c>
      <c r="DG11" s="113">
        <v>11912458</v>
      </c>
      <c r="DH11" s="116">
        <v>12459216</v>
      </c>
      <c r="DI11" s="110">
        <v>78707</v>
      </c>
      <c r="DJ11" s="114">
        <v>78404</v>
      </c>
      <c r="DK11" s="112">
        <v>157111</v>
      </c>
      <c r="DL11" s="111">
        <v>0</v>
      </c>
      <c r="DM11" s="114">
        <v>1134918</v>
      </c>
      <c r="DN11" s="114">
        <v>2009259</v>
      </c>
      <c r="DO11" s="114">
        <v>2764796</v>
      </c>
      <c r="DP11" s="114">
        <v>2261985</v>
      </c>
      <c r="DQ11" s="114">
        <v>1081907</v>
      </c>
      <c r="DR11" s="113">
        <v>9252865</v>
      </c>
      <c r="DS11" s="116">
        <v>9409976</v>
      </c>
      <c r="DT11" s="110">
        <v>78707</v>
      </c>
      <c r="DU11" s="114">
        <v>78404</v>
      </c>
      <c r="DV11" s="113">
        <v>157111</v>
      </c>
      <c r="DW11" s="110">
        <v>0</v>
      </c>
      <c r="DX11" s="114">
        <v>1018114</v>
      </c>
      <c r="DY11" s="114">
        <v>1751861</v>
      </c>
      <c r="DZ11" s="114">
        <v>2056089</v>
      </c>
      <c r="EA11" s="114">
        <v>1670194</v>
      </c>
      <c r="EB11" s="114">
        <v>694257</v>
      </c>
      <c r="EC11" s="113">
        <v>7190515</v>
      </c>
      <c r="ED11" s="116">
        <v>7347626</v>
      </c>
      <c r="EE11" s="110">
        <v>0</v>
      </c>
      <c r="EF11" s="112">
        <v>0</v>
      </c>
      <c r="EG11" s="113">
        <v>0</v>
      </c>
      <c r="EH11" s="110">
        <v>0</v>
      </c>
      <c r="EI11" s="114">
        <v>116804</v>
      </c>
      <c r="EJ11" s="114">
        <v>257398</v>
      </c>
      <c r="EK11" s="114">
        <v>708707</v>
      </c>
      <c r="EL11" s="114">
        <v>591791</v>
      </c>
      <c r="EM11" s="114">
        <v>387650</v>
      </c>
      <c r="EN11" s="112">
        <v>2062350</v>
      </c>
      <c r="EO11" s="116">
        <v>2062350</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8"/>
      <c r="FE11" s="114">
        <v>0</v>
      </c>
      <c r="FF11" s="114">
        <v>0</v>
      </c>
      <c r="FG11" s="114">
        <v>0</v>
      </c>
      <c r="FH11" s="114">
        <v>0</v>
      </c>
      <c r="FI11" s="114">
        <v>0</v>
      </c>
      <c r="FJ11" s="113">
        <v>0</v>
      </c>
      <c r="FK11" s="116">
        <v>0</v>
      </c>
      <c r="FL11" s="110">
        <v>628992</v>
      </c>
      <c r="FM11" s="114">
        <v>793488</v>
      </c>
      <c r="FN11" s="113">
        <v>1422480</v>
      </c>
      <c r="FO11" s="110">
        <v>0</v>
      </c>
      <c r="FP11" s="114">
        <v>2066656</v>
      </c>
      <c r="FQ11" s="114">
        <v>4132544</v>
      </c>
      <c r="FR11" s="114">
        <v>3677132</v>
      </c>
      <c r="FS11" s="114">
        <v>4078963</v>
      </c>
      <c r="FT11" s="114">
        <v>2469072</v>
      </c>
      <c r="FU11" s="113">
        <v>16424367</v>
      </c>
      <c r="FV11" s="116">
        <v>17846847</v>
      </c>
      <c r="FW11" s="115">
        <v>310352</v>
      </c>
      <c r="FX11" s="114">
        <v>612416</v>
      </c>
      <c r="FY11" s="112">
        <v>922768</v>
      </c>
      <c r="FZ11" s="111">
        <v>0</v>
      </c>
      <c r="GA11" s="114">
        <v>1601544</v>
      </c>
      <c r="GB11" s="114">
        <v>3535536</v>
      </c>
      <c r="GC11" s="114">
        <v>3445884</v>
      </c>
      <c r="GD11" s="114">
        <v>3346480</v>
      </c>
      <c r="GE11" s="114">
        <v>2074024</v>
      </c>
      <c r="GF11" s="113">
        <v>14003468</v>
      </c>
      <c r="GG11" s="319">
        <v>14926236</v>
      </c>
      <c r="GH11" s="115">
        <v>10000</v>
      </c>
      <c r="GI11" s="114">
        <v>75632</v>
      </c>
      <c r="GJ11" s="112">
        <v>85632</v>
      </c>
      <c r="GK11" s="111">
        <v>0</v>
      </c>
      <c r="GL11" s="114">
        <v>51296</v>
      </c>
      <c r="GM11" s="114">
        <v>104208</v>
      </c>
      <c r="GN11" s="114">
        <v>36208</v>
      </c>
      <c r="GO11" s="114">
        <v>296563</v>
      </c>
      <c r="GP11" s="114">
        <v>75048</v>
      </c>
      <c r="GQ11" s="113">
        <v>563323</v>
      </c>
      <c r="GR11" s="116">
        <v>648955</v>
      </c>
      <c r="GS11" s="110">
        <v>308640</v>
      </c>
      <c r="GT11" s="114">
        <v>105440</v>
      </c>
      <c r="GU11" s="113">
        <v>414080</v>
      </c>
      <c r="GV11" s="110">
        <v>0</v>
      </c>
      <c r="GW11" s="114">
        <v>413816</v>
      </c>
      <c r="GX11" s="114">
        <v>492800</v>
      </c>
      <c r="GY11" s="114">
        <v>195040</v>
      </c>
      <c r="GZ11" s="114">
        <v>435920</v>
      </c>
      <c r="HA11" s="114">
        <v>320000</v>
      </c>
      <c r="HB11" s="112">
        <v>1857576</v>
      </c>
      <c r="HC11" s="116">
        <v>2271656</v>
      </c>
      <c r="HD11" s="110">
        <v>2219681</v>
      </c>
      <c r="HE11" s="114">
        <v>1529088</v>
      </c>
      <c r="HF11" s="112">
        <v>3748769</v>
      </c>
      <c r="HG11" s="111">
        <v>0</v>
      </c>
      <c r="HH11" s="114">
        <v>11250430</v>
      </c>
      <c r="HI11" s="114">
        <v>11315707</v>
      </c>
      <c r="HJ11" s="114">
        <v>11795209</v>
      </c>
      <c r="HK11" s="114">
        <v>13006673</v>
      </c>
      <c r="HL11" s="114">
        <v>7813435</v>
      </c>
      <c r="HM11" s="113">
        <v>55181454</v>
      </c>
      <c r="HN11" s="109">
        <v>58930223</v>
      </c>
      <c r="HO11" s="329"/>
      <c r="HP11" s="330"/>
      <c r="HQ11" s="331"/>
      <c r="HR11" s="332"/>
      <c r="HS11" s="330"/>
      <c r="HT11" s="330"/>
      <c r="HU11" s="330"/>
      <c r="HV11" s="330"/>
      <c r="HW11" s="330"/>
      <c r="HX11" s="333"/>
      <c r="HY11" s="334"/>
      <c r="HZ11" s="131">
        <v>43424</v>
      </c>
      <c r="IA11" s="132">
        <v>35337</v>
      </c>
      <c r="IB11" s="133">
        <v>78761</v>
      </c>
      <c r="IC11" s="146">
        <v>0</v>
      </c>
      <c r="ID11" s="132">
        <v>11124993</v>
      </c>
      <c r="IE11" s="147">
        <v>13244401</v>
      </c>
      <c r="IF11" s="133">
        <v>18233177</v>
      </c>
      <c r="IG11" s="132">
        <v>15428746</v>
      </c>
      <c r="IH11" s="133">
        <v>8284416</v>
      </c>
      <c r="II11" s="148">
        <v>66315733</v>
      </c>
      <c r="IJ11" s="139">
        <v>66394494</v>
      </c>
      <c r="IK11" s="232">
        <v>0</v>
      </c>
      <c r="IL11" s="236">
        <v>0</v>
      </c>
      <c r="IM11" s="237">
        <v>0</v>
      </c>
      <c r="IN11" s="140"/>
      <c r="IO11" s="119">
        <v>219264</v>
      </c>
      <c r="IP11" s="119">
        <v>698373</v>
      </c>
      <c r="IQ11" s="119">
        <v>634975</v>
      </c>
      <c r="IR11" s="119">
        <v>1834561</v>
      </c>
      <c r="IS11" s="119">
        <v>1207531</v>
      </c>
      <c r="IT11" s="141">
        <v>4594704</v>
      </c>
      <c r="IU11" s="321">
        <v>4594704</v>
      </c>
      <c r="IV11" s="142">
        <v>0</v>
      </c>
      <c r="IW11" s="119">
        <v>0</v>
      </c>
      <c r="IX11" s="120">
        <v>0</v>
      </c>
      <c r="IY11" s="144"/>
      <c r="IZ11" s="119">
        <v>85158</v>
      </c>
      <c r="JA11" s="119">
        <v>104114</v>
      </c>
      <c r="JB11" s="119">
        <v>246896</v>
      </c>
      <c r="JC11" s="119">
        <v>179184</v>
      </c>
      <c r="JD11" s="119">
        <v>77996</v>
      </c>
      <c r="JE11" s="120">
        <v>693348</v>
      </c>
      <c r="JF11" s="121">
        <v>693348</v>
      </c>
      <c r="JG11" s="142">
        <v>0</v>
      </c>
      <c r="JH11" s="119">
        <v>0</v>
      </c>
      <c r="JI11" s="141">
        <v>0</v>
      </c>
      <c r="JJ11" s="118">
        <v>0</v>
      </c>
      <c r="JK11" s="119">
        <v>3946522</v>
      </c>
      <c r="JL11" s="119">
        <v>3061522</v>
      </c>
      <c r="JM11" s="119">
        <v>3153476</v>
      </c>
      <c r="JN11" s="119">
        <v>1717469</v>
      </c>
      <c r="JO11" s="119">
        <v>1204057</v>
      </c>
      <c r="JP11" s="120">
        <v>13083046</v>
      </c>
      <c r="JQ11" s="321">
        <v>13083046</v>
      </c>
      <c r="JR11" s="142">
        <v>0</v>
      </c>
      <c r="JS11" s="119">
        <v>0</v>
      </c>
      <c r="JT11" s="141">
        <v>0</v>
      </c>
      <c r="JU11" s="118">
        <v>0</v>
      </c>
      <c r="JV11" s="119">
        <v>1317051</v>
      </c>
      <c r="JW11" s="119">
        <v>1217324</v>
      </c>
      <c r="JX11" s="119">
        <v>1504780</v>
      </c>
      <c r="JY11" s="119">
        <v>518538</v>
      </c>
      <c r="JZ11" s="119">
        <v>508685</v>
      </c>
      <c r="KA11" s="120">
        <v>5066378</v>
      </c>
      <c r="KB11" s="321">
        <v>5066378</v>
      </c>
      <c r="KC11" s="234">
        <v>43424</v>
      </c>
      <c r="KD11" s="230">
        <v>35337</v>
      </c>
      <c r="KE11" s="120">
        <v>78761</v>
      </c>
      <c r="KF11" s="118">
        <v>0</v>
      </c>
      <c r="KG11" s="119">
        <v>1161488</v>
      </c>
      <c r="KH11" s="119">
        <v>2460139</v>
      </c>
      <c r="KI11" s="119">
        <v>2056295</v>
      </c>
      <c r="KJ11" s="119">
        <v>1666984</v>
      </c>
      <c r="KK11" s="119">
        <v>444982</v>
      </c>
      <c r="KL11" s="120">
        <v>7789888</v>
      </c>
      <c r="KM11" s="143">
        <v>7868649</v>
      </c>
      <c r="KN11" s="232">
        <v>0</v>
      </c>
      <c r="KO11" s="236">
        <v>0</v>
      </c>
      <c r="KP11" s="237">
        <v>0</v>
      </c>
      <c r="KQ11" s="140"/>
      <c r="KR11" s="119">
        <v>3818725</v>
      </c>
      <c r="KS11" s="119">
        <v>5293320</v>
      </c>
      <c r="KT11" s="119">
        <v>7863887</v>
      </c>
      <c r="KU11" s="119">
        <v>5093473</v>
      </c>
      <c r="KV11" s="119">
        <v>2119001</v>
      </c>
      <c r="KW11" s="120">
        <v>24188406</v>
      </c>
      <c r="KX11" s="321">
        <v>24188406</v>
      </c>
      <c r="KY11" s="142">
        <v>0</v>
      </c>
      <c r="KZ11" s="119">
        <v>0</v>
      </c>
      <c r="LA11" s="120">
        <v>0</v>
      </c>
      <c r="LB11" s="145">
        <v>0</v>
      </c>
      <c r="LC11" s="119">
        <v>0</v>
      </c>
      <c r="LD11" s="119">
        <v>0</v>
      </c>
      <c r="LE11" s="119">
        <v>0</v>
      </c>
      <c r="LF11" s="119">
        <v>0</v>
      </c>
      <c r="LG11" s="119">
        <v>0</v>
      </c>
      <c r="LH11" s="120">
        <v>0</v>
      </c>
      <c r="LI11" s="121">
        <v>0</v>
      </c>
      <c r="LJ11" s="142">
        <v>0</v>
      </c>
      <c r="LK11" s="119">
        <v>0</v>
      </c>
      <c r="LL11" s="120">
        <v>0</v>
      </c>
      <c r="LM11" s="145"/>
      <c r="LN11" s="119">
        <v>0</v>
      </c>
      <c r="LO11" s="119">
        <v>0</v>
      </c>
      <c r="LP11" s="119">
        <v>1908084</v>
      </c>
      <c r="LQ11" s="119">
        <v>853173</v>
      </c>
      <c r="LR11" s="119">
        <v>649914</v>
      </c>
      <c r="LS11" s="120">
        <v>3411171</v>
      </c>
      <c r="LT11" s="321">
        <v>3411171</v>
      </c>
      <c r="LU11" s="142">
        <v>0</v>
      </c>
      <c r="LV11" s="119">
        <v>0</v>
      </c>
      <c r="LW11" s="120">
        <v>0</v>
      </c>
      <c r="LX11" s="145"/>
      <c r="LY11" s="119">
        <v>576785</v>
      </c>
      <c r="LZ11" s="119">
        <v>409609</v>
      </c>
      <c r="MA11" s="119">
        <v>864784</v>
      </c>
      <c r="MB11" s="119">
        <v>3565364</v>
      </c>
      <c r="MC11" s="119">
        <v>2072250</v>
      </c>
      <c r="MD11" s="120">
        <v>7488792</v>
      </c>
      <c r="ME11" s="121">
        <v>7488792</v>
      </c>
      <c r="MF11" s="142">
        <v>0</v>
      </c>
      <c r="MG11" s="119">
        <v>0</v>
      </c>
      <c r="MH11" s="120">
        <v>0</v>
      </c>
      <c r="MI11" s="145"/>
      <c r="MJ11" s="119">
        <v>2629420</v>
      </c>
      <c r="MK11" s="119">
        <v>6796232</v>
      </c>
      <c r="ML11" s="119">
        <v>17604287</v>
      </c>
      <c r="MM11" s="119">
        <v>25319562</v>
      </c>
      <c r="MN11" s="119">
        <v>22705453</v>
      </c>
      <c r="MO11" s="120">
        <v>75054954</v>
      </c>
      <c r="MP11" s="143">
        <v>75054954</v>
      </c>
      <c r="MQ11" s="142">
        <v>0</v>
      </c>
      <c r="MR11" s="119">
        <v>0</v>
      </c>
      <c r="MS11" s="120">
        <v>0</v>
      </c>
      <c r="MT11" s="145"/>
      <c r="MU11" s="119">
        <v>195910</v>
      </c>
      <c r="MV11" s="119">
        <v>1086327</v>
      </c>
      <c r="MW11" s="119">
        <v>9933877</v>
      </c>
      <c r="MX11" s="119">
        <v>13395835</v>
      </c>
      <c r="MY11" s="119">
        <v>12479843</v>
      </c>
      <c r="MZ11" s="120">
        <v>37091792</v>
      </c>
      <c r="NA11" s="143">
        <v>37091792</v>
      </c>
      <c r="NB11" s="142">
        <v>0</v>
      </c>
      <c r="NC11" s="119">
        <v>0</v>
      </c>
      <c r="ND11" s="120">
        <v>0</v>
      </c>
      <c r="NE11" s="145"/>
      <c r="NF11" s="119">
        <v>2433510</v>
      </c>
      <c r="NG11" s="119">
        <v>5709905</v>
      </c>
      <c r="NH11" s="119">
        <v>7354522</v>
      </c>
      <c r="NI11" s="119">
        <v>9477178</v>
      </c>
      <c r="NJ11" s="119">
        <v>5893224</v>
      </c>
      <c r="NK11" s="120">
        <v>30868339</v>
      </c>
      <c r="NL11" s="321">
        <v>30868339</v>
      </c>
      <c r="NM11" s="142">
        <v>0</v>
      </c>
      <c r="NN11" s="119">
        <v>0</v>
      </c>
      <c r="NO11" s="120">
        <v>0</v>
      </c>
      <c r="NP11" s="145"/>
      <c r="NQ11" s="119">
        <v>0</v>
      </c>
      <c r="NR11" s="119">
        <v>0</v>
      </c>
      <c r="NS11" s="119">
        <v>315888</v>
      </c>
      <c r="NT11" s="119">
        <v>2119453</v>
      </c>
      <c r="NU11" s="119">
        <v>2029795</v>
      </c>
      <c r="NV11" s="120">
        <v>4465136</v>
      </c>
      <c r="NW11" s="121">
        <v>4465136</v>
      </c>
      <c r="NX11" s="142">
        <v>0</v>
      </c>
      <c r="NY11" s="119">
        <v>0</v>
      </c>
      <c r="NZ11" s="120">
        <v>0</v>
      </c>
      <c r="OA11" s="145"/>
      <c r="OB11" s="119">
        <v>0</v>
      </c>
      <c r="OC11" s="119">
        <v>0</v>
      </c>
      <c r="OD11" s="119">
        <v>0</v>
      </c>
      <c r="OE11" s="119">
        <v>327096</v>
      </c>
      <c r="OF11" s="119">
        <v>2302591</v>
      </c>
      <c r="OG11" s="120">
        <v>2629687</v>
      </c>
      <c r="OH11" s="121">
        <v>2629687</v>
      </c>
      <c r="OI11" s="142">
        <v>4301587</v>
      </c>
      <c r="OJ11" s="119">
        <v>3981766</v>
      </c>
      <c r="OK11" s="141">
        <v>8283353</v>
      </c>
      <c r="OL11" s="118">
        <v>0</v>
      </c>
      <c r="OM11" s="119">
        <v>53008159</v>
      </c>
      <c r="ON11" s="119">
        <v>63105300</v>
      </c>
      <c r="OO11" s="119">
        <v>77985926</v>
      </c>
      <c r="OP11" s="119">
        <v>84126092</v>
      </c>
      <c r="OQ11" s="119">
        <v>58135348</v>
      </c>
      <c r="OR11" s="120">
        <v>336360825</v>
      </c>
      <c r="OS11" s="143">
        <v>344644178</v>
      </c>
    </row>
    <row r="12" spans="1:409" ht="20.25" customHeight="1" x14ac:dyDescent="0.2">
      <c r="B12" s="126" t="s">
        <v>14</v>
      </c>
      <c r="C12" s="110">
        <v>1655522</v>
      </c>
      <c r="D12" s="114">
        <v>2914158</v>
      </c>
      <c r="E12" s="113">
        <v>4569680</v>
      </c>
      <c r="F12" s="109">
        <v>0</v>
      </c>
      <c r="G12" s="114">
        <v>18767710</v>
      </c>
      <c r="H12" s="114">
        <v>27250238</v>
      </c>
      <c r="I12" s="114">
        <v>27870153</v>
      </c>
      <c r="J12" s="114">
        <v>14591356</v>
      </c>
      <c r="K12" s="114">
        <v>12120033</v>
      </c>
      <c r="L12" s="112">
        <v>100599490</v>
      </c>
      <c r="M12" s="116">
        <v>105169170</v>
      </c>
      <c r="N12" s="110">
        <v>292499</v>
      </c>
      <c r="O12" s="114">
        <v>975171</v>
      </c>
      <c r="P12" s="113">
        <v>1267670</v>
      </c>
      <c r="Q12" s="110">
        <v>0</v>
      </c>
      <c r="R12" s="114">
        <v>5818924</v>
      </c>
      <c r="S12" s="114">
        <v>8678103</v>
      </c>
      <c r="T12" s="114">
        <v>8816813</v>
      </c>
      <c r="U12" s="114">
        <v>3928865</v>
      </c>
      <c r="V12" s="114">
        <v>5135560</v>
      </c>
      <c r="W12" s="113">
        <v>32378265</v>
      </c>
      <c r="X12" s="116">
        <v>33645935</v>
      </c>
      <c r="Y12" s="110">
        <v>0</v>
      </c>
      <c r="Z12" s="114">
        <v>0</v>
      </c>
      <c r="AA12" s="113">
        <v>0</v>
      </c>
      <c r="AB12" s="110">
        <v>0</v>
      </c>
      <c r="AC12" s="114">
        <v>2432680</v>
      </c>
      <c r="AD12" s="114">
        <v>4318949</v>
      </c>
      <c r="AE12" s="114">
        <v>5020563</v>
      </c>
      <c r="AF12" s="114">
        <v>1616495</v>
      </c>
      <c r="AG12" s="114">
        <v>3257885</v>
      </c>
      <c r="AH12" s="113">
        <v>16646572</v>
      </c>
      <c r="AI12" s="116">
        <v>16646572</v>
      </c>
      <c r="AJ12" s="110">
        <v>0</v>
      </c>
      <c r="AK12" s="114">
        <v>0</v>
      </c>
      <c r="AL12" s="113">
        <v>0</v>
      </c>
      <c r="AM12" s="110">
        <v>0</v>
      </c>
      <c r="AN12" s="114">
        <v>0</v>
      </c>
      <c r="AO12" s="114">
        <v>0</v>
      </c>
      <c r="AP12" s="114">
        <v>71777</v>
      </c>
      <c r="AQ12" s="114">
        <v>165233</v>
      </c>
      <c r="AR12" s="114">
        <v>604777</v>
      </c>
      <c r="AS12" s="113">
        <v>841787</v>
      </c>
      <c r="AT12" s="116">
        <v>841787</v>
      </c>
      <c r="AU12" s="110">
        <v>82571</v>
      </c>
      <c r="AV12" s="114">
        <v>656590</v>
      </c>
      <c r="AW12" s="113">
        <v>739161</v>
      </c>
      <c r="AX12" s="110">
        <v>0</v>
      </c>
      <c r="AY12" s="114">
        <v>2099240</v>
      </c>
      <c r="AZ12" s="114">
        <v>2828502</v>
      </c>
      <c r="BA12" s="114">
        <v>2258884</v>
      </c>
      <c r="BB12" s="114">
        <v>1136635</v>
      </c>
      <c r="BC12" s="114">
        <v>489286</v>
      </c>
      <c r="BD12" s="113">
        <v>8812547</v>
      </c>
      <c r="BE12" s="116">
        <v>9551708</v>
      </c>
      <c r="BF12" s="110">
        <v>0</v>
      </c>
      <c r="BG12" s="114">
        <v>49325</v>
      </c>
      <c r="BH12" s="112">
        <v>49325</v>
      </c>
      <c r="BI12" s="111">
        <v>0</v>
      </c>
      <c r="BJ12" s="114">
        <v>86268</v>
      </c>
      <c r="BK12" s="114">
        <v>222108</v>
      </c>
      <c r="BL12" s="114">
        <v>39573</v>
      </c>
      <c r="BM12" s="114">
        <v>97046</v>
      </c>
      <c r="BN12" s="114">
        <v>9260</v>
      </c>
      <c r="BO12" s="113">
        <v>454255</v>
      </c>
      <c r="BP12" s="116">
        <v>503580</v>
      </c>
      <c r="BQ12" s="110">
        <v>209928</v>
      </c>
      <c r="BR12" s="114">
        <v>269256</v>
      </c>
      <c r="BS12" s="113">
        <v>479184</v>
      </c>
      <c r="BT12" s="110">
        <v>0</v>
      </c>
      <c r="BU12" s="114">
        <v>1200736</v>
      </c>
      <c r="BV12" s="114">
        <v>1308544</v>
      </c>
      <c r="BW12" s="114">
        <v>1426016</v>
      </c>
      <c r="BX12" s="114">
        <v>913456</v>
      </c>
      <c r="BY12" s="114">
        <v>774352</v>
      </c>
      <c r="BZ12" s="113">
        <v>5623104</v>
      </c>
      <c r="CA12" s="116">
        <v>6102288</v>
      </c>
      <c r="CB12" s="110">
        <v>162341</v>
      </c>
      <c r="CC12" s="114">
        <v>195569</v>
      </c>
      <c r="CD12" s="113">
        <v>357910</v>
      </c>
      <c r="CE12" s="110">
        <v>0</v>
      </c>
      <c r="CF12" s="114">
        <v>5536534</v>
      </c>
      <c r="CG12" s="114">
        <v>9377794</v>
      </c>
      <c r="CH12" s="114">
        <v>8683323</v>
      </c>
      <c r="CI12" s="114">
        <v>3959353</v>
      </c>
      <c r="CJ12" s="114">
        <v>1271915</v>
      </c>
      <c r="CK12" s="113">
        <v>28828919</v>
      </c>
      <c r="CL12" s="116">
        <v>29186829</v>
      </c>
      <c r="CM12" s="110">
        <v>0</v>
      </c>
      <c r="CN12" s="114">
        <v>0</v>
      </c>
      <c r="CO12" s="113">
        <v>0</v>
      </c>
      <c r="CP12" s="111">
        <v>0</v>
      </c>
      <c r="CQ12" s="114">
        <v>5105647</v>
      </c>
      <c r="CR12" s="114">
        <v>7754437</v>
      </c>
      <c r="CS12" s="114">
        <v>6934998</v>
      </c>
      <c r="CT12" s="114">
        <v>3190298</v>
      </c>
      <c r="CU12" s="114">
        <v>1109195</v>
      </c>
      <c r="CV12" s="113">
        <v>24094575</v>
      </c>
      <c r="CW12" s="116">
        <v>24094575</v>
      </c>
      <c r="CX12" s="110">
        <v>162341</v>
      </c>
      <c r="CY12" s="114">
        <v>195569</v>
      </c>
      <c r="CZ12" s="113">
        <v>357910</v>
      </c>
      <c r="DA12" s="110">
        <v>0</v>
      </c>
      <c r="DB12" s="114">
        <v>430887</v>
      </c>
      <c r="DC12" s="114">
        <v>1623357</v>
      </c>
      <c r="DD12" s="114">
        <v>1748325</v>
      </c>
      <c r="DE12" s="114">
        <v>769055</v>
      </c>
      <c r="DF12" s="114">
        <v>162720</v>
      </c>
      <c r="DG12" s="113">
        <v>4734344</v>
      </c>
      <c r="DH12" s="116">
        <v>5092254</v>
      </c>
      <c r="DI12" s="110">
        <v>0</v>
      </c>
      <c r="DJ12" s="114">
        <v>48447</v>
      </c>
      <c r="DK12" s="112">
        <v>48447</v>
      </c>
      <c r="DL12" s="111">
        <v>0</v>
      </c>
      <c r="DM12" s="114">
        <v>672264</v>
      </c>
      <c r="DN12" s="114">
        <v>1088686</v>
      </c>
      <c r="DO12" s="114">
        <v>2187451</v>
      </c>
      <c r="DP12" s="114">
        <v>1293041</v>
      </c>
      <c r="DQ12" s="114">
        <v>746187</v>
      </c>
      <c r="DR12" s="113">
        <v>5987629</v>
      </c>
      <c r="DS12" s="116">
        <v>6036076</v>
      </c>
      <c r="DT12" s="110">
        <v>0</v>
      </c>
      <c r="DU12" s="114">
        <v>48447</v>
      </c>
      <c r="DV12" s="113">
        <v>48447</v>
      </c>
      <c r="DW12" s="110">
        <v>0</v>
      </c>
      <c r="DX12" s="114">
        <v>672264</v>
      </c>
      <c r="DY12" s="114">
        <v>966067</v>
      </c>
      <c r="DZ12" s="114">
        <v>2187451</v>
      </c>
      <c r="EA12" s="114">
        <v>1293041</v>
      </c>
      <c r="EB12" s="114">
        <v>746187</v>
      </c>
      <c r="EC12" s="113">
        <v>5865010</v>
      </c>
      <c r="ED12" s="116">
        <v>5913457</v>
      </c>
      <c r="EE12" s="110">
        <v>0</v>
      </c>
      <c r="EF12" s="112">
        <v>0</v>
      </c>
      <c r="EG12" s="113">
        <v>0</v>
      </c>
      <c r="EH12" s="110">
        <v>0</v>
      </c>
      <c r="EI12" s="114">
        <v>0</v>
      </c>
      <c r="EJ12" s="114">
        <v>122619</v>
      </c>
      <c r="EK12" s="114">
        <v>0</v>
      </c>
      <c r="EL12" s="114">
        <v>0</v>
      </c>
      <c r="EM12" s="114">
        <v>0</v>
      </c>
      <c r="EN12" s="112">
        <v>122619</v>
      </c>
      <c r="EO12" s="116">
        <v>122619</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8"/>
      <c r="FE12" s="114">
        <v>0</v>
      </c>
      <c r="FF12" s="114">
        <v>0</v>
      </c>
      <c r="FG12" s="114">
        <v>0</v>
      </c>
      <c r="FH12" s="114">
        <v>0</v>
      </c>
      <c r="FI12" s="114">
        <v>0</v>
      </c>
      <c r="FJ12" s="113">
        <v>0</v>
      </c>
      <c r="FK12" s="116">
        <v>0</v>
      </c>
      <c r="FL12" s="110">
        <v>427816</v>
      </c>
      <c r="FM12" s="114">
        <v>678840</v>
      </c>
      <c r="FN12" s="113">
        <v>1106656</v>
      </c>
      <c r="FO12" s="110">
        <v>0</v>
      </c>
      <c r="FP12" s="114">
        <v>1276643</v>
      </c>
      <c r="FQ12" s="114">
        <v>3218473</v>
      </c>
      <c r="FR12" s="114">
        <v>2455036</v>
      </c>
      <c r="FS12" s="114">
        <v>1640766</v>
      </c>
      <c r="FT12" s="114">
        <v>1166424</v>
      </c>
      <c r="FU12" s="113">
        <v>9757342</v>
      </c>
      <c r="FV12" s="116">
        <v>10863998</v>
      </c>
      <c r="FW12" s="115">
        <v>179816</v>
      </c>
      <c r="FX12" s="114">
        <v>570520</v>
      </c>
      <c r="FY12" s="112">
        <v>750336</v>
      </c>
      <c r="FZ12" s="111">
        <v>0</v>
      </c>
      <c r="GA12" s="114">
        <v>850944</v>
      </c>
      <c r="GB12" s="114">
        <v>2632904</v>
      </c>
      <c r="GC12" s="114">
        <v>2177312</v>
      </c>
      <c r="GD12" s="114">
        <v>1407992</v>
      </c>
      <c r="GE12" s="114">
        <v>1075768</v>
      </c>
      <c r="GF12" s="113">
        <v>8144920</v>
      </c>
      <c r="GG12" s="319">
        <v>8895256</v>
      </c>
      <c r="GH12" s="115">
        <v>0</v>
      </c>
      <c r="GI12" s="114">
        <v>0</v>
      </c>
      <c r="GJ12" s="112">
        <v>0</v>
      </c>
      <c r="GK12" s="111">
        <v>0</v>
      </c>
      <c r="GL12" s="114">
        <v>166579</v>
      </c>
      <c r="GM12" s="114">
        <v>155745</v>
      </c>
      <c r="GN12" s="114">
        <v>41404</v>
      </c>
      <c r="GO12" s="114">
        <v>86350</v>
      </c>
      <c r="GP12" s="114">
        <v>90656</v>
      </c>
      <c r="GQ12" s="113">
        <v>540734</v>
      </c>
      <c r="GR12" s="116">
        <v>540734</v>
      </c>
      <c r="GS12" s="110">
        <v>248000</v>
      </c>
      <c r="GT12" s="114">
        <v>108320</v>
      </c>
      <c r="GU12" s="113">
        <v>356320</v>
      </c>
      <c r="GV12" s="110">
        <v>0</v>
      </c>
      <c r="GW12" s="114">
        <v>259120</v>
      </c>
      <c r="GX12" s="114">
        <v>429824</v>
      </c>
      <c r="GY12" s="114">
        <v>236320</v>
      </c>
      <c r="GZ12" s="114">
        <v>146424</v>
      </c>
      <c r="HA12" s="114">
        <v>0</v>
      </c>
      <c r="HB12" s="112">
        <v>1071688</v>
      </c>
      <c r="HC12" s="116">
        <v>1428008</v>
      </c>
      <c r="HD12" s="110">
        <v>772866</v>
      </c>
      <c r="HE12" s="114">
        <v>1016131</v>
      </c>
      <c r="HF12" s="112">
        <v>1788997</v>
      </c>
      <c r="HG12" s="111">
        <v>0</v>
      </c>
      <c r="HH12" s="114">
        <v>5463345</v>
      </c>
      <c r="HI12" s="114">
        <v>4887182</v>
      </c>
      <c r="HJ12" s="114">
        <v>5727530</v>
      </c>
      <c r="HK12" s="114">
        <v>3769331</v>
      </c>
      <c r="HL12" s="114">
        <v>3799947</v>
      </c>
      <c r="HM12" s="113">
        <v>23647335</v>
      </c>
      <c r="HN12" s="109">
        <v>25436332</v>
      </c>
      <c r="HO12" s="329"/>
      <c r="HP12" s="330"/>
      <c r="HQ12" s="331"/>
      <c r="HR12" s="332"/>
      <c r="HS12" s="330"/>
      <c r="HT12" s="330"/>
      <c r="HU12" s="330"/>
      <c r="HV12" s="330"/>
      <c r="HW12" s="330"/>
      <c r="HX12" s="333"/>
      <c r="HY12" s="334"/>
      <c r="HZ12" s="131">
        <v>38929</v>
      </c>
      <c r="IA12" s="132">
        <v>76077</v>
      </c>
      <c r="IB12" s="133">
        <v>115006</v>
      </c>
      <c r="IC12" s="134">
        <v>0</v>
      </c>
      <c r="ID12" s="135">
        <v>5678179</v>
      </c>
      <c r="IE12" s="136">
        <v>6654710</v>
      </c>
      <c r="IF12" s="137">
        <v>8251707</v>
      </c>
      <c r="IG12" s="135">
        <v>6137026</v>
      </c>
      <c r="IH12" s="137">
        <v>3006648</v>
      </c>
      <c r="II12" s="138">
        <v>29728270</v>
      </c>
      <c r="IJ12" s="139">
        <v>29843276</v>
      </c>
      <c r="IK12" s="232">
        <v>0</v>
      </c>
      <c r="IL12" s="236">
        <v>0</v>
      </c>
      <c r="IM12" s="237">
        <v>0</v>
      </c>
      <c r="IN12" s="140"/>
      <c r="IO12" s="119">
        <v>152408</v>
      </c>
      <c r="IP12" s="119">
        <v>205212</v>
      </c>
      <c r="IQ12" s="119">
        <v>0</v>
      </c>
      <c r="IR12" s="119">
        <v>212229</v>
      </c>
      <c r="IS12" s="119">
        <v>0</v>
      </c>
      <c r="IT12" s="141">
        <v>569849</v>
      </c>
      <c r="IU12" s="321">
        <v>569849</v>
      </c>
      <c r="IV12" s="142">
        <v>0</v>
      </c>
      <c r="IW12" s="119">
        <v>0</v>
      </c>
      <c r="IX12" s="120">
        <v>0</v>
      </c>
      <c r="IY12" s="144"/>
      <c r="IZ12" s="119">
        <v>0</v>
      </c>
      <c r="JA12" s="119">
        <v>0</v>
      </c>
      <c r="JB12" s="119">
        <v>0</v>
      </c>
      <c r="JC12" s="119">
        <v>0</v>
      </c>
      <c r="JD12" s="119">
        <v>0</v>
      </c>
      <c r="JE12" s="120">
        <v>0</v>
      </c>
      <c r="JF12" s="121">
        <v>0</v>
      </c>
      <c r="JG12" s="142">
        <v>0</v>
      </c>
      <c r="JH12" s="119">
        <v>0</v>
      </c>
      <c r="JI12" s="141">
        <v>0</v>
      </c>
      <c r="JJ12" s="118">
        <v>0</v>
      </c>
      <c r="JK12" s="119">
        <v>2894400</v>
      </c>
      <c r="JL12" s="119">
        <v>3316306</v>
      </c>
      <c r="JM12" s="119">
        <v>2847008</v>
      </c>
      <c r="JN12" s="119">
        <v>1312161</v>
      </c>
      <c r="JO12" s="119">
        <v>448478</v>
      </c>
      <c r="JP12" s="120">
        <v>10818353</v>
      </c>
      <c r="JQ12" s="321">
        <v>10818353</v>
      </c>
      <c r="JR12" s="142">
        <v>0</v>
      </c>
      <c r="JS12" s="119">
        <v>0</v>
      </c>
      <c r="JT12" s="141">
        <v>0</v>
      </c>
      <c r="JU12" s="118">
        <v>0</v>
      </c>
      <c r="JV12" s="119">
        <v>70193</v>
      </c>
      <c r="JW12" s="119">
        <v>75608</v>
      </c>
      <c r="JX12" s="119">
        <v>22879</v>
      </c>
      <c r="JY12" s="119">
        <v>95351</v>
      </c>
      <c r="JZ12" s="119">
        <v>0</v>
      </c>
      <c r="KA12" s="120">
        <v>264031</v>
      </c>
      <c r="KB12" s="321">
        <v>264031</v>
      </c>
      <c r="KC12" s="234">
        <v>38929</v>
      </c>
      <c r="KD12" s="230">
        <v>76077</v>
      </c>
      <c r="KE12" s="120">
        <v>115006</v>
      </c>
      <c r="KF12" s="118">
        <v>0</v>
      </c>
      <c r="KG12" s="119">
        <v>1285050</v>
      </c>
      <c r="KH12" s="119">
        <v>502782</v>
      </c>
      <c r="KI12" s="119">
        <v>1372013</v>
      </c>
      <c r="KJ12" s="119">
        <v>1200670</v>
      </c>
      <c r="KK12" s="119">
        <v>560826</v>
      </c>
      <c r="KL12" s="120">
        <v>4921341</v>
      </c>
      <c r="KM12" s="143">
        <v>5036347</v>
      </c>
      <c r="KN12" s="232">
        <v>0</v>
      </c>
      <c r="KO12" s="236">
        <v>0</v>
      </c>
      <c r="KP12" s="237">
        <v>0</v>
      </c>
      <c r="KQ12" s="140"/>
      <c r="KR12" s="119">
        <v>1148081</v>
      </c>
      <c r="KS12" s="119">
        <v>2379595</v>
      </c>
      <c r="KT12" s="119">
        <v>3515409</v>
      </c>
      <c r="KU12" s="119">
        <v>3063462</v>
      </c>
      <c r="KV12" s="119">
        <v>1306484</v>
      </c>
      <c r="KW12" s="120">
        <v>11413031</v>
      </c>
      <c r="KX12" s="321">
        <v>11413031</v>
      </c>
      <c r="KY12" s="142">
        <v>0</v>
      </c>
      <c r="KZ12" s="119">
        <v>0</v>
      </c>
      <c r="LA12" s="120">
        <v>0</v>
      </c>
      <c r="LB12" s="145">
        <v>0</v>
      </c>
      <c r="LC12" s="119">
        <v>0</v>
      </c>
      <c r="LD12" s="119">
        <v>0</v>
      </c>
      <c r="LE12" s="119">
        <v>0</v>
      </c>
      <c r="LF12" s="119">
        <v>0</v>
      </c>
      <c r="LG12" s="119">
        <v>0</v>
      </c>
      <c r="LH12" s="120">
        <v>0</v>
      </c>
      <c r="LI12" s="121">
        <v>0</v>
      </c>
      <c r="LJ12" s="142">
        <v>0</v>
      </c>
      <c r="LK12" s="119">
        <v>0</v>
      </c>
      <c r="LL12" s="120">
        <v>0</v>
      </c>
      <c r="LM12" s="145"/>
      <c r="LN12" s="119">
        <v>0</v>
      </c>
      <c r="LO12" s="119">
        <v>0</v>
      </c>
      <c r="LP12" s="119">
        <v>228734</v>
      </c>
      <c r="LQ12" s="119">
        <v>253153</v>
      </c>
      <c r="LR12" s="119">
        <v>0</v>
      </c>
      <c r="LS12" s="120">
        <v>481887</v>
      </c>
      <c r="LT12" s="321">
        <v>481887</v>
      </c>
      <c r="LU12" s="142">
        <v>0</v>
      </c>
      <c r="LV12" s="119">
        <v>0</v>
      </c>
      <c r="LW12" s="120">
        <v>0</v>
      </c>
      <c r="LX12" s="145"/>
      <c r="LY12" s="119">
        <v>128047</v>
      </c>
      <c r="LZ12" s="119">
        <v>175207</v>
      </c>
      <c r="MA12" s="119">
        <v>265664</v>
      </c>
      <c r="MB12" s="119">
        <v>0</v>
      </c>
      <c r="MC12" s="119">
        <v>690860</v>
      </c>
      <c r="MD12" s="120">
        <v>1259778</v>
      </c>
      <c r="ME12" s="121">
        <v>1259778</v>
      </c>
      <c r="MF12" s="142">
        <v>0</v>
      </c>
      <c r="MG12" s="119">
        <v>0</v>
      </c>
      <c r="MH12" s="120">
        <v>0</v>
      </c>
      <c r="MI12" s="145"/>
      <c r="MJ12" s="119">
        <v>754198</v>
      </c>
      <c r="MK12" s="119">
        <v>1762212</v>
      </c>
      <c r="ML12" s="119">
        <v>11286706</v>
      </c>
      <c r="MM12" s="119">
        <v>20297182</v>
      </c>
      <c r="MN12" s="119">
        <v>11171591</v>
      </c>
      <c r="MO12" s="120">
        <v>45271889</v>
      </c>
      <c r="MP12" s="143">
        <v>45271889</v>
      </c>
      <c r="MQ12" s="142">
        <v>0</v>
      </c>
      <c r="MR12" s="119">
        <v>0</v>
      </c>
      <c r="MS12" s="120">
        <v>0</v>
      </c>
      <c r="MT12" s="145"/>
      <c r="MU12" s="119">
        <v>223684</v>
      </c>
      <c r="MV12" s="119">
        <v>38424</v>
      </c>
      <c r="MW12" s="119">
        <v>7028442</v>
      </c>
      <c r="MX12" s="119">
        <v>13857210</v>
      </c>
      <c r="MY12" s="119">
        <v>7532512</v>
      </c>
      <c r="MZ12" s="120">
        <v>28680272</v>
      </c>
      <c r="NA12" s="143">
        <v>28680272</v>
      </c>
      <c r="NB12" s="142">
        <v>0</v>
      </c>
      <c r="NC12" s="119">
        <v>0</v>
      </c>
      <c r="ND12" s="120">
        <v>0</v>
      </c>
      <c r="NE12" s="145"/>
      <c r="NF12" s="119">
        <v>530514</v>
      </c>
      <c r="NG12" s="119">
        <v>1723788</v>
      </c>
      <c r="NH12" s="119">
        <v>4258264</v>
      </c>
      <c r="NI12" s="119">
        <v>5197809</v>
      </c>
      <c r="NJ12" s="119">
        <v>2103000</v>
      </c>
      <c r="NK12" s="120">
        <v>13813375</v>
      </c>
      <c r="NL12" s="321">
        <v>13813375</v>
      </c>
      <c r="NM12" s="142">
        <v>0</v>
      </c>
      <c r="NN12" s="119">
        <v>0</v>
      </c>
      <c r="NO12" s="120">
        <v>0</v>
      </c>
      <c r="NP12" s="145"/>
      <c r="NQ12" s="119">
        <v>0</v>
      </c>
      <c r="NR12" s="119">
        <v>0</v>
      </c>
      <c r="NS12" s="119">
        <v>0</v>
      </c>
      <c r="NT12" s="119">
        <v>594584</v>
      </c>
      <c r="NU12" s="119">
        <v>524297</v>
      </c>
      <c r="NV12" s="120">
        <v>1118881</v>
      </c>
      <c r="NW12" s="121">
        <v>1118881</v>
      </c>
      <c r="NX12" s="142">
        <v>0</v>
      </c>
      <c r="NY12" s="119">
        <v>0</v>
      </c>
      <c r="NZ12" s="120">
        <v>0</v>
      </c>
      <c r="OA12" s="145"/>
      <c r="OB12" s="119">
        <v>0</v>
      </c>
      <c r="OC12" s="119">
        <v>0</v>
      </c>
      <c r="OD12" s="119">
        <v>0</v>
      </c>
      <c r="OE12" s="119">
        <v>647579</v>
      </c>
      <c r="OF12" s="119">
        <v>1011782</v>
      </c>
      <c r="OG12" s="120">
        <v>1659361</v>
      </c>
      <c r="OH12" s="121">
        <v>1659361</v>
      </c>
      <c r="OI12" s="142">
        <v>1694451</v>
      </c>
      <c r="OJ12" s="119">
        <v>2990235</v>
      </c>
      <c r="OK12" s="141">
        <v>4684686</v>
      </c>
      <c r="OL12" s="118">
        <v>0</v>
      </c>
      <c r="OM12" s="119">
        <v>25200087</v>
      </c>
      <c r="ON12" s="119">
        <v>35667160</v>
      </c>
      <c r="OO12" s="119">
        <v>47408566</v>
      </c>
      <c r="OP12" s="119">
        <v>41025564</v>
      </c>
      <c r="OQ12" s="119">
        <v>26298272</v>
      </c>
      <c r="OR12" s="120">
        <v>175599649</v>
      </c>
      <c r="OS12" s="143">
        <v>180284335</v>
      </c>
    </row>
    <row r="13" spans="1:409" ht="20.25" customHeight="1" x14ac:dyDescent="0.2">
      <c r="B13" s="126" t="s">
        <v>7</v>
      </c>
      <c r="C13" s="110">
        <v>1055140</v>
      </c>
      <c r="D13" s="114">
        <v>806667</v>
      </c>
      <c r="E13" s="113">
        <v>1861807</v>
      </c>
      <c r="F13" s="109">
        <v>0</v>
      </c>
      <c r="G13" s="114">
        <v>25992153</v>
      </c>
      <c r="H13" s="114">
        <v>21804895</v>
      </c>
      <c r="I13" s="114">
        <v>21677068</v>
      </c>
      <c r="J13" s="114">
        <v>17390278</v>
      </c>
      <c r="K13" s="114">
        <v>13049827</v>
      </c>
      <c r="L13" s="109">
        <v>99914221</v>
      </c>
      <c r="M13" s="116">
        <v>101776028</v>
      </c>
      <c r="N13" s="110">
        <v>254798</v>
      </c>
      <c r="O13" s="114">
        <v>170716</v>
      </c>
      <c r="P13" s="113">
        <v>425514</v>
      </c>
      <c r="Q13" s="110">
        <v>0</v>
      </c>
      <c r="R13" s="114">
        <v>6836647</v>
      </c>
      <c r="S13" s="114">
        <v>6837079</v>
      </c>
      <c r="T13" s="114">
        <v>8190006</v>
      </c>
      <c r="U13" s="114">
        <v>7406191</v>
      </c>
      <c r="V13" s="114">
        <v>6770732</v>
      </c>
      <c r="W13" s="113">
        <v>36040655</v>
      </c>
      <c r="X13" s="116">
        <v>36466169</v>
      </c>
      <c r="Y13" s="110">
        <v>0</v>
      </c>
      <c r="Z13" s="114">
        <v>0</v>
      </c>
      <c r="AA13" s="113">
        <v>0</v>
      </c>
      <c r="AB13" s="110">
        <v>0</v>
      </c>
      <c r="AC13" s="114">
        <v>3382124</v>
      </c>
      <c r="AD13" s="114">
        <v>3605899</v>
      </c>
      <c r="AE13" s="114">
        <v>4729541</v>
      </c>
      <c r="AF13" s="114">
        <v>3932316</v>
      </c>
      <c r="AG13" s="114">
        <v>4491381</v>
      </c>
      <c r="AH13" s="113">
        <v>20141261</v>
      </c>
      <c r="AI13" s="116">
        <v>20141261</v>
      </c>
      <c r="AJ13" s="110">
        <v>0</v>
      </c>
      <c r="AK13" s="114">
        <v>0</v>
      </c>
      <c r="AL13" s="113">
        <v>0</v>
      </c>
      <c r="AM13" s="110">
        <v>0</v>
      </c>
      <c r="AN13" s="114">
        <v>46292</v>
      </c>
      <c r="AO13" s="114">
        <v>164297</v>
      </c>
      <c r="AP13" s="114">
        <v>534674</v>
      </c>
      <c r="AQ13" s="114">
        <v>802282</v>
      </c>
      <c r="AR13" s="114">
        <v>598112</v>
      </c>
      <c r="AS13" s="113">
        <v>2145657</v>
      </c>
      <c r="AT13" s="116">
        <v>2145657</v>
      </c>
      <c r="AU13" s="110">
        <v>96034</v>
      </c>
      <c r="AV13" s="114">
        <v>110380</v>
      </c>
      <c r="AW13" s="113">
        <v>206414</v>
      </c>
      <c r="AX13" s="110">
        <v>0</v>
      </c>
      <c r="AY13" s="114">
        <v>1696959</v>
      </c>
      <c r="AZ13" s="114">
        <v>1982824</v>
      </c>
      <c r="BA13" s="114">
        <v>1672989</v>
      </c>
      <c r="BB13" s="114">
        <v>1401207</v>
      </c>
      <c r="BC13" s="114">
        <v>1143103</v>
      </c>
      <c r="BD13" s="113">
        <v>7897082</v>
      </c>
      <c r="BE13" s="116">
        <v>8103496</v>
      </c>
      <c r="BF13" s="110">
        <v>0</v>
      </c>
      <c r="BG13" s="114">
        <v>0</v>
      </c>
      <c r="BH13" s="112">
        <v>0</v>
      </c>
      <c r="BI13" s="111">
        <v>0</v>
      </c>
      <c r="BJ13" s="114">
        <v>166320</v>
      </c>
      <c r="BK13" s="114">
        <v>91725</v>
      </c>
      <c r="BL13" s="114">
        <v>124410</v>
      </c>
      <c r="BM13" s="114">
        <v>150482</v>
      </c>
      <c r="BN13" s="114">
        <v>0</v>
      </c>
      <c r="BO13" s="113">
        <v>532937</v>
      </c>
      <c r="BP13" s="116">
        <v>532937</v>
      </c>
      <c r="BQ13" s="110">
        <v>158764</v>
      </c>
      <c r="BR13" s="114">
        <v>60336</v>
      </c>
      <c r="BS13" s="113">
        <v>219100</v>
      </c>
      <c r="BT13" s="110">
        <v>0</v>
      </c>
      <c r="BU13" s="114">
        <v>1544952</v>
      </c>
      <c r="BV13" s="114">
        <v>992334</v>
      </c>
      <c r="BW13" s="114">
        <v>1128392</v>
      </c>
      <c r="BX13" s="114">
        <v>1119904</v>
      </c>
      <c r="BY13" s="114">
        <v>538136</v>
      </c>
      <c r="BZ13" s="113">
        <v>5323718</v>
      </c>
      <c r="CA13" s="116">
        <v>5542818</v>
      </c>
      <c r="CB13" s="110">
        <v>78885</v>
      </c>
      <c r="CC13" s="114">
        <v>0</v>
      </c>
      <c r="CD13" s="113">
        <v>78885</v>
      </c>
      <c r="CE13" s="110">
        <v>0</v>
      </c>
      <c r="CF13" s="114">
        <v>7304821</v>
      </c>
      <c r="CG13" s="114">
        <v>6079747</v>
      </c>
      <c r="CH13" s="114">
        <v>4236307</v>
      </c>
      <c r="CI13" s="114">
        <v>1482280</v>
      </c>
      <c r="CJ13" s="114">
        <v>1076402</v>
      </c>
      <c r="CK13" s="113">
        <v>20179557</v>
      </c>
      <c r="CL13" s="116">
        <v>20258442</v>
      </c>
      <c r="CM13" s="110">
        <v>0</v>
      </c>
      <c r="CN13" s="114">
        <v>0</v>
      </c>
      <c r="CO13" s="113">
        <v>0</v>
      </c>
      <c r="CP13" s="111">
        <v>0</v>
      </c>
      <c r="CQ13" s="114">
        <v>6177580</v>
      </c>
      <c r="CR13" s="114">
        <v>5243111</v>
      </c>
      <c r="CS13" s="114">
        <v>3185598</v>
      </c>
      <c r="CT13" s="114">
        <v>1231466</v>
      </c>
      <c r="CU13" s="114">
        <v>1014723</v>
      </c>
      <c r="CV13" s="113">
        <v>16852478</v>
      </c>
      <c r="CW13" s="116">
        <v>16852478</v>
      </c>
      <c r="CX13" s="110">
        <v>78885</v>
      </c>
      <c r="CY13" s="114">
        <v>0</v>
      </c>
      <c r="CZ13" s="113">
        <v>78885</v>
      </c>
      <c r="DA13" s="110">
        <v>0</v>
      </c>
      <c r="DB13" s="114">
        <v>1127241</v>
      </c>
      <c r="DC13" s="114">
        <v>836636</v>
      </c>
      <c r="DD13" s="114">
        <v>1050709</v>
      </c>
      <c r="DE13" s="114">
        <v>250814</v>
      </c>
      <c r="DF13" s="114">
        <v>61679</v>
      </c>
      <c r="DG13" s="113">
        <v>3327079</v>
      </c>
      <c r="DH13" s="116">
        <v>3405964</v>
      </c>
      <c r="DI13" s="110">
        <v>0</v>
      </c>
      <c r="DJ13" s="114">
        <v>0</v>
      </c>
      <c r="DK13" s="112">
        <v>0</v>
      </c>
      <c r="DL13" s="111">
        <v>0</v>
      </c>
      <c r="DM13" s="114">
        <v>1050172</v>
      </c>
      <c r="DN13" s="114">
        <v>1515472</v>
      </c>
      <c r="DO13" s="114">
        <v>1188985</v>
      </c>
      <c r="DP13" s="114">
        <v>1141198</v>
      </c>
      <c r="DQ13" s="114">
        <v>1005497</v>
      </c>
      <c r="DR13" s="113">
        <v>5901324</v>
      </c>
      <c r="DS13" s="116">
        <v>5901324</v>
      </c>
      <c r="DT13" s="110">
        <v>0</v>
      </c>
      <c r="DU13" s="114">
        <v>0</v>
      </c>
      <c r="DV13" s="113">
        <v>0</v>
      </c>
      <c r="DW13" s="110">
        <v>0</v>
      </c>
      <c r="DX13" s="114">
        <v>1050172</v>
      </c>
      <c r="DY13" s="114">
        <v>1515472</v>
      </c>
      <c r="DZ13" s="114">
        <v>1188985</v>
      </c>
      <c r="EA13" s="114">
        <v>1141198</v>
      </c>
      <c r="EB13" s="114">
        <v>1005497</v>
      </c>
      <c r="EC13" s="113">
        <v>5901324</v>
      </c>
      <c r="ED13" s="116">
        <v>5901324</v>
      </c>
      <c r="EE13" s="110">
        <v>0</v>
      </c>
      <c r="EF13" s="112">
        <v>0</v>
      </c>
      <c r="EG13" s="113">
        <v>0</v>
      </c>
      <c r="EH13" s="110">
        <v>0</v>
      </c>
      <c r="EI13" s="114">
        <v>0</v>
      </c>
      <c r="EJ13" s="114">
        <v>0</v>
      </c>
      <c r="EK13" s="114">
        <v>0</v>
      </c>
      <c r="EL13" s="114">
        <v>0</v>
      </c>
      <c r="EM13" s="114">
        <v>0</v>
      </c>
      <c r="EN13" s="112">
        <v>0</v>
      </c>
      <c r="EO13" s="116">
        <v>0</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8"/>
      <c r="FE13" s="114">
        <v>0</v>
      </c>
      <c r="FF13" s="114">
        <v>0</v>
      </c>
      <c r="FG13" s="114">
        <v>0</v>
      </c>
      <c r="FH13" s="114">
        <v>0</v>
      </c>
      <c r="FI13" s="114">
        <v>0</v>
      </c>
      <c r="FJ13" s="113">
        <v>0</v>
      </c>
      <c r="FK13" s="116">
        <v>0</v>
      </c>
      <c r="FL13" s="110">
        <v>287160</v>
      </c>
      <c r="FM13" s="114">
        <v>344624</v>
      </c>
      <c r="FN13" s="113">
        <v>631784</v>
      </c>
      <c r="FO13" s="110">
        <v>0</v>
      </c>
      <c r="FP13" s="114">
        <v>1615006</v>
      </c>
      <c r="FQ13" s="114">
        <v>2439112</v>
      </c>
      <c r="FR13" s="114">
        <v>2027504</v>
      </c>
      <c r="FS13" s="114">
        <v>1199304</v>
      </c>
      <c r="FT13" s="114">
        <v>1019848</v>
      </c>
      <c r="FU13" s="113">
        <v>8300774</v>
      </c>
      <c r="FV13" s="116">
        <v>8932558</v>
      </c>
      <c r="FW13" s="115">
        <v>80928</v>
      </c>
      <c r="FX13" s="114">
        <v>115824</v>
      </c>
      <c r="FY13" s="112">
        <v>196752</v>
      </c>
      <c r="FZ13" s="111">
        <v>0</v>
      </c>
      <c r="GA13" s="114">
        <v>747112</v>
      </c>
      <c r="GB13" s="114">
        <v>2226164</v>
      </c>
      <c r="GC13" s="114">
        <v>1613728</v>
      </c>
      <c r="GD13" s="114">
        <v>1199304</v>
      </c>
      <c r="GE13" s="114">
        <v>821704</v>
      </c>
      <c r="GF13" s="113">
        <v>6608012</v>
      </c>
      <c r="GG13" s="319">
        <v>6804764</v>
      </c>
      <c r="GH13" s="115">
        <v>36080</v>
      </c>
      <c r="GI13" s="114">
        <v>0</v>
      </c>
      <c r="GJ13" s="112">
        <v>36080</v>
      </c>
      <c r="GK13" s="111">
        <v>0</v>
      </c>
      <c r="GL13" s="114">
        <v>102424</v>
      </c>
      <c r="GM13" s="114">
        <v>51348</v>
      </c>
      <c r="GN13" s="114">
        <v>141776</v>
      </c>
      <c r="GO13" s="114">
        <v>0</v>
      </c>
      <c r="GP13" s="114">
        <v>38144</v>
      </c>
      <c r="GQ13" s="113">
        <v>333692</v>
      </c>
      <c r="GR13" s="116">
        <v>369772</v>
      </c>
      <c r="GS13" s="110">
        <v>170152</v>
      </c>
      <c r="GT13" s="114">
        <v>228800</v>
      </c>
      <c r="GU13" s="113">
        <v>398952</v>
      </c>
      <c r="GV13" s="110">
        <v>0</v>
      </c>
      <c r="GW13" s="114">
        <v>765470</v>
      </c>
      <c r="GX13" s="114">
        <v>161600</v>
      </c>
      <c r="GY13" s="114">
        <v>272000</v>
      </c>
      <c r="GZ13" s="114">
        <v>0</v>
      </c>
      <c r="HA13" s="114">
        <v>160000</v>
      </c>
      <c r="HB13" s="112">
        <v>1359070</v>
      </c>
      <c r="HC13" s="116">
        <v>1758022</v>
      </c>
      <c r="HD13" s="110">
        <v>434297</v>
      </c>
      <c r="HE13" s="114">
        <v>291327</v>
      </c>
      <c r="HF13" s="112">
        <v>725624</v>
      </c>
      <c r="HG13" s="111">
        <v>0</v>
      </c>
      <c r="HH13" s="114">
        <v>9185507</v>
      </c>
      <c r="HI13" s="114">
        <v>4933485</v>
      </c>
      <c r="HJ13" s="114">
        <v>6034266</v>
      </c>
      <c r="HK13" s="114">
        <v>6161305</v>
      </c>
      <c r="HL13" s="114">
        <v>3177348</v>
      </c>
      <c r="HM13" s="113">
        <v>29491911</v>
      </c>
      <c r="HN13" s="109">
        <v>30217535</v>
      </c>
      <c r="HO13" s="329"/>
      <c r="HP13" s="330"/>
      <c r="HQ13" s="331"/>
      <c r="HR13" s="332"/>
      <c r="HS13" s="330"/>
      <c r="HT13" s="330"/>
      <c r="HU13" s="330"/>
      <c r="HV13" s="330"/>
      <c r="HW13" s="330"/>
      <c r="HX13" s="333"/>
      <c r="HY13" s="334"/>
      <c r="HZ13" s="131">
        <v>90357</v>
      </c>
      <c r="IA13" s="132">
        <v>64624</v>
      </c>
      <c r="IB13" s="133">
        <v>154981</v>
      </c>
      <c r="IC13" s="146">
        <v>0</v>
      </c>
      <c r="ID13" s="132">
        <v>7386026</v>
      </c>
      <c r="IE13" s="147">
        <v>4293405</v>
      </c>
      <c r="IF13" s="133">
        <v>6127616</v>
      </c>
      <c r="IG13" s="132">
        <v>4842382</v>
      </c>
      <c r="IH13" s="133">
        <v>1228456</v>
      </c>
      <c r="II13" s="148">
        <v>23877885</v>
      </c>
      <c r="IJ13" s="139">
        <v>24032866</v>
      </c>
      <c r="IK13" s="232">
        <v>0</v>
      </c>
      <c r="IL13" s="236">
        <v>0</v>
      </c>
      <c r="IM13" s="237">
        <v>0</v>
      </c>
      <c r="IN13" s="140"/>
      <c r="IO13" s="119">
        <v>0</v>
      </c>
      <c r="IP13" s="119">
        <v>0</v>
      </c>
      <c r="IQ13" s="119">
        <v>0</v>
      </c>
      <c r="IR13" s="119">
        <v>0</v>
      </c>
      <c r="IS13" s="119">
        <v>0</v>
      </c>
      <c r="IT13" s="141">
        <v>0</v>
      </c>
      <c r="IU13" s="321">
        <v>0</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3435071</v>
      </c>
      <c r="JL13" s="119">
        <v>1930473</v>
      </c>
      <c r="JM13" s="119">
        <v>1154118</v>
      </c>
      <c r="JN13" s="119">
        <v>461466</v>
      </c>
      <c r="JO13" s="119">
        <v>196808</v>
      </c>
      <c r="JP13" s="120">
        <v>7177936</v>
      </c>
      <c r="JQ13" s="321">
        <v>7177936</v>
      </c>
      <c r="JR13" s="142">
        <v>0</v>
      </c>
      <c r="JS13" s="119">
        <v>0</v>
      </c>
      <c r="JT13" s="141">
        <v>0</v>
      </c>
      <c r="JU13" s="118">
        <v>0</v>
      </c>
      <c r="JV13" s="119">
        <v>803690</v>
      </c>
      <c r="JW13" s="119">
        <v>945937</v>
      </c>
      <c r="JX13" s="119">
        <v>652232</v>
      </c>
      <c r="JY13" s="119">
        <v>298909</v>
      </c>
      <c r="JZ13" s="119">
        <v>170032</v>
      </c>
      <c r="KA13" s="120">
        <v>2870800</v>
      </c>
      <c r="KB13" s="321">
        <v>2870800</v>
      </c>
      <c r="KC13" s="234">
        <v>90357</v>
      </c>
      <c r="KD13" s="230">
        <v>64624</v>
      </c>
      <c r="KE13" s="120">
        <v>154981</v>
      </c>
      <c r="KF13" s="118">
        <v>0</v>
      </c>
      <c r="KG13" s="119">
        <v>503763</v>
      </c>
      <c r="KH13" s="119">
        <v>773759</v>
      </c>
      <c r="KI13" s="119">
        <v>0</v>
      </c>
      <c r="KJ13" s="119">
        <v>217448</v>
      </c>
      <c r="KK13" s="119">
        <v>0</v>
      </c>
      <c r="KL13" s="120">
        <v>1494970</v>
      </c>
      <c r="KM13" s="143">
        <v>1649951</v>
      </c>
      <c r="KN13" s="232">
        <v>0</v>
      </c>
      <c r="KO13" s="236">
        <v>0</v>
      </c>
      <c r="KP13" s="237">
        <v>0</v>
      </c>
      <c r="KQ13" s="140"/>
      <c r="KR13" s="119">
        <v>2503863</v>
      </c>
      <c r="KS13" s="119">
        <v>478901</v>
      </c>
      <c r="KT13" s="119">
        <v>4041042</v>
      </c>
      <c r="KU13" s="119">
        <v>3335988</v>
      </c>
      <c r="KV13" s="119">
        <v>513737</v>
      </c>
      <c r="KW13" s="120">
        <v>10873531</v>
      </c>
      <c r="KX13" s="321">
        <v>10873531</v>
      </c>
      <c r="KY13" s="142">
        <v>0</v>
      </c>
      <c r="KZ13" s="119">
        <v>0</v>
      </c>
      <c r="LA13" s="120">
        <v>0</v>
      </c>
      <c r="LB13" s="145">
        <v>0</v>
      </c>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1">
        <v>0</v>
      </c>
      <c r="LU13" s="142">
        <v>0</v>
      </c>
      <c r="LV13" s="119">
        <v>0</v>
      </c>
      <c r="LW13" s="120">
        <v>0</v>
      </c>
      <c r="LX13" s="145"/>
      <c r="LY13" s="119">
        <v>139639</v>
      </c>
      <c r="LZ13" s="119">
        <v>164335</v>
      </c>
      <c r="MA13" s="119">
        <v>280224</v>
      </c>
      <c r="MB13" s="119">
        <v>528571</v>
      </c>
      <c r="MC13" s="119">
        <v>347879</v>
      </c>
      <c r="MD13" s="120">
        <v>1460648</v>
      </c>
      <c r="ME13" s="121">
        <v>1460648</v>
      </c>
      <c r="MF13" s="142">
        <v>0</v>
      </c>
      <c r="MG13" s="119">
        <v>0</v>
      </c>
      <c r="MH13" s="120">
        <v>0</v>
      </c>
      <c r="MI13" s="145"/>
      <c r="MJ13" s="119">
        <v>2295776</v>
      </c>
      <c r="MK13" s="119">
        <v>5375882</v>
      </c>
      <c r="ML13" s="119">
        <v>9398963</v>
      </c>
      <c r="MM13" s="119">
        <v>21329746</v>
      </c>
      <c r="MN13" s="119">
        <v>11318876</v>
      </c>
      <c r="MO13" s="120">
        <v>49719243</v>
      </c>
      <c r="MP13" s="143">
        <v>49719243</v>
      </c>
      <c r="MQ13" s="142">
        <v>0</v>
      </c>
      <c r="MR13" s="119">
        <v>0</v>
      </c>
      <c r="MS13" s="120">
        <v>0</v>
      </c>
      <c r="MT13" s="145"/>
      <c r="MU13" s="119">
        <v>0</v>
      </c>
      <c r="MV13" s="119">
        <v>929689</v>
      </c>
      <c r="MW13" s="119">
        <v>5945051</v>
      </c>
      <c r="MX13" s="119">
        <v>14291277</v>
      </c>
      <c r="MY13" s="119">
        <v>8024411</v>
      </c>
      <c r="MZ13" s="120">
        <v>29190428</v>
      </c>
      <c r="NA13" s="143">
        <v>29190428</v>
      </c>
      <c r="NB13" s="142">
        <v>0</v>
      </c>
      <c r="NC13" s="119">
        <v>0</v>
      </c>
      <c r="ND13" s="120">
        <v>0</v>
      </c>
      <c r="NE13" s="145"/>
      <c r="NF13" s="119">
        <v>2295776</v>
      </c>
      <c r="NG13" s="119">
        <v>4446193</v>
      </c>
      <c r="NH13" s="119">
        <v>3453912</v>
      </c>
      <c r="NI13" s="119">
        <v>7038469</v>
      </c>
      <c r="NJ13" s="119">
        <v>3294465</v>
      </c>
      <c r="NK13" s="120">
        <v>20528815</v>
      </c>
      <c r="NL13" s="321">
        <v>20528815</v>
      </c>
      <c r="NM13" s="142">
        <v>0</v>
      </c>
      <c r="NN13" s="119">
        <v>0</v>
      </c>
      <c r="NO13" s="120">
        <v>0</v>
      </c>
      <c r="NP13" s="145"/>
      <c r="NQ13" s="119">
        <v>0</v>
      </c>
      <c r="NR13" s="119">
        <v>0</v>
      </c>
      <c r="NS13" s="119">
        <v>0</v>
      </c>
      <c r="NT13" s="119">
        <v>0</v>
      </c>
      <c r="NU13" s="119">
        <v>0</v>
      </c>
      <c r="NV13" s="120">
        <v>0</v>
      </c>
      <c r="NW13" s="121">
        <v>0</v>
      </c>
      <c r="NX13" s="142">
        <v>0</v>
      </c>
      <c r="NY13" s="119">
        <v>0</v>
      </c>
      <c r="NZ13" s="120">
        <v>0</v>
      </c>
      <c r="OA13" s="145"/>
      <c r="OB13" s="119">
        <v>0</v>
      </c>
      <c r="OC13" s="119">
        <v>0</v>
      </c>
      <c r="OD13" s="119">
        <v>0</v>
      </c>
      <c r="OE13" s="119">
        <v>0</v>
      </c>
      <c r="OF13" s="119">
        <v>0</v>
      </c>
      <c r="OG13" s="120">
        <v>0</v>
      </c>
      <c r="OH13" s="121">
        <v>0</v>
      </c>
      <c r="OI13" s="142">
        <v>1145497</v>
      </c>
      <c r="OJ13" s="119">
        <v>871291</v>
      </c>
      <c r="OK13" s="141">
        <v>2016788</v>
      </c>
      <c r="OL13" s="118">
        <v>0</v>
      </c>
      <c r="OM13" s="119">
        <v>35673955</v>
      </c>
      <c r="ON13" s="119">
        <v>31474182</v>
      </c>
      <c r="OO13" s="119">
        <v>37203647</v>
      </c>
      <c r="OP13" s="119">
        <v>43562406</v>
      </c>
      <c r="OQ13" s="119">
        <v>25597159</v>
      </c>
      <c r="OR13" s="120">
        <v>173511349</v>
      </c>
      <c r="OS13" s="143">
        <v>175528137</v>
      </c>
    </row>
    <row r="14" spans="1:409" ht="20.25" customHeight="1" x14ac:dyDescent="0.2">
      <c r="B14" s="126" t="s">
        <v>8</v>
      </c>
      <c r="C14" s="110">
        <v>1064550</v>
      </c>
      <c r="D14" s="114">
        <v>1122208</v>
      </c>
      <c r="E14" s="113">
        <v>2186758</v>
      </c>
      <c r="F14" s="109">
        <v>0</v>
      </c>
      <c r="G14" s="114">
        <v>6491061</v>
      </c>
      <c r="H14" s="114">
        <v>9187425</v>
      </c>
      <c r="I14" s="114">
        <v>8400220</v>
      </c>
      <c r="J14" s="114">
        <v>5770067</v>
      </c>
      <c r="K14" s="114">
        <v>5297615</v>
      </c>
      <c r="L14" s="109">
        <v>35146388</v>
      </c>
      <c r="M14" s="116">
        <v>37333146</v>
      </c>
      <c r="N14" s="110">
        <v>221295</v>
      </c>
      <c r="O14" s="114">
        <v>264269</v>
      </c>
      <c r="P14" s="113">
        <v>485564</v>
      </c>
      <c r="Q14" s="110">
        <v>0</v>
      </c>
      <c r="R14" s="114">
        <v>2113124</v>
      </c>
      <c r="S14" s="114">
        <v>2933580</v>
      </c>
      <c r="T14" s="114">
        <v>3426425</v>
      </c>
      <c r="U14" s="114">
        <v>2205985</v>
      </c>
      <c r="V14" s="114">
        <v>2685956</v>
      </c>
      <c r="W14" s="113">
        <v>13365070</v>
      </c>
      <c r="X14" s="116">
        <v>13850634</v>
      </c>
      <c r="Y14" s="110">
        <v>0</v>
      </c>
      <c r="Z14" s="114">
        <v>0</v>
      </c>
      <c r="AA14" s="113">
        <v>0</v>
      </c>
      <c r="AB14" s="110">
        <v>0</v>
      </c>
      <c r="AC14" s="114">
        <v>631501</v>
      </c>
      <c r="AD14" s="114">
        <v>1565297</v>
      </c>
      <c r="AE14" s="114">
        <v>1927587</v>
      </c>
      <c r="AF14" s="114">
        <v>968625</v>
      </c>
      <c r="AG14" s="114">
        <v>1663425</v>
      </c>
      <c r="AH14" s="113">
        <v>6756435</v>
      </c>
      <c r="AI14" s="116">
        <v>6756435</v>
      </c>
      <c r="AJ14" s="110">
        <v>0</v>
      </c>
      <c r="AK14" s="114">
        <v>0</v>
      </c>
      <c r="AL14" s="113">
        <v>0</v>
      </c>
      <c r="AM14" s="110">
        <v>0</v>
      </c>
      <c r="AN14" s="114">
        <v>0</v>
      </c>
      <c r="AO14" s="114">
        <v>46292</v>
      </c>
      <c r="AP14" s="114">
        <v>222222</v>
      </c>
      <c r="AQ14" s="114">
        <v>184953</v>
      </c>
      <c r="AR14" s="114">
        <v>202732</v>
      </c>
      <c r="AS14" s="113">
        <v>656199</v>
      </c>
      <c r="AT14" s="116">
        <v>656199</v>
      </c>
      <c r="AU14" s="110">
        <v>59902</v>
      </c>
      <c r="AV14" s="114">
        <v>173465</v>
      </c>
      <c r="AW14" s="113">
        <v>233367</v>
      </c>
      <c r="AX14" s="110">
        <v>0</v>
      </c>
      <c r="AY14" s="114">
        <v>1005729</v>
      </c>
      <c r="AZ14" s="114">
        <v>885540</v>
      </c>
      <c r="BA14" s="114">
        <v>856664</v>
      </c>
      <c r="BB14" s="114">
        <v>584985</v>
      </c>
      <c r="BC14" s="114">
        <v>546354</v>
      </c>
      <c r="BD14" s="113">
        <v>3879272</v>
      </c>
      <c r="BE14" s="116">
        <v>4112639</v>
      </c>
      <c r="BF14" s="110">
        <v>19225</v>
      </c>
      <c r="BG14" s="114">
        <v>20796</v>
      </c>
      <c r="BH14" s="112">
        <v>40021</v>
      </c>
      <c r="BI14" s="111">
        <v>0</v>
      </c>
      <c r="BJ14" s="114">
        <v>66438</v>
      </c>
      <c r="BK14" s="114">
        <v>136075</v>
      </c>
      <c r="BL14" s="114">
        <v>101456</v>
      </c>
      <c r="BM14" s="114">
        <v>66438</v>
      </c>
      <c r="BN14" s="114">
        <v>21133</v>
      </c>
      <c r="BO14" s="113">
        <v>391540</v>
      </c>
      <c r="BP14" s="116">
        <v>431561</v>
      </c>
      <c r="BQ14" s="110">
        <v>142168</v>
      </c>
      <c r="BR14" s="114">
        <v>70008</v>
      </c>
      <c r="BS14" s="113">
        <v>212176</v>
      </c>
      <c r="BT14" s="110">
        <v>0</v>
      </c>
      <c r="BU14" s="114">
        <v>409456</v>
      </c>
      <c r="BV14" s="114">
        <v>300376</v>
      </c>
      <c r="BW14" s="114">
        <v>318496</v>
      </c>
      <c r="BX14" s="114">
        <v>400984</v>
      </c>
      <c r="BY14" s="114">
        <v>252312</v>
      </c>
      <c r="BZ14" s="113">
        <v>1681624</v>
      </c>
      <c r="CA14" s="116">
        <v>1893800</v>
      </c>
      <c r="CB14" s="110">
        <v>137218</v>
      </c>
      <c r="CC14" s="114">
        <v>145156</v>
      </c>
      <c r="CD14" s="113">
        <v>282374</v>
      </c>
      <c r="CE14" s="110">
        <v>0</v>
      </c>
      <c r="CF14" s="114">
        <v>1872006</v>
      </c>
      <c r="CG14" s="114">
        <v>3383958</v>
      </c>
      <c r="CH14" s="114">
        <v>2299439</v>
      </c>
      <c r="CI14" s="114">
        <v>1257959</v>
      </c>
      <c r="CJ14" s="114">
        <v>342139</v>
      </c>
      <c r="CK14" s="113">
        <v>9155501</v>
      </c>
      <c r="CL14" s="116">
        <v>9437875</v>
      </c>
      <c r="CM14" s="110">
        <v>0</v>
      </c>
      <c r="CN14" s="114">
        <v>0</v>
      </c>
      <c r="CO14" s="113">
        <v>0</v>
      </c>
      <c r="CP14" s="111">
        <v>0</v>
      </c>
      <c r="CQ14" s="114">
        <v>1475544</v>
      </c>
      <c r="CR14" s="114">
        <v>3010182</v>
      </c>
      <c r="CS14" s="114">
        <v>1848952</v>
      </c>
      <c r="CT14" s="114">
        <v>981290</v>
      </c>
      <c r="CU14" s="114">
        <v>342139</v>
      </c>
      <c r="CV14" s="113">
        <v>7658107</v>
      </c>
      <c r="CW14" s="116">
        <v>7658107</v>
      </c>
      <c r="CX14" s="110">
        <v>137218</v>
      </c>
      <c r="CY14" s="114">
        <v>145156</v>
      </c>
      <c r="CZ14" s="113">
        <v>282374</v>
      </c>
      <c r="DA14" s="110">
        <v>0</v>
      </c>
      <c r="DB14" s="114">
        <v>396462</v>
      </c>
      <c r="DC14" s="114">
        <v>373776</v>
      </c>
      <c r="DD14" s="114">
        <v>450487</v>
      </c>
      <c r="DE14" s="114">
        <v>276669</v>
      </c>
      <c r="DF14" s="114">
        <v>0</v>
      </c>
      <c r="DG14" s="113">
        <v>1497394</v>
      </c>
      <c r="DH14" s="116">
        <v>1779768</v>
      </c>
      <c r="DI14" s="110">
        <v>0</v>
      </c>
      <c r="DJ14" s="114">
        <v>0</v>
      </c>
      <c r="DK14" s="112">
        <v>0</v>
      </c>
      <c r="DL14" s="111">
        <v>0</v>
      </c>
      <c r="DM14" s="114">
        <v>230631</v>
      </c>
      <c r="DN14" s="114">
        <v>438881</v>
      </c>
      <c r="DO14" s="114">
        <v>578931</v>
      </c>
      <c r="DP14" s="114">
        <v>150053</v>
      </c>
      <c r="DQ14" s="114">
        <v>0</v>
      </c>
      <c r="DR14" s="113">
        <v>1398496</v>
      </c>
      <c r="DS14" s="116">
        <v>1398496</v>
      </c>
      <c r="DT14" s="110">
        <v>0</v>
      </c>
      <c r="DU14" s="114">
        <v>0</v>
      </c>
      <c r="DV14" s="113">
        <v>0</v>
      </c>
      <c r="DW14" s="110">
        <v>0</v>
      </c>
      <c r="DX14" s="114">
        <v>230631</v>
      </c>
      <c r="DY14" s="114">
        <v>400423</v>
      </c>
      <c r="DZ14" s="114">
        <v>493685</v>
      </c>
      <c r="EA14" s="114">
        <v>122792</v>
      </c>
      <c r="EB14" s="114">
        <v>0</v>
      </c>
      <c r="EC14" s="113">
        <v>1247531</v>
      </c>
      <c r="ED14" s="116">
        <v>1247531</v>
      </c>
      <c r="EE14" s="110">
        <v>0</v>
      </c>
      <c r="EF14" s="112">
        <v>0</v>
      </c>
      <c r="EG14" s="113">
        <v>0</v>
      </c>
      <c r="EH14" s="110">
        <v>0</v>
      </c>
      <c r="EI14" s="114">
        <v>0</v>
      </c>
      <c r="EJ14" s="114">
        <v>38458</v>
      </c>
      <c r="EK14" s="114">
        <v>85246</v>
      </c>
      <c r="EL14" s="114">
        <v>27261</v>
      </c>
      <c r="EM14" s="114">
        <v>0</v>
      </c>
      <c r="EN14" s="112">
        <v>150965</v>
      </c>
      <c r="EO14" s="116">
        <v>150965</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8"/>
      <c r="FE14" s="114">
        <v>0</v>
      </c>
      <c r="FF14" s="114">
        <v>0</v>
      </c>
      <c r="FG14" s="114">
        <v>0</v>
      </c>
      <c r="FH14" s="114">
        <v>0</v>
      </c>
      <c r="FI14" s="114">
        <v>0</v>
      </c>
      <c r="FJ14" s="113">
        <v>0</v>
      </c>
      <c r="FK14" s="116">
        <v>0</v>
      </c>
      <c r="FL14" s="110">
        <v>376768</v>
      </c>
      <c r="FM14" s="114">
        <v>344701</v>
      </c>
      <c r="FN14" s="113">
        <v>721469</v>
      </c>
      <c r="FO14" s="110">
        <v>0</v>
      </c>
      <c r="FP14" s="114">
        <v>386832</v>
      </c>
      <c r="FQ14" s="114">
        <v>1357944</v>
      </c>
      <c r="FR14" s="114">
        <v>703576</v>
      </c>
      <c r="FS14" s="114">
        <v>657096</v>
      </c>
      <c r="FT14" s="114">
        <v>311928</v>
      </c>
      <c r="FU14" s="113">
        <v>3417376</v>
      </c>
      <c r="FV14" s="116">
        <v>4138845</v>
      </c>
      <c r="FW14" s="115">
        <v>76128</v>
      </c>
      <c r="FX14" s="114">
        <v>100816</v>
      </c>
      <c r="FY14" s="112">
        <v>176944</v>
      </c>
      <c r="FZ14" s="111">
        <v>0</v>
      </c>
      <c r="GA14" s="114">
        <v>355600</v>
      </c>
      <c r="GB14" s="114">
        <v>1046936</v>
      </c>
      <c r="GC14" s="114">
        <v>703576</v>
      </c>
      <c r="GD14" s="114">
        <v>657096</v>
      </c>
      <c r="GE14" s="114">
        <v>311928</v>
      </c>
      <c r="GF14" s="113">
        <v>3075136</v>
      </c>
      <c r="GG14" s="319">
        <v>3252080</v>
      </c>
      <c r="GH14" s="115">
        <v>40480</v>
      </c>
      <c r="GI14" s="114">
        <v>57485</v>
      </c>
      <c r="GJ14" s="112">
        <v>97965</v>
      </c>
      <c r="GK14" s="111">
        <v>0</v>
      </c>
      <c r="GL14" s="114">
        <v>31232</v>
      </c>
      <c r="GM14" s="114">
        <v>151008</v>
      </c>
      <c r="GN14" s="114">
        <v>0</v>
      </c>
      <c r="GO14" s="114">
        <v>0</v>
      </c>
      <c r="GP14" s="114">
        <v>0</v>
      </c>
      <c r="GQ14" s="113">
        <v>182240</v>
      </c>
      <c r="GR14" s="116">
        <v>280205</v>
      </c>
      <c r="GS14" s="110">
        <v>260160</v>
      </c>
      <c r="GT14" s="114">
        <v>186400</v>
      </c>
      <c r="GU14" s="113">
        <v>446560</v>
      </c>
      <c r="GV14" s="110">
        <v>0</v>
      </c>
      <c r="GW14" s="114">
        <v>0</v>
      </c>
      <c r="GX14" s="114">
        <v>160000</v>
      </c>
      <c r="GY14" s="114">
        <v>0</v>
      </c>
      <c r="GZ14" s="114">
        <v>0</v>
      </c>
      <c r="HA14" s="114">
        <v>0</v>
      </c>
      <c r="HB14" s="112">
        <v>160000</v>
      </c>
      <c r="HC14" s="116">
        <v>606560</v>
      </c>
      <c r="HD14" s="110">
        <v>329269</v>
      </c>
      <c r="HE14" s="114">
        <v>368082</v>
      </c>
      <c r="HF14" s="112">
        <v>697351</v>
      </c>
      <c r="HG14" s="111">
        <v>0</v>
      </c>
      <c r="HH14" s="114">
        <v>1888468</v>
      </c>
      <c r="HI14" s="114">
        <v>1073062</v>
      </c>
      <c r="HJ14" s="114">
        <v>1391849</v>
      </c>
      <c r="HK14" s="114">
        <v>1498974</v>
      </c>
      <c r="HL14" s="114">
        <v>1957592</v>
      </c>
      <c r="HM14" s="113">
        <v>7809945</v>
      </c>
      <c r="HN14" s="109">
        <v>8507296</v>
      </c>
      <c r="HO14" s="329"/>
      <c r="HP14" s="330"/>
      <c r="HQ14" s="331"/>
      <c r="HR14" s="332"/>
      <c r="HS14" s="330"/>
      <c r="HT14" s="330"/>
      <c r="HU14" s="330"/>
      <c r="HV14" s="330"/>
      <c r="HW14" s="330"/>
      <c r="HX14" s="333"/>
      <c r="HY14" s="334"/>
      <c r="HZ14" s="131">
        <v>96940</v>
      </c>
      <c r="IA14" s="132">
        <v>0</v>
      </c>
      <c r="IB14" s="133">
        <v>96940</v>
      </c>
      <c r="IC14" s="134">
        <v>0</v>
      </c>
      <c r="ID14" s="135">
        <v>3472554</v>
      </c>
      <c r="IE14" s="136">
        <v>2613572</v>
      </c>
      <c r="IF14" s="137">
        <v>2215239</v>
      </c>
      <c r="IG14" s="135">
        <v>2605126</v>
      </c>
      <c r="IH14" s="137">
        <v>1802252</v>
      </c>
      <c r="II14" s="138">
        <v>12708743</v>
      </c>
      <c r="IJ14" s="139">
        <v>12805683</v>
      </c>
      <c r="IK14" s="232">
        <v>0</v>
      </c>
      <c r="IL14" s="236">
        <v>0</v>
      </c>
      <c r="IM14" s="237">
        <v>0</v>
      </c>
      <c r="IN14" s="140"/>
      <c r="IO14" s="119">
        <v>0</v>
      </c>
      <c r="IP14" s="119">
        <v>0</v>
      </c>
      <c r="IQ14" s="119">
        <v>0</v>
      </c>
      <c r="IR14" s="119">
        <v>199071</v>
      </c>
      <c r="IS14" s="119">
        <v>0</v>
      </c>
      <c r="IT14" s="141">
        <v>199071</v>
      </c>
      <c r="IU14" s="321">
        <v>199071</v>
      </c>
      <c r="IV14" s="142">
        <v>0</v>
      </c>
      <c r="IW14" s="119">
        <v>0</v>
      </c>
      <c r="IX14" s="120">
        <v>0</v>
      </c>
      <c r="IY14" s="144"/>
      <c r="IZ14" s="119">
        <v>0</v>
      </c>
      <c r="JA14" s="119">
        <v>0</v>
      </c>
      <c r="JB14" s="119">
        <v>0</v>
      </c>
      <c r="JC14" s="119">
        <v>0</v>
      </c>
      <c r="JD14" s="119">
        <v>33006</v>
      </c>
      <c r="JE14" s="120">
        <v>33006</v>
      </c>
      <c r="JF14" s="121">
        <v>33006</v>
      </c>
      <c r="JG14" s="142">
        <v>0</v>
      </c>
      <c r="JH14" s="119">
        <v>0</v>
      </c>
      <c r="JI14" s="141">
        <v>0</v>
      </c>
      <c r="JJ14" s="118">
        <v>0</v>
      </c>
      <c r="JK14" s="119">
        <v>1375522</v>
      </c>
      <c r="JL14" s="119">
        <v>1281210</v>
      </c>
      <c r="JM14" s="119">
        <v>659436</v>
      </c>
      <c r="JN14" s="119">
        <v>236719</v>
      </c>
      <c r="JO14" s="119">
        <v>253381</v>
      </c>
      <c r="JP14" s="120">
        <v>3806268</v>
      </c>
      <c r="JQ14" s="321">
        <v>3806268</v>
      </c>
      <c r="JR14" s="142">
        <v>0</v>
      </c>
      <c r="JS14" s="119">
        <v>0</v>
      </c>
      <c r="JT14" s="141">
        <v>0</v>
      </c>
      <c r="JU14" s="118">
        <v>0</v>
      </c>
      <c r="JV14" s="119">
        <v>0</v>
      </c>
      <c r="JW14" s="119">
        <v>0</v>
      </c>
      <c r="JX14" s="119">
        <v>214536</v>
      </c>
      <c r="JY14" s="119">
        <v>0</v>
      </c>
      <c r="JZ14" s="119">
        <v>0</v>
      </c>
      <c r="KA14" s="120">
        <v>214536</v>
      </c>
      <c r="KB14" s="321">
        <v>214536</v>
      </c>
      <c r="KC14" s="234">
        <v>96940</v>
      </c>
      <c r="KD14" s="230">
        <v>0</v>
      </c>
      <c r="KE14" s="120">
        <v>96940</v>
      </c>
      <c r="KF14" s="118">
        <v>0</v>
      </c>
      <c r="KG14" s="119">
        <v>761213</v>
      </c>
      <c r="KH14" s="119">
        <v>347533</v>
      </c>
      <c r="KI14" s="119">
        <v>476268</v>
      </c>
      <c r="KJ14" s="119">
        <v>265732</v>
      </c>
      <c r="KK14" s="119">
        <v>0</v>
      </c>
      <c r="KL14" s="120">
        <v>1850746</v>
      </c>
      <c r="KM14" s="143">
        <v>1947686</v>
      </c>
      <c r="KN14" s="232">
        <v>0</v>
      </c>
      <c r="KO14" s="236">
        <v>0</v>
      </c>
      <c r="KP14" s="237">
        <v>0</v>
      </c>
      <c r="KQ14" s="140"/>
      <c r="KR14" s="119">
        <v>932380</v>
      </c>
      <c r="KS14" s="119">
        <v>984829</v>
      </c>
      <c r="KT14" s="119">
        <v>338446</v>
      </c>
      <c r="KU14" s="119">
        <v>1020688</v>
      </c>
      <c r="KV14" s="119">
        <v>259878</v>
      </c>
      <c r="KW14" s="120">
        <v>3536221</v>
      </c>
      <c r="KX14" s="321">
        <v>3536221</v>
      </c>
      <c r="KY14" s="142">
        <v>0</v>
      </c>
      <c r="KZ14" s="119">
        <v>0</v>
      </c>
      <c r="LA14" s="120">
        <v>0</v>
      </c>
      <c r="LB14" s="145">
        <v>0</v>
      </c>
      <c r="LC14" s="119">
        <v>0</v>
      </c>
      <c r="LD14" s="119">
        <v>0</v>
      </c>
      <c r="LE14" s="119">
        <v>193876</v>
      </c>
      <c r="LF14" s="119">
        <v>587162</v>
      </c>
      <c r="LG14" s="119">
        <v>0</v>
      </c>
      <c r="LH14" s="120">
        <v>781038</v>
      </c>
      <c r="LI14" s="121">
        <v>781038</v>
      </c>
      <c r="LJ14" s="142">
        <v>0</v>
      </c>
      <c r="LK14" s="119">
        <v>0</v>
      </c>
      <c r="LL14" s="120">
        <v>0</v>
      </c>
      <c r="LM14" s="145"/>
      <c r="LN14" s="119">
        <v>0</v>
      </c>
      <c r="LO14" s="119">
        <v>0</v>
      </c>
      <c r="LP14" s="119">
        <v>0</v>
      </c>
      <c r="LQ14" s="119">
        <v>0</v>
      </c>
      <c r="LR14" s="119">
        <v>0</v>
      </c>
      <c r="LS14" s="120">
        <v>0</v>
      </c>
      <c r="LT14" s="321">
        <v>0</v>
      </c>
      <c r="LU14" s="142">
        <v>0</v>
      </c>
      <c r="LV14" s="119">
        <v>0</v>
      </c>
      <c r="LW14" s="120">
        <v>0</v>
      </c>
      <c r="LX14" s="145"/>
      <c r="LY14" s="119">
        <v>403439</v>
      </c>
      <c r="LZ14" s="119">
        <v>0</v>
      </c>
      <c r="MA14" s="119">
        <v>332677</v>
      </c>
      <c r="MB14" s="119">
        <v>295754</v>
      </c>
      <c r="MC14" s="119">
        <v>1255987</v>
      </c>
      <c r="MD14" s="120">
        <v>2287857</v>
      </c>
      <c r="ME14" s="121">
        <v>2287857</v>
      </c>
      <c r="MF14" s="142">
        <v>0</v>
      </c>
      <c r="MG14" s="119">
        <v>0</v>
      </c>
      <c r="MH14" s="120">
        <v>0</v>
      </c>
      <c r="MI14" s="145"/>
      <c r="MJ14" s="119">
        <v>420489</v>
      </c>
      <c r="MK14" s="119">
        <v>1447655</v>
      </c>
      <c r="ML14" s="119">
        <v>4462541</v>
      </c>
      <c r="MM14" s="119">
        <v>3440431</v>
      </c>
      <c r="MN14" s="119">
        <v>2406947</v>
      </c>
      <c r="MO14" s="120">
        <v>12178063</v>
      </c>
      <c r="MP14" s="143">
        <v>12178063</v>
      </c>
      <c r="MQ14" s="142">
        <v>0</v>
      </c>
      <c r="MR14" s="119">
        <v>0</v>
      </c>
      <c r="MS14" s="120">
        <v>0</v>
      </c>
      <c r="MT14" s="145"/>
      <c r="MU14" s="119">
        <v>214416</v>
      </c>
      <c r="MV14" s="119">
        <v>233695</v>
      </c>
      <c r="MW14" s="119">
        <v>2057499</v>
      </c>
      <c r="MX14" s="119">
        <v>1686783</v>
      </c>
      <c r="MY14" s="119">
        <v>1747603</v>
      </c>
      <c r="MZ14" s="120">
        <v>5939996</v>
      </c>
      <c r="NA14" s="143">
        <v>5939996</v>
      </c>
      <c r="NB14" s="142">
        <v>0</v>
      </c>
      <c r="NC14" s="119">
        <v>0</v>
      </c>
      <c r="ND14" s="120">
        <v>0</v>
      </c>
      <c r="NE14" s="145"/>
      <c r="NF14" s="119">
        <v>206073</v>
      </c>
      <c r="NG14" s="119">
        <v>1213960</v>
      </c>
      <c r="NH14" s="119">
        <v>2405042</v>
      </c>
      <c r="NI14" s="119">
        <v>1753648</v>
      </c>
      <c r="NJ14" s="119">
        <v>659344</v>
      </c>
      <c r="NK14" s="120">
        <v>6238067</v>
      </c>
      <c r="NL14" s="321">
        <v>6238067</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0</v>
      </c>
      <c r="OD14" s="119">
        <v>0</v>
      </c>
      <c r="OE14" s="119">
        <v>0</v>
      </c>
      <c r="OF14" s="119">
        <v>0</v>
      </c>
      <c r="OG14" s="120">
        <v>0</v>
      </c>
      <c r="OH14" s="121">
        <v>0</v>
      </c>
      <c r="OI14" s="142">
        <v>1161490</v>
      </c>
      <c r="OJ14" s="119">
        <v>1122208</v>
      </c>
      <c r="OK14" s="141">
        <v>2283698</v>
      </c>
      <c r="OL14" s="118">
        <v>0</v>
      </c>
      <c r="OM14" s="119">
        <v>10384104</v>
      </c>
      <c r="ON14" s="119">
        <v>13248652</v>
      </c>
      <c r="OO14" s="119">
        <v>15078000</v>
      </c>
      <c r="OP14" s="119">
        <v>11815624</v>
      </c>
      <c r="OQ14" s="119">
        <v>9506814</v>
      </c>
      <c r="OR14" s="120">
        <v>60033194</v>
      </c>
      <c r="OS14" s="143">
        <v>62316892</v>
      </c>
    </row>
    <row r="15" spans="1:409" ht="20.25" customHeight="1" x14ac:dyDescent="0.2">
      <c r="B15" s="126" t="s">
        <v>9</v>
      </c>
      <c r="C15" s="110">
        <v>970590</v>
      </c>
      <c r="D15" s="114">
        <v>1187220</v>
      </c>
      <c r="E15" s="113">
        <v>2157810</v>
      </c>
      <c r="F15" s="111">
        <v>0</v>
      </c>
      <c r="G15" s="114">
        <v>11402654</v>
      </c>
      <c r="H15" s="114">
        <v>12391394</v>
      </c>
      <c r="I15" s="114">
        <v>10720851</v>
      </c>
      <c r="J15" s="114">
        <v>10907103</v>
      </c>
      <c r="K15" s="114">
        <v>9393934</v>
      </c>
      <c r="L15" s="109">
        <v>54815936</v>
      </c>
      <c r="M15" s="116">
        <v>56973746</v>
      </c>
      <c r="N15" s="110">
        <v>189700</v>
      </c>
      <c r="O15" s="114">
        <v>217674</v>
      </c>
      <c r="P15" s="113">
        <v>407374</v>
      </c>
      <c r="Q15" s="110">
        <v>0</v>
      </c>
      <c r="R15" s="114">
        <v>4026561</v>
      </c>
      <c r="S15" s="114">
        <v>4632687</v>
      </c>
      <c r="T15" s="114">
        <v>3773597</v>
      </c>
      <c r="U15" s="114">
        <v>4511706</v>
      </c>
      <c r="V15" s="114">
        <v>5203102</v>
      </c>
      <c r="W15" s="113">
        <v>22147653</v>
      </c>
      <c r="X15" s="116">
        <v>22555027</v>
      </c>
      <c r="Y15" s="110">
        <v>0</v>
      </c>
      <c r="Z15" s="114">
        <v>0</v>
      </c>
      <c r="AA15" s="113">
        <v>0</v>
      </c>
      <c r="AB15" s="110">
        <v>0</v>
      </c>
      <c r="AC15" s="114">
        <v>1776394</v>
      </c>
      <c r="AD15" s="114">
        <v>2643398</v>
      </c>
      <c r="AE15" s="114">
        <v>1851964</v>
      </c>
      <c r="AF15" s="114">
        <v>2782597</v>
      </c>
      <c r="AG15" s="114">
        <v>2892267</v>
      </c>
      <c r="AH15" s="113">
        <v>11946620</v>
      </c>
      <c r="AI15" s="116">
        <v>11946620</v>
      </c>
      <c r="AJ15" s="110">
        <v>0</v>
      </c>
      <c r="AK15" s="114">
        <v>0</v>
      </c>
      <c r="AL15" s="113">
        <v>0</v>
      </c>
      <c r="AM15" s="110">
        <v>0</v>
      </c>
      <c r="AN15" s="114">
        <v>0</v>
      </c>
      <c r="AO15" s="114">
        <v>0</v>
      </c>
      <c r="AP15" s="114">
        <v>130558</v>
      </c>
      <c r="AQ15" s="114">
        <v>84390</v>
      </c>
      <c r="AR15" s="114">
        <v>803156</v>
      </c>
      <c r="AS15" s="113">
        <v>1018104</v>
      </c>
      <c r="AT15" s="116">
        <v>1018104</v>
      </c>
      <c r="AU15" s="110">
        <v>17820</v>
      </c>
      <c r="AV15" s="114">
        <v>152618</v>
      </c>
      <c r="AW15" s="113">
        <v>170438</v>
      </c>
      <c r="AX15" s="110">
        <v>0</v>
      </c>
      <c r="AY15" s="114">
        <v>1464428</v>
      </c>
      <c r="AZ15" s="114">
        <v>1185468</v>
      </c>
      <c r="BA15" s="114">
        <v>1131444</v>
      </c>
      <c r="BB15" s="114">
        <v>935614</v>
      </c>
      <c r="BC15" s="114">
        <v>993269</v>
      </c>
      <c r="BD15" s="113">
        <v>5710223</v>
      </c>
      <c r="BE15" s="116">
        <v>5880661</v>
      </c>
      <c r="BF15" s="110">
        <v>0</v>
      </c>
      <c r="BG15" s="114">
        <v>0</v>
      </c>
      <c r="BH15" s="112">
        <v>0</v>
      </c>
      <c r="BI15" s="111">
        <v>0</v>
      </c>
      <c r="BJ15" s="114">
        <v>56947</v>
      </c>
      <c r="BK15" s="114">
        <v>130597</v>
      </c>
      <c r="BL15" s="114">
        <v>91255</v>
      </c>
      <c r="BM15" s="114">
        <v>238737</v>
      </c>
      <c r="BN15" s="114">
        <v>33130</v>
      </c>
      <c r="BO15" s="113">
        <v>550666</v>
      </c>
      <c r="BP15" s="116">
        <v>550666</v>
      </c>
      <c r="BQ15" s="110">
        <v>171880</v>
      </c>
      <c r="BR15" s="114">
        <v>65056</v>
      </c>
      <c r="BS15" s="113">
        <v>236936</v>
      </c>
      <c r="BT15" s="110">
        <v>0</v>
      </c>
      <c r="BU15" s="114">
        <v>728792</v>
      </c>
      <c r="BV15" s="114">
        <v>673224</v>
      </c>
      <c r="BW15" s="114">
        <v>568376</v>
      </c>
      <c r="BX15" s="114">
        <v>470368</v>
      </c>
      <c r="BY15" s="114">
        <v>481280</v>
      </c>
      <c r="BZ15" s="113">
        <v>2922040</v>
      </c>
      <c r="CA15" s="116">
        <v>3158976</v>
      </c>
      <c r="CB15" s="110">
        <v>61551</v>
      </c>
      <c r="CC15" s="114">
        <v>194483</v>
      </c>
      <c r="CD15" s="113">
        <v>256034</v>
      </c>
      <c r="CE15" s="110">
        <v>0</v>
      </c>
      <c r="CF15" s="114">
        <v>2804322</v>
      </c>
      <c r="CG15" s="114">
        <v>2581871</v>
      </c>
      <c r="CH15" s="114">
        <v>2920843</v>
      </c>
      <c r="CI15" s="114">
        <v>1717053</v>
      </c>
      <c r="CJ15" s="114">
        <v>882110</v>
      </c>
      <c r="CK15" s="113">
        <v>10906199</v>
      </c>
      <c r="CL15" s="116">
        <v>11162233</v>
      </c>
      <c r="CM15" s="110">
        <v>0</v>
      </c>
      <c r="CN15" s="114">
        <v>0</v>
      </c>
      <c r="CO15" s="113">
        <v>0</v>
      </c>
      <c r="CP15" s="111">
        <v>0</v>
      </c>
      <c r="CQ15" s="114">
        <v>2105142</v>
      </c>
      <c r="CR15" s="114">
        <v>1890316</v>
      </c>
      <c r="CS15" s="114">
        <v>2485505</v>
      </c>
      <c r="CT15" s="114">
        <v>1012394</v>
      </c>
      <c r="CU15" s="114">
        <v>882110</v>
      </c>
      <c r="CV15" s="113">
        <v>8375467</v>
      </c>
      <c r="CW15" s="116">
        <v>8375467</v>
      </c>
      <c r="CX15" s="110">
        <v>61551</v>
      </c>
      <c r="CY15" s="114">
        <v>194483</v>
      </c>
      <c r="CZ15" s="113">
        <v>256034</v>
      </c>
      <c r="DA15" s="110">
        <v>0</v>
      </c>
      <c r="DB15" s="114">
        <v>699180</v>
      </c>
      <c r="DC15" s="114">
        <v>691555</v>
      </c>
      <c r="DD15" s="114">
        <v>435338</v>
      </c>
      <c r="DE15" s="114">
        <v>704659</v>
      </c>
      <c r="DF15" s="114">
        <v>0</v>
      </c>
      <c r="DG15" s="113">
        <v>2530732</v>
      </c>
      <c r="DH15" s="116">
        <v>2786766</v>
      </c>
      <c r="DI15" s="110">
        <v>0</v>
      </c>
      <c r="DJ15" s="114">
        <v>0</v>
      </c>
      <c r="DK15" s="112">
        <v>0</v>
      </c>
      <c r="DL15" s="111">
        <v>0</v>
      </c>
      <c r="DM15" s="114">
        <v>444755</v>
      </c>
      <c r="DN15" s="114">
        <v>513066</v>
      </c>
      <c r="DO15" s="114">
        <v>1095744</v>
      </c>
      <c r="DP15" s="114">
        <v>694567</v>
      </c>
      <c r="DQ15" s="114">
        <v>350204</v>
      </c>
      <c r="DR15" s="113">
        <v>3098336</v>
      </c>
      <c r="DS15" s="116">
        <v>3098336</v>
      </c>
      <c r="DT15" s="110">
        <v>0</v>
      </c>
      <c r="DU15" s="114">
        <v>0</v>
      </c>
      <c r="DV15" s="113">
        <v>0</v>
      </c>
      <c r="DW15" s="110">
        <v>0</v>
      </c>
      <c r="DX15" s="114">
        <v>444755</v>
      </c>
      <c r="DY15" s="114">
        <v>347553</v>
      </c>
      <c r="DZ15" s="114">
        <v>973608</v>
      </c>
      <c r="EA15" s="114">
        <v>618927</v>
      </c>
      <c r="EB15" s="114">
        <v>350204</v>
      </c>
      <c r="EC15" s="113">
        <v>2735047</v>
      </c>
      <c r="ED15" s="116">
        <v>2735047</v>
      </c>
      <c r="EE15" s="110">
        <v>0</v>
      </c>
      <c r="EF15" s="112">
        <v>0</v>
      </c>
      <c r="EG15" s="113">
        <v>0</v>
      </c>
      <c r="EH15" s="110">
        <v>0</v>
      </c>
      <c r="EI15" s="114">
        <v>0</v>
      </c>
      <c r="EJ15" s="114">
        <v>165513</v>
      </c>
      <c r="EK15" s="114">
        <v>122136</v>
      </c>
      <c r="EL15" s="114">
        <v>75640</v>
      </c>
      <c r="EM15" s="114">
        <v>0</v>
      </c>
      <c r="EN15" s="112">
        <v>363289</v>
      </c>
      <c r="EO15" s="116">
        <v>363289</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8"/>
      <c r="FE15" s="114">
        <v>0</v>
      </c>
      <c r="FF15" s="114">
        <v>0</v>
      </c>
      <c r="FG15" s="114">
        <v>0</v>
      </c>
      <c r="FH15" s="114">
        <v>0</v>
      </c>
      <c r="FI15" s="114">
        <v>0</v>
      </c>
      <c r="FJ15" s="113">
        <v>0</v>
      </c>
      <c r="FK15" s="116">
        <v>0</v>
      </c>
      <c r="FL15" s="110">
        <v>278136</v>
      </c>
      <c r="FM15" s="114">
        <v>360992</v>
      </c>
      <c r="FN15" s="113">
        <v>639128</v>
      </c>
      <c r="FO15" s="110">
        <v>0</v>
      </c>
      <c r="FP15" s="114">
        <v>868086</v>
      </c>
      <c r="FQ15" s="114">
        <v>1366328</v>
      </c>
      <c r="FR15" s="114">
        <v>1029072</v>
      </c>
      <c r="FS15" s="114">
        <v>1015448</v>
      </c>
      <c r="FT15" s="114">
        <v>675576</v>
      </c>
      <c r="FU15" s="113">
        <v>4954510</v>
      </c>
      <c r="FV15" s="116">
        <v>5593638</v>
      </c>
      <c r="FW15" s="115">
        <v>140456</v>
      </c>
      <c r="FX15" s="114">
        <v>116752</v>
      </c>
      <c r="FY15" s="112">
        <v>257208</v>
      </c>
      <c r="FZ15" s="111">
        <v>0</v>
      </c>
      <c r="GA15" s="114">
        <v>651248</v>
      </c>
      <c r="GB15" s="114">
        <v>1088288</v>
      </c>
      <c r="GC15" s="114">
        <v>845680</v>
      </c>
      <c r="GD15" s="114">
        <v>919560</v>
      </c>
      <c r="GE15" s="114">
        <v>663696</v>
      </c>
      <c r="GF15" s="113">
        <v>4168472</v>
      </c>
      <c r="GG15" s="319">
        <v>4425680</v>
      </c>
      <c r="GH15" s="115">
        <v>73680</v>
      </c>
      <c r="GI15" s="114">
        <v>60000</v>
      </c>
      <c r="GJ15" s="112">
        <v>133680</v>
      </c>
      <c r="GK15" s="111">
        <v>0</v>
      </c>
      <c r="GL15" s="114">
        <v>51744</v>
      </c>
      <c r="GM15" s="114">
        <v>23320</v>
      </c>
      <c r="GN15" s="114">
        <v>67232</v>
      </c>
      <c r="GO15" s="114">
        <v>41488</v>
      </c>
      <c r="GP15" s="114">
        <v>11880</v>
      </c>
      <c r="GQ15" s="113">
        <v>195664</v>
      </c>
      <c r="GR15" s="116">
        <v>329344</v>
      </c>
      <c r="GS15" s="110">
        <v>64000</v>
      </c>
      <c r="GT15" s="114">
        <v>184240</v>
      </c>
      <c r="GU15" s="113">
        <v>248240</v>
      </c>
      <c r="GV15" s="110">
        <v>0</v>
      </c>
      <c r="GW15" s="114">
        <v>165094</v>
      </c>
      <c r="GX15" s="114">
        <v>254720</v>
      </c>
      <c r="GY15" s="114">
        <v>116160</v>
      </c>
      <c r="GZ15" s="114">
        <v>54400</v>
      </c>
      <c r="HA15" s="114">
        <v>0</v>
      </c>
      <c r="HB15" s="112">
        <v>590374</v>
      </c>
      <c r="HC15" s="116">
        <v>838614</v>
      </c>
      <c r="HD15" s="110">
        <v>441203</v>
      </c>
      <c r="HE15" s="114">
        <v>414071</v>
      </c>
      <c r="HF15" s="112">
        <v>855274</v>
      </c>
      <c r="HG15" s="111">
        <v>0</v>
      </c>
      <c r="HH15" s="114">
        <v>3258930</v>
      </c>
      <c r="HI15" s="114">
        <v>3297442</v>
      </c>
      <c r="HJ15" s="114">
        <v>1901595</v>
      </c>
      <c r="HK15" s="114">
        <v>2968329</v>
      </c>
      <c r="HL15" s="114">
        <v>2282942</v>
      </c>
      <c r="HM15" s="113">
        <v>13709238</v>
      </c>
      <c r="HN15" s="109">
        <v>14564512</v>
      </c>
      <c r="HO15" s="329"/>
      <c r="HP15" s="330"/>
      <c r="HQ15" s="331"/>
      <c r="HR15" s="332"/>
      <c r="HS15" s="330"/>
      <c r="HT15" s="330"/>
      <c r="HU15" s="330"/>
      <c r="HV15" s="330"/>
      <c r="HW15" s="330"/>
      <c r="HX15" s="333"/>
      <c r="HY15" s="334"/>
      <c r="HZ15" s="128">
        <v>0</v>
      </c>
      <c r="IA15" s="149">
        <v>0</v>
      </c>
      <c r="IB15" s="129">
        <v>0</v>
      </c>
      <c r="IC15" s="146">
        <v>0</v>
      </c>
      <c r="ID15" s="132">
        <v>3501033</v>
      </c>
      <c r="IE15" s="147">
        <v>2950493</v>
      </c>
      <c r="IF15" s="133">
        <v>3519755</v>
      </c>
      <c r="IG15" s="132">
        <v>2309453</v>
      </c>
      <c r="IH15" s="133">
        <v>1908094</v>
      </c>
      <c r="II15" s="148">
        <v>14188828</v>
      </c>
      <c r="IJ15" s="130">
        <v>14188828</v>
      </c>
      <c r="IK15" s="232">
        <v>0</v>
      </c>
      <c r="IL15" s="236">
        <v>0</v>
      </c>
      <c r="IM15" s="237">
        <v>0</v>
      </c>
      <c r="IN15" s="140"/>
      <c r="IO15" s="119">
        <v>69791</v>
      </c>
      <c r="IP15" s="119">
        <v>0</v>
      </c>
      <c r="IQ15" s="119">
        <v>0</v>
      </c>
      <c r="IR15" s="119">
        <v>0</v>
      </c>
      <c r="IS15" s="119">
        <v>291392</v>
      </c>
      <c r="IT15" s="141">
        <v>361183</v>
      </c>
      <c r="IU15" s="321">
        <v>361183</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527799</v>
      </c>
      <c r="JL15" s="119">
        <v>1127543</v>
      </c>
      <c r="JM15" s="119">
        <v>1138909</v>
      </c>
      <c r="JN15" s="119">
        <v>854074</v>
      </c>
      <c r="JO15" s="119">
        <v>272304</v>
      </c>
      <c r="JP15" s="120">
        <v>4920629</v>
      </c>
      <c r="JQ15" s="321">
        <v>4920629</v>
      </c>
      <c r="JR15" s="142">
        <v>0</v>
      </c>
      <c r="JS15" s="119">
        <v>0</v>
      </c>
      <c r="JT15" s="141">
        <v>0</v>
      </c>
      <c r="JU15" s="118">
        <v>0</v>
      </c>
      <c r="JV15" s="119">
        <v>0</v>
      </c>
      <c r="JW15" s="119">
        <v>82549</v>
      </c>
      <c r="JX15" s="119">
        <v>106255</v>
      </c>
      <c r="JY15" s="119">
        <v>167197</v>
      </c>
      <c r="JZ15" s="119">
        <v>0</v>
      </c>
      <c r="KA15" s="120">
        <v>356001</v>
      </c>
      <c r="KB15" s="321">
        <v>356001</v>
      </c>
      <c r="KC15" s="234">
        <v>0</v>
      </c>
      <c r="KD15" s="230">
        <v>0</v>
      </c>
      <c r="KE15" s="120">
        <v>0</v>
      </c>
      <c r="KF15" s="118">
        <v>0</v>
      </c>
      <c r="KG15" s="119">
        <v>591046</v>
      </c>
      <c r="KH15" s="119">
        <v>323097</v>
      </c>
      <c r="KI15" s="119">
        <v>475080</v>
      </c>
      <c r="KJ15" s="119">
        <v>500778</v>
      </c>
      <c r="KK15" s="119">
        <v>297071</v>
      </c>
      <c r="KL15" s="120">
        <v>2187072</v>
      </c>
      <c r="KM15" s="143">
        <v>2187072</v>
      </c>
      <c r="KN15" s="232">
        <v>0</v>
      </c>
      <c r="KO15" s="236">
        <v>0</v>
      </c>
      <c r="KP15" s="237">
        <v>0</v>
      </c>
      <c r="KQ15" s="140"/>
      <c r="KR15" s="119">
        <v>1151326</v>
      </c>
      <c r="KS15" s="119">
        <v>1228657</v>
      </c>
      <c r="KT15" s="119">
        <v>770144</v>
      </c>
      <c r="KU15" s="119">
        <v>787404</v>
      </c>
      <c r="KV15" s="119">
        <v>1047327</v>
      </c>
      <c r="KW15" s="120">
        <v>4984858</v>
      </c>
      <c r="KX15" s="321">
        <v>4984858</v>
      </c>
      <c r="KY15" s="142">
        <v>0</v>
      </c>
      <c r="KZ15" s="119">
        <v>0</v>
      </c>
      <c r="LA15" s="120">
        <v>0</v>
      </c>
      <c r="LB15" s="145">
        <v>0</v>
      </c>
      <c r="LC15" s="119">
        <v>161071</v>
      </c>
      <c r="LD15" s="119">
        <v>0</v>
      </c>
      <c r="LE15" s="119">
        <v>0</v>
      </c>
      <c r="LF15" s="119">
        <v>0</v>
      </c>
      <c r="LG15" s="119">
        <v>0</v>
      </c>
      <c r="LH15" s="120">
        <v>161071</v>
      </c>
      <c r="LI15" s="121">
        <v>161071</v>
      </c>
      <c r="LJ15" s="142">
        <v>0</v>
      </c>
      <c r="LK15" s="119">
        <v>0</v>
      </c>
      <c r="LL15" s="120">
        <v>0</v>
      </c>
      <c r="LM15" s="145"/>
      <c r="LN15" s="119">
        <v>0</v>
      </c>
      <c r="LO15" s="119">
        <v>0</v>
      </c>
      <c r="LP15" s="119">
        <v>0</v>
      </c>
      <c r="LQ15" s="119">
        <v>0</v>
      </c>
      <c r="LR15" s="119">
        <v>0</v>
      </c>
      <c r="LS15" s="120">
        <v>0</v>
      </c>
      <c r="LT15" s="321">
        <v>0</v>
      </c>
      <c r="LU15" s="142">
        <v>0</v>
      </c>
      <c r="LV15" s="119">
        <v>0</v>
      </c>
      <c r="LW15" s="120">
        <v>0</v>
      </c>
      <c r="LX15" s="145"/>
      <c r="LY15" s="119">
        <v>0</v>
      </c>
      <c r="LZ15" s="119">
        <v>188647</v>
      </c>
      <c r="MA15" s="119">
        <v>1029367</v>
      </c>
      <c r="MB15" s="119">
        <v>0</v>
      </c>
      <c r="MC15" s="119">
        <v>0</v>
      </c>
      <c r="MD15" s="120">
        <v>1218014</v>
      </c>
      <c r="ME15" s="121">
        <v>1218014</v>
      </c>
      <c r="MF15" s="142">
        <v>0</v>
      </c>
      <c r="MG15" s="119">
        <v>0</v>
      </c>
      <c r="MH15" s="120">
        <v>0</v>
      </c>
      <c r="MI15" s="145"/>
      <c r="MJ15" s="119">
        <v>287974</v>
      </c>
      <c r="MK15" s="119">
        <v>1427600</v>
      </c>
      <c r="ML15" s="119">
        <v>5988708</v>
      </c>
      <c r="MM15" s="119">
        <v>8565336</v>
      </c>
      <c r="MN15" s="119">
        <v>2706058</v>
      </c>
      <c r="MO15" s="120">
        <v>18975676</v>
      </c>
      <c r="MP15" s="143">
        <v>18975676</v>
      </c>
      <c r="MQ15" s="142">
        <v>0</v>
      </c>
      <c r="MR15" s="119">
        <v>0</v>
      </c>
      <c r="MS15" s="120">
        <v>0</v>
      </c>
      <c r="MT15" s="145"/>
      <c r="MU15" s="119">
        <v>0</v>
      </c>
      <c r="MV15" s="119">
        <v>0</v>
      </c>
      <c r="MW15" s="119">
        <v>3734160</v>
      </c>
      <c r="MX15" s="119">
        <v>7207471</v>
      </c>
      <c r="MY15" s="119">
        <v>2162538</v>
      </c>
      <c r="MZ15" s="120">
        <v>13104169</v>
      </c>
      <c r="NA15" s="143">
        <v>13104169</v>
      </c>
      <c r="NB15" s="142">
        <v>0</v>
      </c>
      <c r="NC15" s="119">
        <v>0</v>
      </c>
      <c r="ND15" s="120">
        <v>0</v>
      </c>
      <c r="NE15" s="145"/>
      <c r="NF15" s="119">
        <v>287974</v>
      </c>
      <c r="NG15" s="119">
        <v>1427600</v>
      </c>
      <c r="NH15" s="119">
        <v>1932840</v>
      </c>
      <c r="NI15" s="119">
        <v>1357865</v>
      </c>
      <c r="NJ15" s="119">
        <v>543520</v>
      </c>
      <c r="NK15" s="120">
        <v>5549799</v>
      </c>
      <c r="NL15" s="321">
        <v>5549799</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321708</v>
      </c>
      <c r="OE15" s="119">
        <v>0</v>
      </c>
      <c r="OF15" s="119">
        <v>0</v>
      </c>
      <c r="OG15" s="120">
        <v>321708</v>
      </c>
      <c r="OH15" s="121">
        <v>321708</v>
      </c>
      <c r="OI15" s="142">
        <v>970590</v>
      </c>
      <c r="OJ15" s="119">
        <v>1187220</v>
      </c>
      <c r="OK15" s="141">
        <v>2157810</v>
      </c>
      <c r="OL15" s="118">
        <v>0</v>
      </c>
      <c r="OM15" s="119">
        <v>15191661</v>
      </c>
      <c r="ON15" s="119">
        <v>16769487</v>
      </c>
      <c r="OO15" s="119">
        <v>20229314</v>
      </c>
      <c r="OP15" s="119">
        <v>21781892</v>
      </c>
      <c r="OQ15" s="119">
        <v>14008086</v>
      </c>
      <c r="OR15" s="120">
        <v>87980440</v>
      </c>
      <c r="OS15" s="143">
        <v>90138250</v>
      </c>
    </row>
    <row r="16" spans="1:409" ht="20.25" customHeight="1" x14ac:dyDescent="0.2">
      <c r="B16" s="126" t="s">
        <v>10</v>
      </c>
      <c r="C16" s="110">
        <v>1312805</v>
      </c>
      <c r="D16" s="114">
        <v>2416847</v>
      </c>
      <c r="E16" s="113">
        <v>3729652</v>
      </c>
      <c r="F16" s="172">
        <v>0</v>
      </c>
      <c r="G16" s="114">
        <v>21686822</v>
      </c>
      <c r="H16" s="114">
        <v>15812053</v>
      </c>
      <c r="I16" s="114">
        <v>15986240</v>
      </c>
      <c r="J16" s="114">
        <v>13393163</v>
      </c>
      <c r="K16" s="114">
        <v>10187223</v>
      </c>
      <c r="L16" s="109">
        <v>77065501</v>
      </c>
      <c r="M16" s="116">
        <v>80795153</v>
      </c>
      <c r="N16" s="110">
        <v>526337</v>
      </c>
      <c r="O16" s="114">
        <v>934441</v>
      </c>
      <c r="P16" s="113">
        <v>1460778</v>
      </c>
      <c r="Q16" s="110">
        <v>0</v>
      </c>
      <c r="R16" s="114">
        <v>7280963</v>
      </c>
      <c r="S16" s="114">
        <v>5630132</v>
      </c>
      <c r="T16" s="114">
        <v>5671888</v>
      </c>
      <c r="U16" s="114">
        <v>5767395</v>
      </c>
      <c r="V16" s="114">
        <v>6017994</v>
      </c>
      <c r="W16" s="113">
        <v>30368372</v>
      </c>
      <c r="X16" s="116">
        <v>31829150</v>
      </c>
      <c r="Y16" s="110">
        <v>0</v>
      </c>
      <c r="Z16" s="114">
        <v>0</v>
      </c>
      <c r="AA16" s="113">
        <v>0</v>
      </c>
      <c r="AB16" s="110">
        <v>0</v>
      </c>
      <c r="AC16" s="114">
        <v>3323952</v>
      </c>
      <c r="AD16" s="114">
        <v>2790781</v>
      </c>
      <c r="AE16" s="114">
        <v>3417467</v>
      </c>
      <c r="AF16" s="114">
        <v>2571928</v>
      </c>
      <c r="AG16" s="114">
        <v>3496993</v>
      </c>
      <c r="AH16" s="113">
        <v>15601121</v>
      </c>
      <c r="AI16" s="116">
        <v>15601121</v>
      </c>
      <c r="AJ16" s="110">
        <v>0</v>
      </c>
      <c r="AK16" s="114">
        <v>0</v>
      </c>
      <c r="AL16" s="113">
        <v>0</v>
      </c>
      <c r="AM16" s="110">
        <v>0</v>
      </c>
      <c r="AN16" s="114">
        <v>0</v>
      </c>
      <c r="AO16" s="114">
        <v>0</v>
      </c>
      <c r="AP16" s="114">
        <v>128968</v>
      </c>
      <c r="AQ16" s="114">
        <v>835476</v>
      </c>
      <c r="AR16" s="114">
        <v>803928</v>
      </c>
      <c r="AS16" s="113">
        <v>1768372</v>
      </c>
      <c r="AT16" s="116">
        <v>1768372</v>
      </c>
      <c r="AU16" s="110">
        <v>315328</v>
      </c>
      <c r="AV16" s="114">
        <v>600144</v>
      </c>
      <c r="AW16" s="113">
        <v>915472</v>
      </c>
      <c r="AX16" s="110">
        <v>0</v>
      </c>
      <c r="AY16" s="114">
        <v>2451053</v>
      </c>
      <c r="AZ16" s="114">
        <v>1791305</v>
      </c>
      <c r="BA16" s="114">
        <v>1309830</v>
      </c>
      <c r="BB16" s="114">
        <v>1516611</v>
      </c>
      <c r="BC16" s="114">
        <v>1039841</v>
      </c>
      <c r="BD16" s="113">
        <v>8108640</v>
      </c>
      <c r="BE16" s="116">
        <v>9024112</v>
      </c>
      <c r="BF16" s="110">
        <v>21353</v>
      </c>
      <c r="BG16" s="114">
        <v>170161</v>
      </c>
      <c r="BH16" s="112">
        <v>191514</v>
      </c>
      <c r="BI16" s="111">
        <v>0</v>
      </c>
      <c r="BJ16" s="114">
        <v>310206</v>
      </c>
      <c r="BK16" s="114">
        <v>86078</v>
      </c>
      <c r="BL16" s="114">
        <v>112607</v>
      </c>
      <c r="BM16" s="114">
        <v>42708</v>
      </c>
      <c r="BN16" s="114">
        <v>111248</v>
      </c>
      <c r="BO16" s="113">
        <v>662847</v>
      </c>
      <c r="BP16" s="116">
        <v>854361</v>
      </c>
      <c r="BQ16" s="110">
        <v>189656</v>
      </c>
      <c r="BR16" s="114">
        <v>164136</v>
      </c>
      <c r="BS16" s="113">
        <v>353792</v>
      </c>
      <c r="BT16" s="110">
        <v>0</v>
      </c>
      <c r="BU16" s="114">
        <v>1195752</v>
      </c>
      <c r="BV16" s="114">
        <v>961968</v>
      </c>
      <c r="BW16" s="114">
        <v>703016</v>
      </c>
      <c r="BX16" s="114">
        <v>800672</v>
      </c>
      <c r="BY16" s="114">
        <v>565984</v>
      </c>
      <c r="BZ16" s="113">
        <v>4227392</v>
      </c>
      <c r="CA16" s="116">
        <v>4581184</v>
      </c>
      <c r="CB16" s="110">
        <v>83975</v>
      </c>
      <c r="CC16" s="114">
        <v>115568</v>
      </c>
      <c r="CD16" s="113">
        <v>199543</v>
      </c>
      <c r="CE16" s="110">
        <v>0</v>
      </c>
      <c r="CF16" s="114">
        <v>7134326</v>
      </c>
      <c r="CG16" s="114">
        <v>4393871</v>
      </c>
      <c r="CH16" s="114">
        <v>4190547</v>
      </c>
      <c r="CI16" s="114">
        <v>1814191</v>
      </c>
      <c r="CJ16" s="114">
        <v>684885</v>
      </c>
      <c r="CK16" s="113">
        <v>18217820</v>
      </c>
      <c r="CL16" s="116">
        <v>18417363</v>
      </c>
      <c r="CM16" s="110">
        <v>0</v>
      </c>
      <c r="CN16" s="114">
        <v>0</v>
      </c>
      <c r="CO16" s="113">
        <v>0</v>
      </c>
      <c r="CP16" s="111">
        <v>0</v>
      </c>
      <c r="CQ16" s="114">
        <v>6071476</v>
      </c>
      <c r="CR16" s="114">
        <v>3994591</v>
      </c>
      <c r="CS16" s="114">
        <v>3629593</v>
      </c>
      <c r="CT16" s="114">
        <v>1454952</v>
      </c>
      <c r="CU16" s="114">
        <v>560404</v>
      </c>
      <c r="CV16" s="113">
        <v>15711016</v>
      </c>
      <c r="CW16" s="116">
        <v>15711016</v>
      </c>
      <c r="CX16" s="110">
        <v>83975</v>
      </c>
      <c r="CY16" s="114">
        <v>115568</v>
      </c>
      <c r="CZ16" s="113">
        <v>199543</v>
      </c>
      <c r="DA16" s="110">
        <v>0</v>
      </c>
      <c r="DB16" s="114">
        <v>1062850</v>
      </c>
      <c r="DC16" s="114">
        <v>399280</v>
      </c>
      <c r="DD16" s="114">
        <v>560954</v>
      </c>
      <c r="DE16" s="114">
        <v>359239</v>
      </c>
      <c r="DF16" s="114">
        <v>124481</v>
      </c>
      <c r="DG16" s="113">
        <v>2506804</v>
      </c>
      <c r="DH16" s="116">
        <v>2706347</v>
      </c>
      <c r="DI16" s="110">
        <v>0</v>
      </c>
      <c r="DJ16" s="114">
        <v>54621</v>
      </c>
      <c r="DK16" s="112">
        <v>54621</v>
      </c>
      <c r="DL16" s="111">
        <v>0</v>
      </c>
      <c r="DM16" s="114">
        <v>664673</v>
      </c>
      <c r="DN16" s="114">
        <v>961073</v>
      </c>
      <c r="DO16" s="114">
        <v>1894134</v>
      </c>
      <c r="DP16" s="114">
        <v>1086491</v>
      </c>
      <c r="DQ16" s="114">
        <v>444536</v>
      </c>
      <c r="DR16" s="113">
        <v>5050907</v>
      </c>
      <c r="DS16" s="116">
        <v>5105528</v>
      </c>
      <c r="DT16" s="110">
        <v>0</v>
      </c>
      <c r="DU16" s="114">
        <v>54621</v>
      </c>
      <c r="DV16" s="113">
        <v>54621</v>
      </c>
      <c r="DW16" s="110">
        <v>0</v>
      </c>
      <c r="DX16" s="114">
        <v>629580</v>
      </c>
      <c r="DY16" s="114">
        <v>765537</v>
      </c>
      <c r="DZ16" s="114">
        <v>1834579</v>
      </c>
      <c r="EA16" s="114">
        <v>959052</v>
      </c>
      <c r="EB16" s="114">
        <v>444536</v>
      </c>
      <c r="EC16" s="113">
        <v>4633284</v>
      </c>
      <c r="ED16" s="116">
        <v>4687905</v>
      </c>
      <c r="EE16" s="110">
        <v>0</v>
      </c>
      <c r="EF16" s="112">
        <v>0</v>
      </c>
      <c r="EG16" s="113">
        <v>0</v>
      </c>
      <c r="EH16" s="110">
        <v>0</v>
      </c>
      <c r="EI16" s="114">
        <v>35093</v>
      </c>
      <c r="EJ16" s="114">
        <v>195536</v>
      </c>
      <c r="EK16" s="114">
        <v>59555</v>
      </c>
      <c r="EL16" s="114">
        <v>127439</v>
      </c>
      <c r="EM16" s="114">
        <v>0</v>
      </c>
      <c r="EN16" s="112">
        <v>417623</v>
      </c>
      <c r="EO16" s="116">
        <v>417623</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8"/>
      <c r="FE16" s="114">
        <v>0</v>
      </c>
      <c r="FF16" s="114">
        <v>0</v>
      </c>
      <c r="FG16" s="114">
        <v>0</v>
      </c>
      <c r="FH16" s="114">
        <v>0</v>
      </c>
      <c r="FI16" s="114">
        <v>0</v>
      </c>
      <c r="FJ16" s="113">
        <v>0</v>
      </c>
      <c r="FK16" s="116">
        <v>0</v>
      </c>
      <c r="FL16" s="110">
        <v>314080</v>
      </c>
      <c r="FM16" s="114">
        <v>683496</v>
      </c>
      <c r="FN16" s="113">
        <v>997576</v>
      </c>
      <c r="FO16" s="110">
        <v>0</v>
      </c>
      <c r="FP16" s="114">
        <v>1037616</v>
      </c>
      <c r="FQ16" s="114">
        <v>1728688</v>
      </c>
      <c r="FR16" s="114">
        <v>1346944</v>
      </c>
      <c r="FS16" s="114">
        <v>1020608</v>
      </c>
      <c r="FT16" s="114">
        <v>697184</v>
      </c>
      <c r="FU16" s="113">
        <v>5831040</v>
      </c>
      <c r="FV16" s="116">
        <v>6828616</v>
      </c>
      <c r="FW16" s="115">
        <v>271424</v>
      </c>
      <c r="FX16" s="114">
        <v>423672</v>
      </c>
      <c r="FY16" s="112">
        <v>695096</v>
      </c>
      <c r="FZ16" s="111">
        <v>0</v>
      </c>
      <c r="GA16" s="114">
        <v>934176</v>
      </c>
      <c r="GB16" s="114">
        <v>1494488</v>
      </c>
      <c r="GC16" s="114">
        <v>1151744</v>
      </c>
      <c r="GD16" s="114">
        <v>949408</v>
      </c>
      <c r="GE16" s="114">
        <v>615472</v>
      </c>
      <c r="GF16" s="113">
        <v>5145288</v>
      </c>
      <c r="GG16" s="319">
        <v>5840384</v>
      </c>
      <c r="GH16" s="115">
        <v>18656</v>
      </c>
      <c r="GI16" s="114">
        <v>103824</v>
      </c>
      <c r="GJ16" s="112">
        <v>122480</v>
      </c>
      <c r="GK16" s="111">
        <v>0</v>
      </c>
      <c r="GL16" s="114">
        <v>103440</v>
      </c>
      <c r="GM16" s="114">
        <v>74200</v>
      </c>
      <c r="GN16" s="114">
        <v>35200</v>
      </c>
      <c r="GO16" s="114">
        <v>71200</v>
      </c>
      <c r="GP16" s="114">
        <v>37312</v>
      </c>
      <c r="GQ16" s="113">
        <v>321352</v>
      </c>
      <c r="GR16" s="116">
        <v>443832</v>
      </c>
      <c r="GS16" s="110">
        <v>24000</v>
      </c>
      <c r="GT16" s="114">
        <v>156000</v>
      </c>
      <c r="GU16" s="113">
        <v>180000</v>
      </c>
      <c r="GV16" s="110">
        <v>0</v>
      </c>
      <c r="GW16" s="114">
        <v>0</v>
      </c>
      <c r="GX16" s="114">
        <v>160000</v>
      </c>
      <c r="GY16" s="114">
        <v>160000</v>
      </c>
      <c r="GZ16" s="114">
        <v>0</v>
      </c>
      <c r="HA16" s="114">
        <v>44400</v>
      </c>
      <c r="HB16" s="112">
        <v>364400</v>
      </c>
      <c r="HC16" s="116">
        <v>544400</v>
      </c>
      <c r="HD16" s="110">
        <v>388413</v>
      </c>
      <c r="HE16" s="114">
        <v>628721</v>
      </c>
      <c r="HF16" s="112">
        <v>1017134</v>
      </c>
      <c r="HG16" s="111">
        <v>0</v>
      </c>
      <c r="HH16" s="114">
        <v>5569244</v>
      </c>
      <c r="HI16" s="114">
        <v>3098289</v>
      </c>
      <c r="HJ16" s="114">
        <v>2882727</v>
      </c>
      <c r="HK16" s="114">
        <v>3704478</v>
      </c>
      <c r="HL16" s="114">
        <v>2342624</v>
      </c>
      <c r="HM16" s="113">
        <v>17597362</v>
      </c>
      <c r="HN16" s="109">
        <v>18614496</v>
      </c>
      <c r="HO16" s="329"/>
      <c r="HP16" s="330"/>
      <c r="HQ16" s="331"/>
      <c r="HR16" s="332"/>
      <c r="HS16" s="330"/>
      <c r="HT16" s="330"/>
      <c r="HU16" s="330"/>
      <c r="HV16" s="330"/>
      <c r="HW16" s="330"/>
      <c r="HX16" s="333"/>
      <c r="HY16" s="334"/>
      <c r="HZ16" s="150">
        <v>0</v>
      </c>
      <c r="IA16" s="135">
        <v>0</v>
      </c>
      <c r="IB16" s="150">
        <v>0</v>
      </c>
      <c r="IC16" s="134">
        <v>0</v>
      </c>
      <c r="ID16" s="135">
        <v>3974655</v>
      </c>
      <c r="IE16" s="136">
        <v>5901483</v>
      </c>
      <c r="IF16" s="137">
        <v>3791650</v>
      </c>
      <c r="IG16" s="135">
        <v>4366439</v>
      </c>
      <c r="IH16" s="137">
        <v>2806248</v>
      </c>
      <c r="II16" s="138">
        <v>20840475</v>
      </c>
      <c r="IJ16" s="150">
        <v>20840475</v>
      </c>
      <c r="IK16" s="232">
        <v>0</v>
      </c>
      <c r="IL16" s="236">
        <v>0</v>
      </c>
      <c r="IM16" s="237">
        <v>0</v>
      </c>
      <c r="IN16" s="140"/>
      <c r="IO16" s="119">
        <v>291982</v>
      </c>
      <c r="IP16" s="119">
        <v>230726</v>
      </c>
      <c r="IQ16" s="119">
        <v>0</v>
      </c>
      <c r="IR16" s="119">
        <v>248808</v>
      </c>
      <c r="IS16" s="119">
        <v>0</v>
      </c>
      <c r="IT16" s="141">
        <v>771516</v>
      </c>
      <c r="IU16" s="321">
        <v>771516</v>
      </c>
      <c r="IV16" s="142">
        <v>0</v>
      </c>
      <c r="IW16" s="119">
        <v>0</v>
      </c>
      <c r="IX16" s="120">
        <v>0</v>
      </c>
      <c r="IY16" s="144"/>
      <c r="IZ16" s="119">
        <v>10475</v>
      </c>
      <c r="JA16" s="119">
        <v>10475</v>
      </c>
      <c r="JB16" s="119">
        <v>41900</v>
      </c>
      <c r="JC16" s="119">
        <v>0</v>
      </c>
      <c r="JD16" s="119">
        <v>0</v>
      </c>
      <c r="JE16" s="120">
        <v>62850</v>
      </c>
      <c r="JF16" s="121">
        <v>62850</v>
      </c>
      <c r="JG16" s="142">
        <v>0</v>
      </c>
      <c r="JH16" s="119">
        <v>0</v>
      </c>
      <c r="JI16" s="141">
        <v>0</v>
      </c>
      <c r="JJ16" s="118">
        <v>0</v>
      </c>
      <c r="JK16" s="119">
        <v>1642601</v>
      </c>
      <c r="JL16" s="119">
        <v>1136782</v>
      </c>
      <c r="JM16" s="119">
        <v>258878</v>
      </c>
      <c r="JN16" s="119">
        <v>94284</v>
      </c>
      <c r="JO16" s="119">
        <v>70566</v>
      </c>
      <c r="JP16" s="120">
        <v>3203111</v>
      </c>
      <c r="JQ16" s="321">
        <v>3203111</v>
      </c>
      <c r="JR16" s="142">
        <v>0</v>
      </c>
      <c r="JS16" s="119">
        <v>0</v>
      </c>
      <c r="JT16" s="141">
        <v>0</v>
      </c>
      <c r="JU16" s="118">
        <v>0</v>
      </c>
      <c r="JV16" s="119">
        <v>216635</v>
      </c>
      <c r="JW16" s="119">
        <v>157912</v>
      </c>
      <c r="JX16" s="119">
        <v>288892</v>
      </c>
      <c r="JY16" s="119">
        <v>0</v>
      </c>
      <c r="JZ16" s="119">
        <v>45522</v>
      </c>
      <c r="KA16" s="120">
        <v>708961</v>
      </c>
      <c r="KB16" s="321">
        <v>708961</v>
      </c>
      <c r="KC16" s="234">
        <v>0</v>
      </c>
      <c r="KD16" s="230">
        <v>0</v>
      </c>
      <c r="KE16" s="120">
        <v>0</v>
      </c>
      <c r="KF16" s="118">
        <v>0</v>
      </c>
      <c r="KG16" s="119">
        <v>252061</v>
      </c>
      <c r="KH16" s="119">
        <v>742265</v>
      </c>
      <c r="KI16" s="119">
        <v>694142</v>
      </c>
      <c r="KJ16" s="119">
        <v>1360076</v>
      </c>
      <c r="KK16" s="119">
        <v>0</v>
      </c>
      <c r="KL16" s="120">
        <v>3048544</v>
      </c>
      <c r="KM16" s="143">
        <v>3048544</v>
      </c>
      <c r="KN16" s="232">
        <v>0</v>
      </c>
      <c r="KO16" s="236">
        <v>0</v>
      </c>
      <c r="KP16" s="237">
        <v>0</v>
      </c>
      <c r="KQ16" s="140"/>
      <c r="KR16" s="119">
        <v>1402034</v>
      </c>
      <c r="KS16" s="119">
        <v>2272501</v>
      </c>
      <c r="KT16" s="119">
        <v>1017790</v>
      </c>
      <c r="KU16" s="119">
        <v>1420670</v>
      </c>
      <c r="KV16" s="119">
        <v>1023980</v>
      </c>
      <c r="KW16" s="120">
        <v>7136975</v>
      </c>
      <c r="KX16" s="321">
        <v>7136975</v>
      </c>
      <c r="KY16" s="142">
        <v>0</v>
      </c>
      <c r="KZ16" s="119">
        <v>0</v>
      </c>
      <c r="LA16" s="120">
        <v>0</v>
      </c>
      <c r="LB16" s="145">
        <v>0</v>
      </c>
      <c r="LC16" s="119">
        <v>158867</v>
      </c>
      <c r="LD16" s="119">
        <v>876105</v>
      </c>
      <c r="LE16" s="119">
        <v>403359</v>
      </c>
      <c r="LF16" s="119">
        <v>421142</v>
      </c>
      <c r="LG16" s="119">
        <v>706219</v>
      </c>
      <c r="LH16" s="120">
        <v>2565692</v>
      </c>
      <c r="LI16" s="121">
        <v>2565692</v>
      </c>
      <c r="LJ16" s="142">
        <v>0</v>
      </c>
      <c r="LK16" s="119">
        <v>0</v>
      </c>
      <c r="LL16" s="120">
        <v>0</v>
      </c>
      <c r="LM16" s="145"/>
      <c r="LN16" s="119">
        <v>0</v>
      </c>
      <c r="LO16" s="119">
        <v>0</v>
      </c>
      <c r="LP16" s="119">
        <v>230556</v>
      </c>
      <c r="LQ16" s="119">
        <v>281493</v>
      </c>
      <c r="LR16" s="119">
        <v>811797</v>
      </c>
      <c r="LS16" s="120">
        <v>1323846</v>
      </c>
      <c r="LT16" s="321">
        <v>1323846</v>
      </c>
      <c r="LU16" s="142">
        <v>0</v>
      </c>
      <c r="LV16" s="119">
        <v>0</v>
      </c>
      <c r="LW16" s="120">
        <v>0</v>
      </c>
      <c r="LX16" s="145"/>
      <c r="LY16" s="119">
        <v>0</v>
      </c>
      <c r="LZ16" s="119">
        <v>474717</v>
      </c>
      <c r="MA16" s="119">
        <v>856133</v>
      </c>
      <c r="MB16" s="119">
        <v>539966</v>
      </c>
      <c r="MC16" s="119">
        <v>148164</v>
      </c>
      <c r="MD16" s="120">
        <v>2018980</v>
      </c>
      <c r="ME16" s="121">
        <v>2018980</v>
      </c>
      <c r="MF16" s="142">
        <v>0</v>
      </c>
      <c r="MG16" s="119">
        <v>0</v>
      </c>
      <c r="MH16" s="120">
        <v>0</v>
      </c>
      <c r="MI16" s="145"/>
      <c r="MJ16" s="119">
        <v>1568053</v>
      </c>
      <c r="MK16" s="119">
        <v>1538184</v>
      </c>
      <c r="ML16" s="119">
        <v>6959277</v>
      </c>
      <c r="MM16" s="119">
        <v>14964223</v>
      </c>
      <c r="MN16" s="119">
        <v>7418685</v>
      </c>
      <c r="MO16" s="120">
        <v>32448422</v>
      </c>
      <c r="MP16" s="143">
        <v>32448422</v>
      </c>
      <c r="MQ16" s="142">
        <v>0</v>
      </c>
      <c r="MR16" s="119">
        <v>0</v>
      </c>
      <c r="MS16" s="120">
        <v>0</v>
      </c>
      <c r="MT16" s="145"/>
      <c r="MU16" s="119">
        <v>212249</v>
      </c>
      <c r="MV16" s="119">
        <v>0</v>
      </c>
      <c r="MW16" s="119">
        <v>4426341</v>
      </c>
      <c r="MX16" s="119">
        <v>9886452</v>
      </c>
      <c r="MY16" s="119">
        <v>5196835</v>
      </c>
      <c r="MZ16" s="120">
        <v>19721877</v>
      </c>
      <c r="NA16" s="143">
        <v>19721877</v>
      </c>
      <c r="NB16" s="142">
        <v>0</v>
      </c>
      <c r="NC16" s="119">
        <v>0</v>
      </c>
      <c r="ND16" s="120">
        <v>0</v>
      </c>
      <c r="NE16" s="145"/>
      <c r="NF16" s="119">
        <v>1355804</v>
      </c>
      <c r="NG16" s="119">
        <v>1538184</v>
      </c>
      <c r="NH16" s="119">
        <v>2532936</v>
      </c>
      <c r="NI16" s="119">
        <v>4719334</v>
      </c>
      <c r="NJ16" s="119">
        <v>2221850</v>
      </c>
      <c r="NK16" s="120">
        <v>12368108</v>
      </c>
      <c r="NL16" s="321">
        <v>12368108</v>
      </c>
      <c r="NM16" s="142">
        <v>0</v>
      </c>
      <c r="NN16" s="119">
        <v>0</v>
      </c>
      <c r="NO16" s="120">
        <v>0</v>
      </c>
      <c r="NP16" s="145"/>
      <c r="NQ16" s="119">
        <v>0</v>
      </c>
      <c r="NR16" s="119">
        <v>0</v>
      </c>
      <c r="NS16" s="119">
        <v>0</v>
      </c>
      <c r="NT16" s="119">
        <v>0</v>
      </c>
      <c r="NU16" s="119">
        <v>0</v>
      </c>
      <c r="NV16" s="120">
        <v>0</v>
      </c>
      <c r="NW16" s="121">
        <v>0</v>
      </c>
      <c r="NX16" s="142">
        <v>0</v>
      </c>
      <c r="NY16" s="119">
        <v>0</v>
      </c>
      <c r="NZ16" s="120">
        <v>0</v>
      </c>
      <c r="OA16" s="145"/>
      <c r="OB16" s="119">
        <v>0</v>
      </c>
      <c r="OC16" s="119">
        <v>0</v>
      </c>
      <c r="OD16" s="119">
        <v>0</v>
      </c>
      <c r="OE16" s="119">
        <v>358437</v>
      </c>
      <c r="OF16" s="119">
        <v>0</v>
      </c>
      <c r="OG16" s="120">
        <v>358437</v>
      </c>
      <c r="OH16" s="121">
        <v>358437</v>
      </c>
      <c r="OI16" s="142">
        <v>1312805</v>
      </c>
      <c r="OJ16" s="119">
        <v>2416847</v>
      </c>
      <c r="OK16" s="141">
        <v>3729652</v>
      </c>
      <c r="OL16" s="118">
        <v>0</v>
      </c>
      <c r="OM16" s="119">
        <v>27229530</v>
      </c>
      <c r="ON16" s="119">
        <v>23251720</v>
      </c>
      <c r="OO16" s="119">
        <v>26737167</v>
      </c>
      <c r="OP16" s="119">
        <v>32723825</v>
      </c>
      <c r="OQ16" s="119">
        <v>20412156</v>
      </c>
      <c r="OR16" s="120">
        <v>130354398</v>
      </c>
      <c r="OS16" s="143">
        <v>134084050</v>
      </c>
    </row>
    <row r="17" spans="2:409" ht="20.25" customHeight="1" x14ac:dyDescent="0.2">
      <c r="B17" s="126" t="s">
        <v>11</v>
      </c>
      <c r="C17" s="110">
        <v>419586</v>
      </c>
      <c r="D17" s="114">
        <v>846693</v>
      </c>
      <c r="E17" s="171">
        <v>1266279</v>
      </c>
      <c r="F17" s="111">
        <v>0</v>
      </c>
      <c r="G17" s="114">
        <v>7354704</v>
      </c>
      <c r="H17" s="114">
        <v>7683953</v>
      </c>
      <c r="I17" s="114">
        <v>8943194</v>
      </c>
      <c r="J17" s="114">
        <v>9293423</v>
      </c>
      <c r="K17" s="114">
        <v>3469477</v>
      </c>
      <c r="L17" s="109">
        <v>36744751</v>
      </c>
      <c r="M17" s="116">
        <v>38011030</v>
      </c>
      <c r="N17" s="110">
        <v>68580</v>
      </c>
      <c r="O17" s="114">
        <v>184473</v>
      </c>
      <c r="P17" s="113">
        <v>253053</v>
      </c>
      <c r="Q17" s="110">
        <v>0</v>
      </c>
      <c r="R17" s="114">
        <v>1461477</v>
      </c>
      <c r="S17" s="114">
        <v>1533898</v>
      </c>
      <c r="T17" s="114">
        <v>3133922</v>
      </c>
      <c r="U17" s="114">
        <v>2547867</v>
      </c>
      <c r="V17" s="114">
        <v>1269127</v>
      </c>
      <c r="W17" s="113">
        <v>9946291</v>
      </c>
      <c r="X17" s="116">
        <v>10199344</v>
      </c>
      <c r="Y17" s="110">
        <v>0</v>
      </c>
      <c r="Z17" s="114">
        <v>0</v>
      </c>
      <c r="AA17" s="113">
        <v>0</v>
      </c>
      <c r="AB17" s="110">
        <v>0</v>
      </c>
      <c r="AC17" s="114">
        <v>481186</v>
      </c>
      <c r="AD17" s="114">
        <v>504878</v>
      </c>
      <c r="AE17" s="114">
        <v>1891978</v>
      </c>
      <c r="AF17" s="114">
        <v>1308208</v>
      </c>
      <c r="AG17" s="114">
        <v>608897</v>
      </c>
      <c r="AH17" s="113">
        <v>4795147</v>
      </c>
      <c r="AI17" s="116">
        <v>4795147</v>
      </c>
      <c r="AJ17" s="110">
        <v>0</v>
      </c>
      <c r="AK17" s="114">
        <v>0</v>
      </c>
      <c r="AL17" s="113">
        <v>0</v>
      </c>
      <c r="AM17" s="110">
        <v>0</v>
      </c>
      <c r="AN17" s="114">
        <v>0</v>
      </c>
      <c r="AO17" s="114">
        <v>47456</v>
      </c>
      <c r="AP17" s="114">
        <v>146767</v>
      </c>
      <c r="AQ17" s="114">
        <v>221886</v>
      </c>
      <c r="AR17" s="114">
        <v>105860</v>
      </c>
      <c r="AS17" s="113">
        <v>521969</v>
      </c>
      <c r="AT17" s="116">
        <v>521969</v>
      </c>
      <c r="AU17" s="110">
        <v>34708</v>
      </c>
      <c r="AV17" s="114">
        <v>99806</v>
      </c>
      <c r="AW17" s="113">
        <v>134514</v>
      </c>
      <c r="AX17" s="110">
        <v>0</v>
      </c>
      <c r="AY17" s="114">
        <v>625255</v>
      </c>
      <c r="AZ17" s="114">
        <v>639038</v>
      </c>
      <c r="BA17" s="114">
        <v>653660</v>
      </c>
      <c r="BB17" s="114">
        <v>557796</v>
      </c>
      <c r="BC17" s="114">
        <v>399694</v>
      </c>
      <c r="BD17" s="113">
        <v>2875443</v>
      </c>
      <c r="BE17" s="116">
        <v>3009957</v>
      </c>
      <c r="BF17" s="110">
        <v>0</v>
      </c>
      <c r="BG17" s="114">
        <v>43107</v>
      </c>
      <c r="BH17" s="112">
        <v>43107</v>
      </c>
      <c r="BI17" s="111">
        <v>0</v>
      </c>
      <c r="BJ17" s="114">
        <v>26164</v>
      </c>
      <c r="BK17" s="114">
        <v>47550</v>
      </c>
      <c r="BL17" s="114">
        <v>39245</v>
      </c>
      <c r="BM17" s="114">
        <v>194161</v>
      </c>
      <c r="BN17" s="114">
        <v>0</v>
      </c>
      <c r="BO17" s="113">
        <v>307120</v>
      </c>
      <c r="BP17" s="116">
        <v>350227</v>
      </c>
      <c r="BQ17" s="110">
        <v>33872</v>
      </c>
      <c r="BR17" s="114">
        <v>41560</v>
      </c>
      <c r="BS17" s="113">
        <v>75432</v>
      </c>
      <c r="BT17" s="110">
        <v>0</v>
      </c>
      <c r="BU17" s="114">
        <v>328872</v>
      </c>
      <c r="BV17" s="114">
        <v>294976</v>
      </c>
      <c r="BW17" s="114">
        <v>402272</v>
      </c>
      <c r="BX17" s="114">
        <v>265816</v>
      </c>
      <c r="BY17" s="114">
        <v>154676</v>
      </c>
      <c r="BZ17" s="113">
        <v>1446612</v>
      </c>
      <c r="CA17" s="116">
        <v>1522044</v>
      </c>
      <c r="CB17" s="110">
        <v>84642</v>
      </c>
      <c r="CC17" s="114">
        <v>113421</v>
      </c>
      <c r="CD17" s="113">
        <v>198063</v>
      </c>
      <c r="CE17" s="110">
        <v>0</v>
      </c>
      <c r="CF17" s="114">
        <v>2326668</v>
      </c>
      <c r="CG17" s="114">
        <v>1679272</v>
      </c>
      <c r="CH17" s="114">
        <v>2015949</v>
      </c>
      <c r="CI17" s="114">
        <v>1801973</v>
      </c>
      <c r="CJ17" s="114">
        <v>300505</v>
      </c>
      <c r="CK17" s="113">
        <v>8124367</v>
      </c>
      <c r="CL17" s="116">
        <v>8322430</v>
      </c>
      <c r="CM17" s="110">
        <v>0</v>
      </c>
      <c r="CN17" s="114">
        <v>0</v>
      </c>
      <c r="CO17" s="113">
        <v>0</v>
      </c>
      <c r="CP17" s="111">
        <v>0</v>
      </c>
      <c r="CQ17" s="114">
        <v>1522418</v>
      </c>
      <c r="CR17" s="114">
        <v>1145572</v>
      </c>
      <c r="CS17" s="114">
        <v>1701544</v>
      </c>
      <c r="CT17" s="114">
        <v>1227238</v>
      </c>
      <c r="CU17" s="114">
        <v>251883</v>
      </c>
      <c r="CV17" s="113">
        <v>5848655</v>
      </c>
      <c r="CW17" s="116">
        <v>5848655</v>
      </c>
      <c r="CX17" s="110">
        <v>84642</v>
      </c>
      <c r="CY17" s="114">
        <v>113421</v>
      </c>
      <c r="CZ17" s="113">
        <v>198063</v>
      </c>
      <c r="DA17" s="110">
        <v>0</v>
      </c>
      <c r="DB17" s="114">
        <v>804250</v>
      </c>
      <c r="DC17" s="114">
        <v>533700</v>
      </c>
      <c r="DD17" s="114">
        <v>314405</v>
      </c>
      <c r="DE17" s="114">
        <v>574735</v>
      </c>
      <c r="DF17" s="114">
        <v>48622</v>
      </c>
      <c r="DG17" s="113">
        <v>2275712</v>
      </c>
      <c r="DH17" s="116">
        <v>2473775</v>
      </c>
      <c r="DI17" s="110">
        <v>8692</v>
      </c>
      <c r="DJ17" s="114">
        <v>0</v>
      </c>
      <c r="DK17" s="112">
        <v>8692</v>
      </c>
      <c r="DL17" s="111">
        <v>0</v>
      </c>
      <c r="DM17" s="114">
        <v>367640</v>
      </c>
      <c r="DN17" s="114">
        <v>589043</v>
      </c>
      <c r="DO17" s="114">
        <v>726047</v>
      </c>
      <c r="DP17" s="114">
        <v>701305</v>
      </c>
      <c r="DQ17" s="114">
        <v>43398</v>
      </c>
      <c r="DR17" s="113">
        <v>2427433</v>
      </c>
      <c r="DS17" s="116">
        <v>2436125</v>
      </c>
      <c r="DT17" s="110">
        <v>8692</v>
      </c>
      <c r="DU17" s="114">
        <v>0</v>
      </c>
      <c r="DV17" s="113">
        <v>8692</v>
      </c>
      <c r="DW17" s="110">
        <v>0</v>
      </c>
      <c r="DX17" s="114">
        <v>367640</v>
      </c>
      <c r="DY17" s="114">
        <v>428859</v>
      </c>
      <c r="DZ17" s="114">
        <v>701787</v>
      </c>
      <c r="EA17" s="114">
        <v>590711</v>
      </c>
      <c r="EB17" s="114">
        <v>43398</v>
      </c>
      <c r="EC17" s="113">
        <v>2132395</v>
      </c>
      <c r="ED17" s="116">
        <v>2141087</v>
      </c>
      <c r="EE17" s="110">
        <v>0</v>
      </c>
      <c r="EF17" s="112">
        <v>0</v>
      </c>
      <c r="EG17" s="113">
        <v>0</v>
      </c>
      <c r="EH17" s="110">
        <v>0</v>
      </c>
      <c r="EI17" s="114">
        <v>0</v>
      </c>
      <c r="EJ17" s="114">
        <v>160184</v>
      </c>
      <c r="EK17" s="114">
        <v>24260</v>
      </c>
      <c r="EL17" s="114">
        <v>110594</v>
      </c>
      <c r="EM17" s="114">
        <v>0</v>
      </c>
      <c r="EN17" s="112">
        <v>295038</v>
      </c>
      <c r="EO17" s="116">
        <v>295038</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8"/>
      <c r="FE17" s="114">
        <v>0</v>
      </c>
      <c r="FF17" s="114">
        <v>0</v>
      </c>
      <c r="FG17" s="114">
        <v>0</v>
      </c>
      <c r="FH17" s="114">
        <v>0</v>
      </c>
      <c r="FI17" s="114">
        <v>0</v>
      </c>
      <c r="FJ17" s="113">
        <v>0</v>
      </c>
      <c r="FK17" s="116">
        <v>0</v>
      </c>
      <c r="FL17" s="110">
        <v>75100</v>
      </c>
      <c r="FM17" s="114">
        <v>161408</v>
      </c>
      <c r="FN17" s="113">
        <v>236508</v>
      </c>
      <c r="FO17" s="110">
        <v>0</v>
      </c>
      <c r="FP17" s="114">
        <v>303864</v>
      </c>
      <c r="FQ17" s="114">
        <v>508696</v>
      </c>
      <c r="FR17" s="114">
        <v>595712</v>
      </c>
      <c r="FS17" s="114">
        <v>646696</v>
      </c>
      <c r="FT17" s="114">
        <v>203232</v>
      </c>
      <c r="FU17" s="113">
        <v>2258200</v>
      </c>
      <c r="FV17" s="116">
        <v>2494708</v>
      </c>
      <c r="FW17" s="115">
        <v>75100</v>
      </c>
      <c r="FX17" s="114">
        <v>161408</v>
      </c>
      <c r="FY17" s="112">
        <v>236508</v>
      </c>
      <c r="FZ17" s="111">
        <v>0</v>
      </c>
      <c r="GA17" s="114">
        <v>303864</v>
      </c>
      <c r="GB17" s="114">
        <v>508696</v>
      </c>
      <c r="GC17" s="114">
        <v>595712</v>
      </c>
      <c r="GD17" s="114">
        <v>646696</v>
      </c>
      <c r="GE17" s="114">
        <v>203232</v>
      </c>
      <c r="GF17" s="113">
        <v>2258200</v>
      </c>
      <c r="GG17" s="319">
        <v>2494708</v>
      </c>
      <c r="GH17" s="115">
        <v>0</v>
      </c>
      <c r="GI17" s="114">
        <v>0</v>
      </c>
      <c r="GJ17" s="112">
        <v>0</v>
      </c>
      <c r="GK17" s="111">
        <v>0</v>
      </c>
      <c r="GL17" s="114">
        <v>0</v>
      </c>
      <c r="GM17" s="114">
        <v>0</v>
      </c>
      <c r="GN17" s="114">
        <v>0</v>
      </c>
      <c r="GO17" s="114">
        <v>0</v>
      </c>
      <c r="GP17" s="114">
        <v>0</v>
      </c>
      <c r="GQ17" s="113">
        <v>0</v>
      </c>
      <c r="GR17" s="116">
        <v>0</v>
      </c>
      <c r="GS17" s="110">
        <v>0</v>
      </c>
      <c r="GT17" s="114">
        <v>0</v>
      </c>
      <c r="GU17" s="113">
        <v>0</v>
      </c>
      <c r="GV17" s="110">
        <v>0</v>
      </c>
      <c r="GW17" s="114">
        <v>0</v>
      </c>
      <c r="GX17" s="114">
        <v>0</v>
      </c>
      <c r="GY17" s="114">
        <v>0</v>
      </c>
      <c r="GZ17" s="114">
        <v>0</v>
      </c>
      <c r="HA17" s="114">
        <v>0</v>
      </c>
      <c r="HB17" s="112">
        <v>0</v>
      </c>
      <c r="HC17" s="116">
        <v>0</v>
      </c>
      <c r="HD17" s="110">
        <v>182572</v>
      </c>
      <c r="HE17" s="114">
        <v>387391</v>
      </c>
      <c r="HF17" s="112">
        <v>569963</v>
      </c>
      <c r="HG17" s="111">
        <v>0</v>
      </c>
      <c r="HH17" s="114">
        <v>2895055</v>
      </c>
      <c r="HI17" s="114">
        <v>3373044</v>
      </c>
      <c r="HJ17" s="114">
        <v>2471564</v>
      </c>
      <c r="HK17" s="114">
        <v>3595582</v>
      </c>
      <c r="HL17" s="114">
        <v>1653215</v>
      </c>
      <c r="HM17" s="113">
        <v>13988460</v>
      </c>
      <c r="HN17" s="109">
        <v>14558423</v>
      </c>
      <c r="HO17" s="329"/>
      <c r="HP17" s="330"/>
      <c r="HQ17" s="331"/>
      <c r="HR17" s="332"/>
      <c r="HS17" s="330"/>
      <c r="HT17" s="330"/>
      <c r="HU17" s="330"/>
      <c r="HV17" s="330"/>
      <c r="HW17" s="330"/>
      <c r="HX17" s="333"/>
      <c r="HY17" s="334"/>
      <c r="HZ17" s="131">
        <v>0</v>
      </c>
      <c r="IA17" s="132">
        <v>0</v>
      </c>
      <c r="IB17" s="133">
        <v>0</v>
      </c>
      <c r="IC17" s="146">
        <v>0</v>
      </c>
      <c r="ID17" s="132">
        <v>2148135</v>
      </c>
      <c r="IE17" s="147">
        <v>1589203</v>
      </c>
      <c r="IF17" s="133">
        <v>2374512</v>
      </c>
      <c r="IG17" s="132">
        <v>1558698</v>
      </c>
      <c r="IH17" s="133">
        <v>496780</v>
      </c>
      <c r="II17" s="148">
        <v>8167328</v>
      </c>
      <c r="IJ17" s="139">
        <v>8167328</v>
      </c>
      <c r="IK17" s="232">
        <v>0</v>
      </c>
      <c r="IL17" s="236">
        <v>0</v>
      </c>
      <c r="IM17" s="237">
        <v>0</v>
      </c>
      <c r="IN17" s="140"/>
      <c r="IO17" s="119">
        <v>215280</v>
      </c>
      <c r="IP17" s="119">
        <v>0</v>
      </c>
      <c r="IQ17" s="119">
        <v>325372</v>
      </c>
      <c r="IR17" s="119">
        <v>0</v>
      </c>
      <c r="IS17" s="119">
        <v>283284</v>
      </c>
      <c r="IT17" s="141">
        <v>823936</v>
      </c>
      <c r="IU17" s="321">
        <v>823936</v>
      </c>
      <c r="IV17" s="142">
        <v>0</v>
      </c>
      <c r="IW17" s="119">
        <v>0</v>
      </c>
      <c r="IX17" s="120">
        <v>0</v>
      </c>
      <c r="IY17" s="144"/>
      <c r="IZ17" s="119">
        <v>16503</v>
      </c>
      <c r="JA17" s="119">
        <v>0</v>
      </c>
      <c r="JB17" s="119">
        <v>0</v>
      </c>
      <c r="JC17" s="119">
        <v>0</v>
      </c>
      <c r="JD17" s="119">
        <v>0</v>
      </c>
      <c r="JE17" s="120">
        <v>16503</v>
      </c>
      <c r="JF17" s="121">
        <v>16503</v>
      </c>
      <c r="JG17" s="142">
        <v>0</v>
      </c>
      <c r="JH17" s="119">
        <v>0</v>
      </c>
      <c r="JI17" s="141">
        <v>0</v>
      </c>
      <c r="JJ17" s="118">
        <v>0</v>
      </c>
      <c r="JK17" s="119">
        <v>1198355</v>
      </c>
      <c r="JL17" s="119">
        <v>423531</v>
      </c>
      <c r="JM17" s="119">
        <v>1062287</v>
      </c>
      <c r="JN17" s="119">
        <v>250093</v>
      </c>
      <c r="JO17" s="119">
        <v>213496</v>
      </c>
      <c r="JP17" s="120">
        <v>3147762</v>
      </c>
      <c r="JQ17" s="321">
        <v>3147762</v>
      </c>
      <c r="JR17" s="142">
        <v>0</v>
      </c>
      <c r="JS17" s="119">
        <v>0</v>
      </c>
      <c r="JT17" s="141">
        <v>0</v>
      </c>
      <c r="JU17" s="118">
        <v>0</v>
      </c>
      <c r="JV17" s="119">
        <v>150862</v>
      </c>
      <c r="JW17" s="119">
        <v>200211</v>
      </c>
      <c r="JX17" s="119">
        <v>275927</v>
      </c>
      <c r="JY17" s="119">
        <v>0</v>
      </c>
      <c r="JZ17" s="119">
        <v>0</v>
      </c>
      <c r="KA17" s="120">
        <v>627000</v>
      </c>
      <c r="KB17" s="321">
        <v>627000</v>
      </c>
      <c r="KC17" s="234">
        <v>0</v>
      </c>
      <c r="KD17" s="230">
        <v>0</v>
      </c>
      <c r="KE17" s="120">
        <v>0</v>
      </c>
      <c r="KF17" s="118">
        <v>0</v>
      </c>
      <c r="KG17" s="119">
        <v>106242</v>
      </c>
      <c r="KH17" s="119">
        <v>328457</v>
      </c>
      <c r="KI17" s="119">
        <v>460746</v>
      </c>
      <c r="KJ17" s="119">
        <v>261217</v>
      </c>
      <c r="KK17" s="119">
        <v>0</v>
      </c>
      <c r="KL17" s="120">
        <v>1156662</v>
      </c>
      <c r="KM17" s="143">
        <v>1156662</v>
      </c>
      <c r="KN17" s="232">
        <v>0</v>
      </c>
      <c r="KO17" s="236">
        <v>0</v>
      </c>
      <c r="KP17" s="237">
        <v>0</v>
      </c>
      <c r="KQ17" s="140"/>
      <c r="KR17" s="119">
        <v>460893</v>
      </c>
      <c r="KS17" s="119">
        <v>449916</v>
      </c>
      <c r="KT17" s="119">
        <v>250180</v>
      </c>
      <c r="KU17" s="119">
        <v>765155</v>
      </c>
      <c r="KV17" s="119">
        <v>0</v>
      </c>
      <c r="KW17" s="120">
        <v>1926144</v>
      </c>
      <c r="KX17" s="321">
        <v>1926144</v>
      </c>
      <c r="KY17" s="142">
        <v>0</v>
      </c>
      <c r="KZ17" s="119">
        <v>0</v>
      </c>
      <c r="LA17" s="120">
        <v>0</v>
      </c>
      <c r="LB17" s="145">
        <v>0</v>
      </c>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21">
        <v>0</v>
      </c>
      <c r="LU17" s="142">
        <v>0</v>
      </c>
      <c r="LV17" s="119">
        <v>0</v>
      </c>
      <c r="LW17" s="120">
        <v>0</v>
      </c>
      <c r="LX17" s="145"/>
      <c r="LY17" s="119">
        <v>0</v>
      </c>
      <c r="LZ17" s="119">
        <v>187088</v>
      </c>
      <c r="MA17" s="119">
        <v>0</v>
      </c>
      <c r="MB17" s="119">
        <v>282233</v>
      </c>
      <c r="MC17" s="119">
        <v>0</v>
      </c>
      <c r="MD17" s="120">
        <v>469321</v>
      </c>
      <c r="ME17" s="121">
        <v>469321</v>
      </c>
      <c r="MF17" s="142">
        <v>0</v>
      </c>
      <c r="MG17" s="119">
        <v>0</v>
      </c>
      <c r="MH17" s="120">
        <v>0</v>
      </c>
      <c r="MI17" s="145"/>
      <c r="MJ17" s="119">
        <v>239087</v>
      </c>
      <c r="MK17" s="119">
        <v>1304921</v>
      </c>
      <c r="ML17" s="119">
        <v>3233392</v>
      </c>
      <c r="MM17" s="119">
        <v>4014632</v>
      </c>
      <c r="MN17" s="119">
        <v>3185118</v>
      </c>
      <c r="MO17" s="120">
        <v>11977150</v>
      </c>
      <c r="MP17" s="143">
        <v>11977150</v>
      </c>
      <c r="MQ17" s="142">
        <v>0</v>
      </c>
      <c r="MR17" s="119">
        <v>0</v>
      </c>
      <c r="MS17" s="120">
        <v>0</v>
      </c>
      <c r="MT17" s="145"/>
      <c r="MU17" s="119">
        <v>0</v>
      </c>
      <c r="MV17" s="119">
        <v>0</v>
      </c>
      <c r="MW17" s="119">
        <v>1587297</v>
      </c>
      <c r="MX17" s="119">
        <v>2554652</v>
      </c>
      <c r="MY17" s="119">
        <v>1956184</v>
      </c>
      <c r="MZ17" s="120">
        <v>6098133</v>
      </c>
      <c r="NA17" s="143">
        <v>6098133</v>
      </c>
      <c r="NB17" s="142">
        <v>0</v>
      </c>
      <c r="NC17" s="119">
        <v>0</v>
      </c>
      <c r="ND17" s="120">
        <v>0</v>
      </c>
      <c r="NE17" s="145"/>
      <c r="NF17" s="119">
        <v>239087</v>
      </c>
      <c r="NG17" s="119">
        <v>1080745</v>
      </c>
      <c r="NH17" s="119">
        <v>1646095</v>
      </c>
      <c r="NI17" s="119">
        <v>1162188</v>
      </c>
      <c r="NJ17" s="119">
        <v>1228934</v>
      </c>
      <c r="NK17" s="120">
        <v>5357049</v>
      </c>
      <c r="NL17" s="321">
        <v>5357049</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224176</v>
      </c>
      <c r="OD17" s="119">
        <v>0</v>
      </c>
      <c r="OE17" s="119">
        <v>297792</v>
      </c>
      <c r="OF17" s="119">
        <v>0</v>
      </c>
      <c r="OG17" s="120">
        <v>521968</v>
      </c>
      <c r="OH17" s="121">
        <v>521968</v>
      </c>
      <c r="OI17" s="142">
        <v>419586</v>
      </c>
      <c r="OJ17" s="119">
        <v>846693</v>
      </c>
      <c r="OK17" s="141">
        <v>1266279</v>
      </c>
      <c r="OL17" s="118">
        <v>0</v>
      </c>
      <c r="OM17" s="119">
        <v>9741926</v>
      </c>
      <c r="ON17" s="119">
        <v>10578077</v>
      </c>
      <c r="OO17" s="119">
        <v>14551098</v>
      </c>
      <c r="OP17" s="119">
        <v>14866753</v>
      </c>
      <c r="OQ17" s="119">
        <v>7151375</v>
      </c>
      <c r="OR17" s="120">
        <v>56889229</v>
      </c>
      <c r="OS17" s="143">
        <v>58155508</v>
      </c>
    </row>
    <row r="18" spans="2:409" ht="20.25" customHeight="1" x14ac:dyDescent="0.2">
      <c r="B18" s="126" t="s">
        <v>12</v>
      </c>
      <c r="C18" s="110">
        <v>781778</v>
      </c>
      <c r="D18" s="114">
        <v>1450348</v>
      </c>
      <c r="E18" s="113">
        <v>2232126</v>
      </c>
      <c r="F18" s="109">
        <v>0</v>
      </c>
      <c r="G18" s="114">
        <v>7768676</v>
      </c>
      <c r="H18" s="170">
        <v>8599798</v>
      </c>
      <c r="I18" s="170">
        <v>10169525</v>
      </c>
      <c r="J18" s="170">
        <v>7521580</v>
      </c>
      <c r="K18" s="170">
        <v>5009095</v>
      </c>
      <c r="L18" s="112">
        <v>39068674</v>
      </c>
      <c r="M18" s="116">
        <v>41300800</v>
      </c>
      <c r="N18" s="110">
        <v>307783</v>
      </c>
      <c r="O18" s="114">
        <v>413838</v>
      </c>
      <c r="P18" s="113">
        <v>721621</v>
      </c>
      <c r="Q18" s="110">
        <v>0</v>
      </c>
      <c r="R18" s="114">
        <v>2245788</v>
      </c>
      <c r="S18" s="114">
        <v>3223535</v>
      </c>
      <c r="T18" s="114">
        <v>3170808</v>
      </c>
      <c r="U18" s="114">
        <v>3338501</v>
      </c>
      <c r="V18" s="114">
        <v>3329418</v>
      </c>
      <c r="W18" s="113">
        <v>15308050</v>
      </c>
      <c r="X18" s="116">
        <v>16029671</v>
      </c>
      <c r="Y18" s="110">
        <v>0</v>
      </c>
      <c r="Z18" s="114">
        <v>0</v>
      </c>
      <c r="AA18" s="113">
        <v>0</v>
      </c>
      <c r="AB18" s="110">
        <v>0</v>
      </c>
      <c r="AC18" s="114">
        <v>1227616</v>
      </c>
      <c r="AD18" s="114">
        <v>1433838</v>
      </c>
      <c r="AE18" s="114">
        <v>1862088</v>
      </c>
      <c r="AF18" s="114">
        <v>2594261</v>
      </c>
      <c r="AG18" s="114">
        <v>2466440</v>
      </c>
      <c r="AH18" s="113">
        <v>9584243</v>
      </c>
      <c r="AI18" s="116">
        <v>9584243</v>
      </c>
      <c r="AJ18" s="110">
        <v>0</v>
      </c>
      <c r="AK18" s="114">
        <v>0</v>
      </c>
      <c r="AL18" s="113">
        <v>0</v>
      </c>
      <c r="AM18" s="110">
        <v>0</v>
      </c>
      <c r="AN18" s="114">
        <v>0</v>
      </c>
      <c r="AO18" s="114">
        <v>0</v>
      </c>
      <c r="AP18" s="114">
        <v>59516</v>
      </c>
      <c r="AQ18" s="114">
        <v>45641</v>
      </c>
      <c r="AR18" s="114">
        <v>358632</v>
      </c>
      <c r="AS18" s="113">
        <v>463789</v>
      </c>
      <c r="AT18" s="116">
        <v>463789</v>
      </c>
      <c r="AU18" s="110">
        <v>249207</v>
      </c>
      <c r="AV18" s="114">
        <v>323238</v>
      </c>
      <c r="AW18" s="113">
        <v>572445</v>
      </c>
      <c r="AX18" s="110">
        <v>0</v>
      </c>
      <c r="AY18" s="114">
        <v>711367</v>
      </c>
      <c r="AZ18" s="114">
        <v>1319378</v>
      </c>
      <c r="BA18" s="114">
        <v>788765</v>
      </c>
      <c r="BB18" s="114">
        <v>255475</v>
      </c>
      <c r="BC18" s="114">
        <v>267220</v>
      </c>
      <c r="BD18" s="113">
        <v>3342205</v>
      </c>
      <c r="BE18" s="116">
        <v>3914650</v>
      </c>
      <c r="BF18" s="110">
        <v>0</v>
      </c>
      <c r="BG18" s="114">
        <v>0</v>
      </c>
      <c r="BH18" s="112">
        <v>0</v>
      </c>
      <c r="BI18" s="111">
        <v>0</v>
      </c>
      <c r="BJ18" s="114">
        <v>21133</v>
      </c>
      <c r="BK18" s="114">
        <v>216727</v>
      </c>
      <c r="BL18" s="114">
        <v>169423</v>
      </c>
      <c r="BM18" s="114">
        <v>95556</v>
      </c>
      <c r="BN18" s="114">
        <v>25302</v>
      </c>
      <c r="BO18" s="113">
        <v>528141</v>
      </c>
      <c r="BP18" s="116">
        <v>528141</v>
      </c>
      <c r="BQ18" s="110">
        <v>58576</v>
      </c>
      <c r="BR18" s="114">
        <v>90600</v>
      </c>
      <c r="BS18" s="113">
        <v>149176</v>
      </c>
      <c r="BT18" s="110">
        <v>0</v>
      </c>
      <c r="BU18" s="114">
        <v>285672</v>
      </c>
      <c r="BV18" s="114">
        <v>253592</v>
      </c>
      <c r="BW18" s="114">
        <v>291016</v>
      </c>
      <c r="BX18" s="114">
        <v>347568</v>
      </c>
      <c r="BY18" s="114">
        <v>211824</v>
      </c>
      <c r="BZ18" s="113">
        <v>1389672</v>
      </c>
      <c r="CA18" s="116">
        <v>1538848</v>
      </c>
      <c r="CB18" s="110">
        <v>178176</v>
      </c>
      <c r="CC18" s="114">
        <v>146331</v>
      </c>
      <c r="CD18" s="113">
        <v>324507</v>
      </c>
      <c r="CE18" s="110">
        <v>0</v>
      </c>
      <c r="CF18" s="114">
        <v>3381472</v>
      </c>
      <c r="CG18" s="114">
        <v>2373700</v>
      </c>
      <c r="CH18" s="114">
        <v>2600934</v>
      </c>
      <c r="CI18" s="114">
        <v>699475</v>
      </c>
      <c r="CJ18" s="114">
        <v>157598</v>
      </c>
      <c r="CK18" s="113">
        <v>9213179</v>
      </c>
      <c r="CL18" s="116">
        <v>9537686</v>
      </c>
      <c r="CM18" s="110">
        <v>0</v>
      </c>
      <c r="CN18" s="114">
        <v>0</v>
      </c>
      <c r="CO18" s="113">
        <v>0</v>
      </c>
      <c r="CP18" s="111">
        <v>0</v>
      </c>
      <c r="CQ18" s="114">
        <v>2742764</v>
      </c>
      <c r="CR18" s="114">
        <v>1468111</v>
      </c>
      <c r="CS18" s="114">
        <v>1660014</v>
      </c>
      <c r="CT18" s="114">
        <v>437703</v>
      </c>
      <c r="CU18" s="114">
        <v>78364</v>
      </c>
      <c r="CV18" s="113">
        <v>6386956</v>
      </c>
      <c r="CW18" s="116">
        <v>6386956</v>
      </c>
      <c r="CX18" s="110">
        <v>178176</v>
      </c>
      <c r="CY18" s="114">
        <v>146331</v>
      </c>
      <c r="CZ18" s="113">
        <v>324507</v>
      </c>
      <c r="DA18" s="110">
        <v>0</v>
      </c>
      <c r="DB18" s="114">
        <v>638708</v>
      </c>
      <c r="DC18" s="114">
        <v>905589</v>
      </c>
      <c r="DD18" s="114">
        <v>940920</v>
      </c>
      <c r="DE18" s="114">
        <v>261772</v>
      </c>
      <c r="DF18" s="114">
        <v>79234</v>
      </c>
      <c r="DG18" s="113">
        <v>2826223</v>
      </c>
      <c r="DH18" s="116">
        <v>3150730</v>
      </c>
      <c r="DI18" s="110">
        <v>12280</v>
      </c>
      <c r="DJ18" s="114">
        <v>100228</v>
      </c>
      <c r="DK18" s="112">
        <v>112508</v>
      </c>
      <c r="DL18" s="111">
        <v>0</v>
      </c>
      <c r="DM18" s="114">
        <v>519971</v>
      </c>
      <c r="DN18" s="114">
        <v>581800</v>
      </c>
      <c r="DO18" s="114">
        <v>684449</v>
      </c>
      <c r="DP18" s="114">
        <v>1021046</v>
      </c>
      <c r="DQ18" s="114">
        <v>271030</v>
      </c>
      <c r="DR18" s="113">
        <v>3078296</v>
      </c>
      <c r="DS18" s="116">
        <v>3190804</v>
      </c>
      <c r="DT18" s="110">
        <v>12280</v>
      </c>
      <c r="DU18" s="114">
        <v>100228</v>
      </c>
      <c r="DV18" s="113">
        <v>112508</v>
      </c>
      <c r="DW18" s="110">
        <v>0</v>
      </c>
      <c r="DX18" s="114">
        <v>519971</v>
      </c>
      <c r="DY18" s="114">
        <v>513366</v>
      </c>
      <c r="DZ18" s="114">
        <v>684449</v>
      </c>
      <c r="EA18" s="114">
        <v>1021046</v>
      </c>
      <c r="EB18" s="114">
        <v>271030</v>
      </c>
      <c r="EC18" s="113">
        <v>3009862</v>
      </c>
      <c r="ED18" s="116">
        <v>3122370</v>
      </c>
      <c r="EE18" s="110">
        <v>0</v>
      </c>
      <c r="EF18" s="112">
        <v>0</v>
      </c>
      <c r="EG18" s="113">
        <v>0</v>
      </c>
      <c r="EH18" s="110">
        <v>0</v>
      </c>
      <c r="EI18" s="114">
        <v>0</v>
      </c>
      <c r="EJ18" s="114">
        <v>68434</v>
      </c>
      <c r="EK18" s="114">
        <v>0</v>
      </c>
      <c r="EL18" s="114">
        <v>0</v>
      </c>
      <c r="EM18" s="114">
        <v>0</v>
      </c>
      <c r="EN18" s="112">
        <v>68434</v>
      </c>
      <c r="EO18" s="116">
        <v>68434</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8"/>
      <c r="FE18" s="114">
        <v>0</v>
      </c>
      <c r="FF18" s="114">
        <v>0</v>
      </c>
      <c r="FG18" s="114">
        <v>0</v>
      </c>
      <c r="FH18" s="114">
        <v>0</v>
      </c>
      <c r="FI18" s="114">
        <v>0</v>
      </c>
      <c r="FJ18" s="113">
        <v>0</v>
      </c>
      <c r="FK18" s="116">
        <v>0</v>
      </c>
      <c r="FL18" s="110">
        <v>168264</v>
      </c>
      <c r="FM18" s="114">
        <v>354056</v>
      </c>
      <c r="FN18" s="113">
        <v>522320</v>
      </c>
      <c r="FO18" s="110">
        <v>0</v>
      </c>
      <c r="FP18" s="114">
        <v>518112</v>
      </c>
      <c r="FQ18" s="114">
        <v>1222400</v>
      </c>
      <c r="FR18" s="114">
        <v>1144692</v>
      </c>
      <c r="FS18" s="114">
        <v>642864</v>
      </c>
      <c r="FT18" s="114">
        <v>524488</v>
      </c>
      <c r="FU18" s="113">
        <v>4052556</v>
      </c>
      <c r="FV18" s="116">
        <v>4574876</v>
      </c>
      <c r="FW18" s="115">
        <v>90424</v>
      </c>
      <c r="FX18" s="114">
        <v>160280</v>
      </c>
      <c r="FY18" s="112">
        <v>250704</v>
      </c>
      <c r="FZ18" s="111">
        <v>0</v>
      </c>
      <c r="GA18" s="114">
        <v>189088</v>
      </c>
      <c r="GB18" s="114">
        <v>962160</v>
      </c>
      <c r="GC18" s="114">
        <v>1024088</v>
      </c>
      <c r="GD18" s="114">
        <v>642864</v>
      </c>
      <c r="GE18" s="114">
        <v>426088</v>
      </c>
      <c r="GF18" s="113">
        <v>3244288</v>
      </c>
      <c r="GG18" s="319">
        <v>3494992</v>
      </c>
      <c r="GH18" s="115">
        <v>0</v>
      </c>
      <c r="GI18" s="114">
        <v>42416</v>
      </c>
      <c r="GJ18" s="112">
        <v>42416</v>
      </c>
      <c r="GK18" s="111">
        <v>0</v>
      </c>
      <c r="GL18" s="114">
        <v>26224</v>
      </c>
      <c r="GM18" s="114">
        <v>80000</v>
      </c>
      <c r="GN18" s="114">
        <v>79156</v>
      </c>
      <c r="GO18" s="114">
        <v>0</v>
      </c>
      <c r="GP18" s="114">
        <v>0</v>
      </c>
      <c r="GQ18" s="113">
        <v>185380</v>
      </c>
      <c r="GR18" s="116">
        <v>227796</v>
      </c>
      <c r="GS18" s="110">
        <v>77840</v>
      </c>
      <c r="GT18" s="114">
        <v>151360</v>
      </c>
      <c r="GU18" s="113">
        <v>229200</v>
      </c>
      <c r="GV18" s="110">
        <v>0</v>
      </c>
      <c r="GW18" s="114">
        <v>302800</v>
      </c>
      <c r="GX18" s="114">
        <v>180240</v>
      </c>
      <c r="GY18" s="114">
        <v>41448</v>
      </c>
      <c r="GZ18" s="114">
        <v>0</v>
      </c>
      <c r="HA18" s="114">
        <v>98400</v>
      </c>
      <c r="HB18" s="112">
        <v>622888</v>
      </c>
      <c r="HC18" s="116">
        <v>852088</v>
      </c>
      <c r="HD18" s="110">
        <v>115275</v>
      </c>
      <c r="HE18" s="114">
        <v>435895</v>
      </c>
      <c r="HF18" s="112">
        <v>551170</v>
      </c>
      <c r="HG18" s="111">
        <v>0</v>
      </c>
      <c r="HH18" s="114">
        <v>1103333</v>
      </c>
      <c r="HI18" s="114">
        <v>1198363</v>
      </c>
      <c r="HJ18" s="114">
        <v>2568642</v>
      </c>
      <c r="HK18" s="114">
        <v>1819694</v>
      </c>
      <c r="HL18" s="114">
        <v>726561</v>
      </c>
      <c r="HM18" s="113">
        <v>7416593</v>
      </c>
      <c r="HN18" s="109">
        <v>7967763</v>
      </c>
      <c r="HO18" s="329"/>
      <c r="HP18" s="330"/>
      <c r="HQ18" s="331"/>
      <c r="HR18" s="332"/>
      <c r="HS18" s="330"/>
      <c r="HT18" s="330"/>
      <c r="HU18" s="330"/>
      <c r="HV18" s="330"/>
      <c r="HW18" s="330"/>
      <c r="HX18" s="333"/>
      <c r="HY18" s="334"/>
      <c r="HZ18" s="150">
        <v>0</v>
      </c>
      <c r="IA18" s="135">
        <v>0</v>
      </c>
      <c r="IB18" s="150">
        <v>0</v>
      </c>
      <c r="IC18" s="134">
        <v>0</v>
      </c>
      <c r="ID18" s="135">
        <v>3016502</v>
      </c>
      <c r="IE18" s="136">
        <v>2162538</v>
      </c>
      <c r="IF18" s="137">
        <v>3592803</v>
      </c>
      <c r="IG18" s="135">
        <v>4824589</v>
      </c>
      <c r="IH18" s="137">
        <v>1343248</v>
      </c>
      <c r="II18" s="138">
        <v>14939680</v>
      </c>
      <c r="IJ18" s="150">
        <v>14939680</v>
      </c>
      <c r="IK18" s="232">
        <v>0</v>
      </c>
      <c r="IL18" s="236">
        <v>0</v>
      </c>
      <c r="IM18" s="237">
        <v>0</v>
      </c>
      <c r="IN18" s="140"/>
      <c r="IO18" s="119">
        <v>0</v>
      </c>
      <c r="IP18" s="119">
        <v>103712</v>
      </c>
      <c r="IQ18" s="119">
        <v>0</v>
      </c>
      <c r="IR18" s="119">
        <v>0</v>
      </c>
      <c r="IS18" s="119">
        <v>0</v>
      </c>
      <c r="IT18" s="141">
        <v>103712</v>
      </c>
      <c r="IU18" s="321">
        <v>103712</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1126910</v>
      </c>
      <c r="JL18" s="119">
        <v>1046416</v>
      </c>
      <c r="JM18" s="119">
        <v>1199068</v>
      </c>
      <c r="JN18" s="119">
        <v>48387</v>
      </c>
      <c r="JO18" s="119">
        <v>146106</v>
      </c>
      <c r="JP18" s="120">
        <v>3566887</v>
      </c>
      <c r="JQ18" s="321">
        <v>3566887</v>
      </c>
      <c r="JR18" s="142">
        <v>0</v>
      </c>
      <c r="JS18" s="119">
        <v>0</v>
      </c>
      <c r="JT18" s="141">
        <v>0</v>
      </c>
      <c r="JU18" s="118">
        <v>0</v>
      </c>
      <c r="JV18" s="119">
        <v>0</v>
      </c>
      <c r="JW18" s="119">
        <v>0</v>
      </c>
      <c r="JX18" s="119">
        <v>0</v>
      </c>
      <c r="JY18" s="119">
        <v>0</v>
      </c>
      <c r="JZ18" s="119">
        <v>0</v>
      </c>
      <c r="KA18" s="120">
        <v>0</v>
      </c>
      <c r="KB18" s="321">
        <v>0</v>
      </c>
      <c r="KC18" s="234">
        <v>0</v>
      </c>
      <c r="KD18" s="230">
        <v>0</v>
      </c>
      <c r="KE18" s="120">
        <v>0</v>
      </c>
      <c r="KF18" s="118">
        <v>0</v>
      </c>
      <c r="KG18" s="119">
        <v>340279</v>
      </c>
      <c r="KH18" s="119">
        <v>164242</v>
      </c>
      <c r="KI18" s="119">
        <v>1184135</v>
      </c>
      <c r="KJ18" s="119">
        <v>1496180</v>
      </c>
      <c r="KK18" s="119">
        <v>296936</v>
      </c>
      <c r="KL18" s="120">
        <v>3481772</v>
      </c>
      <c r="KM18" s="143">
        <v>3481772</v>
      </c>
      <c r="KN18" s="232">
        <v>0</v>
      </c>
      <c r="KO18" s="236">
        <v>0</v>
      </c>
      <c r="KP18" s="237">
        <v>0</v>
      </c>
      <c r="KQ18" s="140"/>
      <c r="KR18" s="119">
        <v>1416949</v>
      </c>
      <c r="KS18" s="119">
        <v>485496</v>
      </c>
      <c r="KT18" s="119">
        <v>752221</v>
      </c>
      <c r="KU18" s="119">
        <v>1239300</v>
      </c>
      <c r="KV18" s="119">
        <v>259502</v>
      </c>
      <c r="KW18" s="120">
        <v>4153468</v>
      </c>
      <c r="KX18" s="321">
        <v>4153468</v>
      </c>
      <c r="KY18" s="142">
        <v>0</v>
      </c>
      <c r="KZ18" s="119">
        <v>0</v>
      </c>
      <c r="LA18" s="120">
        <v>0</v>
      </c>
      <c r="LB18" s="145">
        <v>0</v>
      </c>
      <c r="LC18" s="119">
        <v>0</v>
      </c>
      <c r="LD18" s="119">
        <v>362672</v>
      </c>
      <c r="LE18" s="119">
        <v>0</v>
      </c>
      <c r="LF18" s="119">
        <v>871426</v>
      </c>
      <c r="LG18" s="119">
        <v>0</v>
      </c>
      <c r="LH18" s="120">
        <v>1234098</v>
      </c>
      <c r="LI18" s="121">
        <v>1234098</v>
      </c>
      <c r="LJ18" s="142">
        <v>0</v>
      </c>
      <c r="LK18" s="119">
        <v>0</v>
      </c>
      <c r="LL18" s="120">
        <v>0</v>
      </c>
      <c r="LM18" s="145"/>
      <c r="LN18" s="119">
        <v>0</v>
      </c>
      <c r="LO18" s="119">
        <v>0</v>
      </c>
      <c r="LP18" s="119">
        <v>0</v>
      </c>
      <c r="LQ18" s="119">
        <v>-155020</v>
      </c>
      <c r="LR18" s="119">
        <v>292825</v>
      </c>
      <c r="LS18" s="120">
        <v>137805</v>
      </c>
      <c r="LT18" s="321">
        <v>137805</v>
      </c>
      <c r="LU18" s="142">
        <v>0</v>
      </c>
      <c r="LV18" s="119">
        <v>0</v>
      </c>
      <c r="LW18" s="120">
        <v>0</v>
      </c>
      <c r="LX18" s="145"/>
      <c r="LY18" s="119">
        <v>132364</v>
      </c>
      <c r="LZ18" s="119">
        <v>0</v>
      </c>
      <c r="MA18" s="119">
        <v>457379</v>
      </c>
      <c r="MB18" s="119">
        <v>1324316</v>
      </c>
      <c r="MC18" s="119">
        <v>347879</v>
      </c>
      <c r="MD18" s="120">
        <v>2261938</v>
      </c>
      <c r="ME18" s="121">
        <v>2261938</v>
      </c>
      <c r="MF18" s="142">
        <v>0</v>
      </c>
      <c r="MG18" s="119">
        <v>0</v>
      </c>
      <c r="MH18" s="120">
        <v>0</v>
      </c>
      <c r="MI18" s="145"/>
      <c r="MJ18" s="119">
        <v>743042</v>
      </c>
      <c r="MK18" s="119">
        <v>582757</v>
      </c>
      <c r="ML18" s="119">
        <v>3546460</v>
      </c>
      <c r="MM18" s="119">
        <v>6326111</v>
      </c>
      <c r="MN18" s="119">
        <v>1667464</v>
      </c>
      <c r="MO18" s="120">
        <v>12865834</v>
      </c>
      <c r="MP18" s="143">
        <v>12865834</v>
      </c>
      <c r="MQ18" s="142">
        <v>0</v>
      </c>
      <c r="MR18" s="119">
        <v>0</v>
      </c>
      <c r="MS18" s="120">
        <v>0</v>
      </c>
      <c r="MT18" s="145"/>
      <c r="MU18" s="119">
        <v>0</v>
      </c>
      <c r="MV18" s="119">
        <v>0</v>
      </c>
      <c r="MW18" s="119">
        <v>1649180</v>
      </c>
      <c r="MX18" s="119">
        <v>3266748</v>
      </c>
      <c r="MY18" s="119">
        <v>1099161</v>
      </c>
      <c r="MZ18" s="120">
        <v>6015089</v>
      </c>
      <c r="NA18" s="143">
        <v>6015089</v>
      </c>
      <c r="NB18" s="142">
        <v>0</v>
      </c>
      <c r="NC18" s="119">
        <v>0</v>
      </c>
      <c r="ND18" s="120">
        <v>0</v>
      </c>
      <c r="NE18" s="145"/>
      <c r="NF18" s="119">
        <v>743042</v>
      </c>
      <c r="NG18" s="119">
        <v>582757</v>
      </c>
      <c r="NH18" s="119">
        <v>1897280</v>
      </c>
      <c r="NI18" s="119">
        <v>2718548</v>
      </c>
      <c r="NJ18" s="119">
        <v>568303</v>
      </c>
      <c r="NK18" s="120">
        <v>6509930</v>
      </c>
      <c r="NL18" s="321">
        <v>6509930</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340815</v>
      </c>
      <c r="OF18" s="119">
        <v>0</v>
      </c>
      <c r="OG18" s="120">
        <v>340815</v>
      </c>
      <c r="OH18" s="121">
        <v>340815</v>
      </c>
      <c r="OI18" s="142">
        <v>781778</v>
      </c>
      <c r="OJ18" s="119">
        <v>1450348</v>
      </c>
      <c r="OK18" s="141">
        <v>2232126</v>
      </c>
      <c r="OL18" s="118">
        <v>0</v>
      </c>
      <c r="OM18" s="119">
        <v>11528220</v>
      </c>
      <c r="ON18" s="119">
        <v>11345093</v>
      </c>
      <c r="OO18" s="119">
        <v>17308788</v>
      </c>
      <c r="OP18" s="119">
        <v>18672280</v>
      </c>
      <c r="OQ18" s="119">
        <v>8019807</v>
      </c>
      <c r="OR18" s="120">
        <v>66874188</v>
      </c>
      <c r="OS18" s="143">
        <v>69106314</v>
      </c>
    </row>
    <row r="19" spans="2:409" ht="20.25" customHeight="1" x14ac:dyDescent="0.2">
      <c r="B19" s="126" t="s">
        <v>13</v>
      </c>
      <c r="C19" s="110">
        <v>255511</v>
      </c>
      <c r="D19" s="114">
        <v>241782</v>
      </c>
      <c r="E19" s="113">
        <v>497293</v>
      </c>
      <c r="F19" s="110">
        <v>0</v>
      </c>
      <c r="G19" s="170">
        <v>2765998</v>
      </c>
      <c r="H19" s="114">
        <v>4695481</v>
      </c>
      <c r="I19" s="114">
        <v>4017990</v>
      </c>
      <c r="J19" s="114">
        <v>5704456</v>
      </c>
      <c r="K19" s="114">
        <v>4096217</v>
      </c>
      <c r="L19" s="112">
        <v>21280142</v>
      </c>
      <c r="M19" s="116">
        <v>21777435</v>
      </c>
      <c r="N19" s="110">
        <v>81015</v>
      </c>
      <c r="O19" s="114">
        <v>26919</v>
      </c>
      <c r="P19" s="113">
        <v>107934</v>
      </c>
      <c r="Q19" s="110">
        <v>0</v>
      </c>
      <c r="R19" s="114">
        <v>955858</v>
      </c>
      <c r="S19" s="114">
        <v>1580099</v>
      </c>
      <c r="T19" s="114">
        <v>1449565</v>
      </c>
      <c r="U19" s="114">
        <v>2355195</v>
      </c>
      <c r="V19" s="114">
        <v>2228410</v>
      </c>
      <c r="W19" s="113">
        <v>8569127</v>
      </c>
      <c r="X19" s="116">
        <v>8677061</v>
      </c>
      <c r="Y19" s="110">
        <v>0</v>
      </c>
      <c r="Z19" s="114">
        <v>0</v>
      </c>
      <c r="AA19" s="113">
        <v>0</v>
      </c>
      <c r="AB19" s="110">
        <v>0</v>
      </c>
      <c r="AC19" s="114">
        <v>562111</v>
      </c>
      <c r="AD19" s="114">
        <v>893465</v>
      </c>
      <c r="AE19" s="114">
        <v>833152</v>
      </c>
      <c r="AF19" s="114">
        <v>1365200</v>
      </c>
      <c r="AG19" s="114">
        <v>1322991</v>
      </c>
      <c r="AH19" s="113">
        <v>4976919</v>
      </c>
      <c r="AI19" s="116">
        <v>4976919</v>
      </c>
      <c r="AJ19" s="110">
        <v>0</v>
      </c>
      <c r="AK19" s="114">
        <v>0</v>
      </c>
      <c r="AL19" s="113">
        <v>0</v>
      </c>
      <c r="AM19" s="110">
        <v>0</v>
      </c>
      <c r="AN19" s="114">
        <v>0</v>
      </c>
      <c r="AO19" s="114">
        <v>13397</v>
      </c>
      <c r="AP19" s="114">
        <v>0</v>
      </c>
      <c r="AQ19" s="114">
        <v>131940</v>
      </c>
      <c r="AR19" s="114">
        <v>350334</v>
      </c>
      <c r="AS19" s="113">
        <v>495671</v>
      </c>
      <c r="AT19" s="116">
        <v>495671</v>
      </c>
      <c r="AU19" s="110">
        <v>32031</v>
      </c>
      <c r="AV19" s="114">
        <v>11863</v>
      </c>
      <c r="AW19" s="113">
        <v>43894</v>
      </c>
      <c r="AX19" s="110">
        <v>0</v>
      </c>
      <c r="AY19" s="114">
        <v>238201</v>
      </c>
      <c r="AZ19" s="114">
        <v>396717</v>
      </c>
      <c r="BA19" s="114">
        <v>489317</v>
      </c>
      <c r="BB19" s="114">
        <v>613699</v>
      </c>
      <c r="BC19" s="114">
        <v>268019</v>
      </c>
      <c r="BD19" s="113">
        <v>2005953</v>
      </c>
      <c r="BE19" s="116">
        <v>2049847</v>
      </c>
      <c r="BF19" s="110">
        <v>0</v>
      </c>
      <c r="BG19" s="114">
        <v>0</v>
      </c>
      <c r="BH19" s="112">
        <v>0</v>
      </c>
      <c r="BI19" s="111">
        <v>0</v>
      </c>
      <c r="BJ19" s="114">
        <v>32610</v>
      </c>
      <c r="BK19" s="114">
        <v>0</v>
      </c>
      <c r="BL19" s="114">
        <v>0</v>
      </c>
      <c r="BM19" s="114">
        <v>13780</v>
      </c>
      <c r="BN19" s="114">
        <v>16450</v>
      </c>
      <c r="BO19" s="113">
        <v>62840</v>
      </c>
      <c r="BP19" s="116">
        <v>62840</v>
      </c>
      <c r="BQ19" s="110">
        <v>48984</v>
      </c>
      <c r="BR19" s="114">
        <v>15056</v>
      </c>
      <c r="BS19" s="113">
        <v>64040</v>
      </c>
      <c r="BT19" s="110">
        <v>0</v>
      </c>
      <c r="BU19" s="114">
        <v>122936</v>
      </c>
      <c r="BV19" s="114">
        <v>276520</v>
      </c>
      <c r="BW19" s="114">
        <v>127096</v>
      </c>
      <c r="BX19" s="114">
        <v>230576</v>
      </c>
      <c r="BY19" s="114">
        <v>270616</v>
      </c>
      <c r="BZ19" s="113">
        <v>1027744</v>
      </c>
      <c r="CA19" s="116">
        <v>1091784</v>
      </c>
      <c r="CB19" s="110">
        <v>0</v>
      </c>
      <c r="CC19" s="114">
        <v>80831</v>
      </c>
      <c r="CD19" s="113">
        <v>80831</v>
      </c>
      <c r="CE19" s="110">
        <v>0</v>
      </c>
      <c r="CF19" s="114">
        <v>663672</v>
      </c>
      <c r="CG19" s="114">
        <v>1145801</v>
      </c>
      <c r="CH19" s="114">
        <v>1348904</v>
      </c>
      <c r="CI19" s="114">
        <v>750414</v>
      </c>
      <c r="CJ19" s="114">
        <v>209256</v>
      </c>
      <c r="CK19" s="113">
        <v>4118047</v>
      </c>
      <c r="CL19" s="116">
        <v>4198878</v>
      </c>
      <c r="CM19" s="110">
        <v>0</v>
      </c>
      <c r="CN19" s="114">
        <v>0</v>
      </c>
      <c r="CO19" s="113">
        <v>0</v>
      </c>
      <c r="CP19" s="111">
        <v>0</v>
      </c>
      <c r="CQ19" s="114">
        <v>568868</v>
      </c>
      <c r="CR19" s="114">
        <v>958246</v>
      </c>
      <c r="CS19" s="114">
        <v>1136996</v>
      </c>
      <c r="CT19" s="114">
        <v>516520</v>
      </c>
      <c r="CU19" s="114">
        <v>209256</v>
      </c>
      <c r="CV19" s="113">
        <v>3389886</v>
      </c>
      <c r="CW19" s="116">
        <v>3389886</v>
      </c>
      <c r="CX19" s="110">
        <v>0</v>
      </c>
      <c r="CY19" s="114">
        <v>80831</v>
      </c>
      <c r="CZ19" s="113">
        <v>80831</v>
      </c>
      <c r="DA19" s="110">
        <v>0</v>
      </c>
      <c r="DB19" s="114">
        <v>94804</v>
      </c>
      <c r="DC19" s="114">
        <v>187555</v>
      </c>
      <c r="DD19" s="114">
        <v>211908</v>
      </c>
      <c r="DE19" s="114">
        <v>233894</v>
      </c>
      <c r="DF19" s="114">
        <v>0</v>
      </c>
      <c r="DG19" s="113">
        <v>728161</v>
      </c>
      <c r="DH19" s="116">
        <v>808992</v>
      </c>
      <c r="DI19" s="110">
        <v>0</v>
      </c>
      <c r="DJ19" s="114">
        <v>0</v>
      </c>
      <c r="DK19" s="112">
        <v>0</v>
      </c>
      <c r="DL19" s="111">
        <v>0</v>
      </c>
      <c r="DM19" s="114">
        <v>174776</v>
      </c>
      <c r="DN19" s="114">
        <v>287920</v>
      </c>
      <c r="DO19" s="114">
        <v>238826</v>
      </c>
      <c r="DP19" s="114">
        <v>786481</v>
      </c>
      <c r="DQ19" s="114">
        <v>97007</v>
      </c>
      <c r="DR19" s="113">
        <v>1585010</v>
      </c>
      <c r="DS19" s="116">
        <v>1585010</v>
      </c>
      <c r="DT19" s="110">
        <v>0</v>
      </c>
      <c r="DU19" s="114">
        <v>0</v>
      </c>
      <c r="DV19" s="113">
        <v>0</v>
      </c>
      <c r="DW19" s="110">
        <v>0</v>
      </c>
      <c r="DX19" s="114">
        <v>174776</v>
      </c>
      <c r="DY19" s="114">
        <v>137511</v>
      </c>
      <c r="DZ19" s="114">
        <v>176598</v>
      </c>
      <c r="EA19" s="114">
        <v>786481</v>
      </c>
      <c r="EB19" s="114">
        <v>97007</v>
      </c>
      <c r="EC19" s="113">
        <v>1372373</v>
      </c>
      <c r="ED19" s="116">
        <v>1372373</v>
      </c>
      <c r="EE19" s="110">
        <v>0</v>
      </c>
      <c r="EF19" s="112">
        <v>0</v>
      </c>
      <c r="EG19" s="113">
        <v>0</v>
      </c>
      <c r="EH19" s="110">
        <v>0</v>
      </c>
      <c r="EI19" s="114">
        <v>0</v>
      </c>
      <c r="EJ19" s="114">
        <v>150409</v>
      </c>
      <c r="EK19" s="114">
        <v>62228</v>
      </c>
      <c r="EL19" s="114">
        <v>0</v>
      </c>
      <c r="EM19" s="114">
        <v>0</v>
      </c>
      <c r="EN19" s="112">
        <v>212637</v>
      </c>
      <c r="EO19" s="116">
        <v>212637</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8"/>
      <c r="FE19" s="114">
        <v>0</v>
      </c>
      <c r="FF19" s="114">
        <v>0</v>
      </c>
      <c r="FG19" s="114">
        <v>0</v>
      </c>
      <c r="FH19" s="114">
        <v>0</v>
      </c>
      <c r="FI19" s="114">
        <v>0</v>
      </c>
      <c r="FJ19" s="113">
        <v>0</v>
      </c>
      <c r="FK19" s="116">
        <v>0</v>
      </c>
      <c r="FL19" s="110">
        <v>10800</v>
      </c>
      <c r="FM19" s="114">
        <v>134032</v>
      </c>
      <c r="FN19" s="113">
        <v>144832</v>
      </c>
      <c r="FO19" s="110">
        <v>0</v>
      </c>
      <c r="FP19" s="114">
        <v>179632</v>
      </c>
      <c r="FQ19" s="114">
        <v>435840</v>
      </c>
      <c r="FR19" s="114">
        <v>402888</v>
      </c>
      <c r="FS19" s="114">
        <v>303856</v>
      </c>
      <c r="FT19" s="114">
        <v>132208</v>
      </c>
      <c r="FU19" s="113">
        <v>1454424</v>
      </c>
      <c r="FV19" s="116">
        <v>1599256</v>
      </c>
      <c r="FW19" s="115">
        <v>10800</v>
      </c>
      <c r="FX19" s="114">
        <v>47632</v>
      </c>
      <c r="FY19" s="112">
        <v>58432</v>
      </c>
      <c r="FZ19" s="111">
        <v>0</v>
      </c>
      <c r="GA19" s="114">
        <v>124512</v>
      </c>
      <c r="GB19" s="114">
        <v>352864</v>
      </c>
      <c r="GC19" s="114">
        <v>283608</v>
      </c>
      <c r="GD19" s="114">
        <v>303856</v>
      </c>
      <c r="GE19" s="114">
        <v>132208</v>
      </c>
      <c r="GF19" s="113">
        <v>1197048</v>
      </c>
      <c r="GG19" s="319">
        <v>1255480</v>
      </c>
      <c r="GH19" s="115">
        <v>0</v>
      </c>
      <c r="GI19" s="114">
        <v>0</v>
      </c>
      <c r="GJ19" s="112">
        <v>0</v>
      </c>
      <c r="GK19" s="111">
        <v>0</v>
      </c>
      <c r="GL19" s="114">
        <v>34320</v>
      </c>
      <c r="GM19" s="114">
        <v>22176</v>
      </c>
      <c r="GN19" s="114">
        <v>9680</v>
      </c>
      <c r="GO19" s="114">
        <v>0</v>
      </c>
      <c r="GP19" s="114">
        <v>0</v>
      </c>
      <c r="GQ19" s="113">
        <v>66176</v>
      </c>
      <c r="GR19" s="116">
        <v>66176</v>
      </c>
      <c r="GS19" s="110">
        <v>0</v>
      </c>
      <c r="GT19" s="114">
        <v>86400</v>
      </c>
      <c r="GU19" s="113">
        <v>86400</v>
      </c>
      <c r="GV19" s="110">
        <v>0</v>
      </c>
      <c r="GW19" s="114">
        <v>20800</v>
      </c>
      <c r="GX19" s="114">
        <v>60800</v>
      </c>
      <c r="GY19" s="114">
        <v>109600</v>
      </c>
      <c r="GZ19" s="114">
        <v>0</v>
      </c>
      <c r="HA19" s="114">
        <v>0</v>
      </c>
      <c r="HB19" s="112">
        <v>191200</v>
      </c>
      <c r="HC19" s="116">
        <v>277600</v>
      </c>
      <c r="HD19" s="110">
        <v>163696</v>
      </c>
      <c r="HE19" s="114">
        <v>0</v>
      </c>
      <c r="HF19" s="112">
        <v>163696</v>
      </c>
      <c r="HG19" s="111">
        <v>0</v>
      </c>
      <c r="HH19" s="114">
        <v>792060</v>
      </c>
      <c r="HI19" s="114">
        <v>1245821</v>
      </c>
      <c r="HJ19" s="114">
        <v>577807</v>
      </c>
      <c r="HK19" s="114">
        <v>1508510</v>
      </c>
      <c r="HL19" s="114">
        <v>1429336</v>
      </c>
      <c r="HM19" s="113">
        <v>5553534</v>
      </c>
      <c r="HN19" s="109">
        <v>5717230</v>
      </c>
      <c r="HO19" s="329"/>
      <c r="HP19" s="330"/>
      <c r="HQ19" s="331"/>
      <c r="HR19" s="332"/>
      <c r="HS19" s="330"/>
      <c r="HT19" s="330"/>
      <c r="HU19" s="330"/>
      <c r="HV19" s="330"/>
      <c r="HW19" s="330"/>
      <c r="HX19" s="333"/>
      <c r="HY19" s="334"/>
      <c r="HZ19" s="131">
        <v>0</v>
      </c>
      <c r="IA19" s="132">
        <v>0</v>
      </c>
      <c r="IB19" s="133">
        <v>0</v>
      </c>
      <c r="IC19" s="146">
        <v>0</v>
      </c>
      <c r="ID19" s="132">
        <v>666551</v>
      </c>
      <c r="IE19" s="147">
        <v>743246</v>
      </c>
      <c r="IF19" s="133">
        <v>383088</v>
      </c>
      <c r="IG19" s="132">
        <v>967436</v>
      </c>
      <c r="IH19" s="133">
        <v>132721</v>
      </c>
      <c r="II19" s="148">
        <v>2893042</v>
      </c>
      <c r="IJ19" s="139">
        <v>2893042</v>
      </c>
      <c r="IK19" s="232">
        <v>0</v>
      </c>
      <c r="IL19" s="236">
        <v>0</v>
      </c>
      <c r="IM19" s="237">
        <v>0</v>
      </c>
      <c r="IN19" s="140"/>
      <c r="IO19" s="119">
        <v>0</v>
      </c>
      <c r="IP19" s="119">
        <v>0</v>
      </c>
      <c r="IQ19" s="119">
        <v>0</v>
      </c>
      <c r="IR19" s="119">
        <v>0</v>
      </c>
      <c r="IS19" s="119">
        <v>0</v>
      </c>
      <c r="IT19" s="141">
        <v>0</v>
      </c>
      <c r="IU19" s="321">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289228</v>
      </c>
      <c r="JL19" s="119">
        <v>527353</v>
      </c>
      <c r="JM19" s="119">
        <v>64484</v>
      </c>
      <c r="JN19" s="119">
        <v>6433</v>
      </c>
      <c r="JO19" s="119">
        <v>91625</v>
      </c>
      <c r="JP19" s="120">
        <v>979123</v>
      </c>
      <c r="JQ19" s="321">
        <v>979123</v>
      </c>
      <c r="JR19" s="142">
        <v>0</v>
      </c>
      <c r="JS19" s="119">
        <v>0</v>
      </c>
      <c r="JT19" s="141">
        <v>0</v>
      </c>
      <c r="JU19" s="118">
        <v>0</v>
      </c>
      <c r="JV19" s="119">
        <v>0</v>
      </c>
      <c r="JW19" s="119">
        <v>42332</v>
      </c>
      <c r="JX19" s="119">
        <v>318604</v>
      </c>
      <c r="JY19" s="119">
        <v>52173</v>
      </c>
      <c r="JZ19" s="119">
        <v>41096</v>
      </c>
      <c r="KA19" s="120">
        <v>454205</v>
      </c>
      <c r="KB19" s="321">
        <v>454205</v>
      </c>
      <c r="KC19" s="234">
        <v>0</v>
      </c>
      <c r="KD19" s="230">
        <v>0</v>
      </c>
      <c r="KE19" s="120">
        <v>0</v>
      </c>
      <c r="KF19" s="118">
        <v>0</v>
      </c>
      <c r="KG19" s="119">
        <v>162173</v>
      </c>
      <c r="KH19" s="119">
        <v>173561</v>
      </c>
      <c r="KI19" s="119">
        <v>0</v>
      </c>
      <c r="KJ19" s="119">
        <v>253204</v>
      </c>
      <c r="KK19" s="119">
        <v>0</v>
      </c>
      <c r="KL19" s="120">
        <v>588938</v>
      </c>
      <c r="KM19" s="143">
        <v>588938</v>
      </c>
      <c r="KN19" s="232">
        <v>0</v>
      </c>
      <c r="KO19" s="236">
        <v>0</v>
      </c>
      <c r="KP19" s="237">
        <v>0</v>
      </c>
      <c r="KQ19" s="140"/>
      <c r="KR19" s="119">
        <v>215150</v>
      </c>
      <c r="KS19" s="119">
        <v>0</v>
      </c>
      <c r="KT19" s="119">
        <v>0</v>
      </c>
      <c r="KU19" s="119">
        <v>440417</v>
      </c>
      <c r="KV19" s="119">
        <v>0</v>
      </c>
      <c r="KW19" s="120">
        <v>655567</v>
      </c>
      <c r="KX19" s="321">
        <v>655567</v>
      </c>
      <c r="KY19" s="142">
        <v>0</v>
      </c>
      <c r="KZ19" s="119">
        <v>0</v>
      </c>
      <c r="LA19" s="120">
        <v>0</v>
      </c>
      <c r="LB19" s="145">
        <v>0</v>
      </c>
      <c r="LC19" s="119">
        <v>0</v>
      </c>
      <c r="LD19" s="119">
        <v>0</v>
      </c>
      <c r="LE19" s="119">
        <v>0</v>
      </c>
      <c r="LF19" s="119">
        <v>215209</v>
      </c>
      <c r="LG19" s="119">
        <v>0</v>
      </c>
      <c r="LH19" s="120">
        <v>215209</v>
      </c>
      <c r="LI19" s="121">
        <v>215209</v>
      </c>
      <c r="LJ19" s="142">
        <v>0</v>
      </c>
      <c r="LK19" s="119">
        <v>0</v>
      </c>
      <c r="LL19" s="120">
        <v>0</v>
      </c>
      <c r="LM19" s="145"/>
      <c r="LN19" s="119">
        <v>0</v>
      </c>
      <c r="LO19" s="119">
        <v>0</v>
      </c>
      <c r="LP19" s="119">
        <v>0</v>
      </c>
      <c r="LQ19" s="119">
        <v>0</v>
      </c>
      <c r="LR19" s="119">
        <v>0</v>
      </c>
      <c r="LS19" s="120">
        <v>0</v>
      </c>
      <c r="LT19" s="321">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440506</v>
      </c>
      <c r="MK19" s="119">
        <v>881223</v>
      </c>
      <c r="ML19" s="119">
        <v>1174273</v>
      </c>
      <c r="MM19" s="119">
        <v>2785838</v>
      </c>
      <c r="MN19" s="119">
        <v>2172888</v>
      </c>
      <c r="MO19" s="120">
        <v>7454728</v>
      </c>
      <c r="MP19" s="143">
        <v>7454728</v>
      </c>
      <c r="MQ19" s="142">
        <v>0</v>
      </c>
      <c r="MR19" s="119">
        <v>0</v>
      </c>
      <c r="MS19" s="120">
        <v>0</v>
      </c>
      <c r="MT19" s="145"/>
      <c r="MU19" s="119">
        <v>205799</v>
      </c>
      <c r="MV19" s="119">
        <v>0</v>
      </c>
      <c r="MW19" s="119">
        <v>948685</v>
      </c>
      <c r="MX19" s="119">
        <v>2207735</v>
      </c>
      <c r="MY19" s="119">
        <v>1579162</v>
      </c>
      <c r="MZ19" s="120">
        <v>4941381</v>
      </c>
      <c r="NA19" s="143">
        <v>4941381</v>
      </c>
      <c r="NB19" s="142">
        <v>0</v>
      </c>
      <c r="NC19" s="119">
        <v>0</v>
      </c>
      <c r="ND19" s="120">
        <v>0</v>
      </c>
      <c r="NE19" s="145"/>
      <c r="NF19" s="119">
        <v>234707</v>
      </c>
      <c r="NG19" s="119">
        <v>881223</v>
      </c>
      <c r="NH19" s="119">
        <v>225588</v>
      </c>
      <c r="NI19" s="119">
        <v>578103</v>
      </c>
      <c r="NJ19" s="119">
        <v>593726</v>
      </c>
      <c r="NK19" s="120">
        <v>2513347</v>
      </c>
      <c r="NL19" s="321">
        <v>2513347</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255511</v>
      </c>
      <c r="OJ19" s="119">
        <v>241782</v>
      </c>
      <c r="OK19" s="141">
        <v>497293</v>
      </c>
      <c r="OL19" s="118">
        <v>0</v>
      </c>
      <c r="OM19" s="119">
        <v>3873055</v>
      </c>
      <c r="ON19" s="119">
        <v>6319950</v>
      </c>
      <c r="OO19" s="119">
        <v>5575351</v>
      </c>
      <c r="OP19" s="119">
        <v>9457730</v>
      </c>
      <c r="OQ19" s="119">
        <v>6401826</v>
      </c>
      <c r="OR19" s="120">
        <v>31627912</v>
      </c>
      <c r="OS19" s="143">
        <v>32125205</v>
      </c>
    </row>
    <row r="20" spans="2:409" ht="20.25" customHeight="1" x14ac:dyDescent="0.2">
      <c r="B20" s="126" t="s">
        <v>15</v>
      </c>
      <c r="C20" s="110">
        <v>189558</v>
      </c>
      <c r="D20" s="114">
        <v>248408</v>
      </c>
      <c r="E20" s="113">
        <v>437966</v>
      </c>
      <c r="F20" s="109">
        <v>0</v>
      </c>
      <c r="G20" s="114">
        <v>1317233</v>
      </c>
      <c r="H20" s="114">
        <v>2184076</v>
      </c>
      <c r="I20" s="114">
        <v>3068193</v>
      </c>
      <c r="J20" s="114">
        <v>1097025</v>
      </c>
      <c r="K20" s="114">
        <v>890147</v>
      </c>
      <c r="L20" s="109">
        <v>8556674</v>
      </c>
      <c r="M20" s="116">
        <v>8994640</v>
      </c>
      <c r="N20" s="110">
        <v>10912</v>
      </c>
      <c r="O20" s="114">
        <v>18386</v>
      </c>
      <c r="P20" s="113">
        <v>29298</v>
      </c>
      <c r="Q20" s="110">
        <v>0</v>
      </c>
      <c r="R20" s="114">
        <v>311640</v>
      </c>
      <c r="S20" s="114">
        <v>563831</v>
      </c>
      <c r="T20" s="114">
        <v>1283580</v>
      </c>
      <c r="U20" s="114">
        <v>697040</v>
      </c>
      <c r="V20" s="114">
        <v>366859</v>
      </c>
      <c r="W20" s="113">
        <v>3222950</v>
      </c>
      <c r="X20" s="116">
        <v>3252248</v>
      </c>
      <c r="Y20" s="110">
        <v>0</v>
      </c>
      <c r="Z20" s="114">
        <v>0</v>
      </c>
      <c r="AA20" s="113">
        <v>0</v>
      </c>
      <c r="AB20" s="110">
        <v>0</v>
      </c>
      <c r="AC20" s="114">
        <v>156555</v>
      </c>
      <c r="AD20" s="114">
        <v>173531</v>
      </c>
      <c r="AE20" s="114">
        <v>1142152</v>
      </c>
      <c r="AF20" s="114">
        <v>383225</v>
      </c>
      <c r="AG20" s="114">
        <v>245816</v>
      </c>
      <c r="AH20" s="113">
        <v>2101279</v>
      </c>
      <c r="AI20" s="116">
        <v>2101279</v>
      </c>
      <c r="AJ20" s="110">
        <v>0</v>
      </c>
      <c r="AK20" s="114">
        <v>0</v>
      </c>
      <c r="AL20" s="113">
        <v>0</v>
      </c>
      <c r="AM20" s="110">
        <v>0</v>
      </c>
      <c r="AN20" s="114">
        <v>0</v>
      </c>
      <c r="AO20" s="114">
        <v>0</v>
      </c>
      <c r="AP20" s="114">
        <v>0</v>
      </c>
      <c r="AQ20" s="114">
        <v>151296</v>
      </c>
      <c r="AR20" s="114">
        <v>11684</v>
      </c>
      <c r="AS20" s="113">
        <v>162980</v>
      </c>
      <c r="AT20" s="116">
        <v>162980</v>
      </c>
      <c r="AU20" s="110">
        <v>0</v>
      </c>
      <c r="AV20" s="114">
        <v>18386</v>
      </c>
      <c r="AW20" s="113">
        <v>18386</v>
      </c>
      <c r="AX20" s="110">
        <v>0</v>
      </c>
      <c r="AY20" s="114">
        <v>69141</v>
      </c>
      <c r="AZ20" s="114">
        <v>261885</v>
      </c>
      <c r="BA20" s="114">
        <v>48964</v>
      </c>
      <c r="BB20" s="114">
        <v>128663</v>
      </c>
      <c r="BC20" s="114">
        <v>49296</v>
      </c>
      <c r="BD20" s="113">
        <v>557949</v>
      </c>
      <c r="BE20" s="116">
        <v>576335</v>
      </c>
      <c r="BF20" s="110">
        <v>0</v>
      </c>
      <c r="BG20" s="114">
        <v>0</v>
      </c>
      <c r="BH20" s="112">
        <v>0</v>
      </c>
      <c r="BI20" s="111">
        <v>0</v>
      </c>
      <c r="BJ20" s="114">
        <v>16280</v>
      </c>
      <c r="BK20" s="114">
        <v>38799</v>
      </c>
      <c r="BL20" s="114">
        <v>0</v>
      </c>
      <c r="BM20" s="114">
        <v>0</v>
      </c>
      <c r="BN20" s="114">
        <v>23279</v>
      </c>
      <c r="BO20" s="113">
        <v>78358</v>
      </c>
      <c r="BP20" s="116">
        <v>78358</v>
      </c>
      <c r="BQ20" s="110">
        <v>10912</v>
      </c>
      <c r="BR20" s="114">
        <v>0</v>
      </c>
      <c r="BS20" s="113">
        <v>10912</v>
      </c>
      <c r="BT20" s="110">
        <v>0</v>
      </c>
      <c r="BU20" s="114">
        <v>69664</v>
      </c>
      <c r="BV20" s="114">
        <v>89616</v>
      </c>
      <c r="BW20" s="114">
        <v>92464</v>
      </c>
      <c r="BX20" s="114">
        <v>33856</v>
      </c>
      <c r="BY20" s="114">
        <v>36784</v>
      </c>
      <c r="BZ20" s="113">
        <v>322384</v>
      </c>
      <c r="CA20" s="116">
        <v>333296</v>
      </c>
      <c r="CB20" s="110">
        <v>0</v>
      </c>
      <c r="CC20" s="114">
        <v>0</v>
      </c>
      <c r="CD20" s="113">
        <v>0</v>
      </c>
      <c r="CE20" s="110">
        <v>0</v>
      </c>
      <c r="CF20" s="114">
        <v>81737</v>
      </c>
      <c r="CG20" s="114">
        <v>483136</v>
      </c>
      <c r="CH20" s="114">
        <v>433899</v>
      </c>
      <c r="CI20" s="114">
        <v>0</v>
      </c>
      <c r="CJ20" s="114">
        <v>0</v>
      </c>
      <c r="CK20" s="113">
        <v>998772</v>
      </c>
      <c r="CL20" s="116">
        <v>998772</v>
      </c>
      <c r="CM20" s="110">
        <v>0</v>
      </c>
      <c r="CN20" s="114">
        <v>0</v>
      </c>
      <c r="CO20" s="113">
        <v>0</v>
      </c>
      <c r="CP20" s="111">
        <v>0</v>
      </c>
      <c r="CQ20" s="114">
        <v>39484</v>
      </c>
      <c r="CR20" s="114">
        <v>333080</v>
      </c>
      <c r="CS20" s="114">
        <v>186450</v>
      </c>
      <c r="CT20" s="114">
        <v>0</v>
      </c>
      <c r="CU20" s="114">
        <v>0</v>
      </c>
      <c r="CV20" s="113">
        <v>559014</v>
      </c>
      <c r="CW20" s="116">
        <v>559014</v>
      </c>
      <c r="CX20" s="110">
        <v>0</v>
      </c>
      <c r="CY20" s="114">
        <v>0</v>
      </c>
      <c r="CZ20" s="113">
        <v>0</v>
      </c>
      <c r="DA20" s="110">
        <v>0</v>
      </c>
      <c r="DB20" s="114">
        <v>42253</v>
      </c>
      <c r="DC20" s="114">
        <v>150056</v>
      </c>
      <c r="DD20" s="114">
        <v>247449</v>
      </c>
      <c r="DE20" s="114">
        <v>0</v>
      </c>
      <c r="DF20" s="114">
        <v>0</v>
      </c>
      <c r="DG20" s="113">
        <v>439758</v>
      </c>
      <c r="DH20" s="116">
        <v>439758</v>
      </c>
      <c r="DI20" s="110">
        <v>0</v>
      </c>
      <c r="DJ20" s="114">
        <v>0</v>
      </c>
      <c r="DK20" s="112">
        <v>0</v>
      </c>
      <c r="DL20" s="111">
        <v>0</v>
      </c>
      <c r="DM20" s="114">
        <v>0</v>
      </c>
      <c r="DN20" s="114">
        <v>69061</v>
      </c>
      <c r="DO20" s="114">
        <v>247965</v>
      </c>
      <c r="DP20" s="114">
        <v>265009</v>
      </c>
      <c r="DQ20" s="114">
        <v>0</v>
      </c>
      <c r="DR20" s="113">
        <v>582035</v>
      </c>
      <c r="DS20" s="116">
        <v>582035</v>
      </c>
      <c r="DT20" s="110">
        <v>0</v>
      </c>
      <c r="DU20" s="114">
        <v>0</v>
      </c>
      <c r="DV20" s="113">
        <v>0</v>
      </c>
      <c r="DW20" s="110">
        <v>0</v>
      </c>
      <c r="DX20" s="114">
        <v>0</v>
      </c>
      <c r="DY20" s="114">
        <v>69061</v>
      </c>
      <c r="DZ20" s="114">
        <v>207978</v>
      </c>
      <c r="EA20" s="114">
        <v>265009</v>
      </c>
      <c r="EB20" s="114">
        <v>0</v>
      </c>
      <c r="EC20" s="113">
        <v>542048</v>
      </c>
      <c r="ED20" s="116">
        <v>542048</v>
      </c>
      <c r="EE20" s="110">
        <v>0</v>
      </c>
      <c r="EF20" s="112">
        <v>0</v>
      </c>
      <c r="EG20" s="113">
        <v>0</v>
      </c>
      <c r="EH20" s="110">
        <v>0</v>
      </c>
      <c r="EI20" s="114">
        <v>0</v>
      </c>
      <c r="EJ20" s="114">
        <v>0</v>
      </c>
      <c r="EK20" s="114">
        <v>39987</v>
      </c>
      <c r="EL20" s="114">
        <v>0</v>
      </c>
      <c r="EM20" s="114">
        <v>0</v>
      </c>
      <c r="EN20" s="112">
        <v>39987</v>
      </c>
      <c r="EO20" s="116">
        <v>39987</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8"/>
      <c r="FE20" s="114">
        <v>0</v>
      </c>
      <c r="FF20" s="114">
        <v>0</v>
      </c>
      <c r="FG20" s="114">
        <v>0</v>
      </c>
      <c r="FH20" s="114">
        <v>0</v>
      </c>
      <c r="FI20" s="114">
        <v>0</v>
      </c>
      <c r="FJ20" s="113">
        <v>0</v>
      </c>
      <c r="FK20" s="116">
        <v>0</v>
      </c>
      <c r="FL20" s="110">
        <v>4800</v>
      </c>
      <c r="FM20" s="114">
        <v>38000</v>
      </c>
      <c r="FN20" s="113">
        <v>42800</v>
      </c>
      <c r="FO20" s="110">
        <v>0</v>
      </c>
      <c r="FP20" s="114">
        <v>133408</v>
      </c>
      <c r="FQ20" s="114">
        <v>347064</v>
      </c>
      <c r="FR20" s="114">
        <v>113568</v>
      </c>
      <c r="FS20" s="114">
        <v>134976</v>
      </c>
      <c r="FT20" s="114">
        <v>52200</v>
      </c>
      <c r="FU20" s="113">
        <v>781216</v>
      </c>
      <c r="FV20" s="116">
        <v>824016</v>
      </c>
      <c r="FW20" s="115">
        <v>4800</v>
      </c>
      <c r="FX20" s="114">
        <v>38000</v>
      </c>
      <c r="FY20" s="112">
        <v>42800</v>
      </c>
      <c r="FZ20" s="111">
        <v>0</v>
      </c>
      <c r="GA20" s="114">
        <v>15200</v>
      </c>
      <c r="GB20" s="114">
        <v>170520</v>
      </c>
      <c r="GC20" s="114">
        <v>113568</v>
      </c>
      <c r="GD20" s="114">
        <v>134976</v>
      </c>
      <c r="GE20" s="114">
        <v>52200</v>
      </c>
      <c r="GF20" s="113">
        <v>486464</v>
      </c>
      <c r="GG20" s="319">
        <v>529264</v>
      </c>
      <c r="GH20" s="115">
        <v>0</v>
      </c>
      <c r="GI20" s="114">
        <v>0</v>
      </c>
      <c r="GJ20" s="112">
        <v>0</v>
      </c>
      <c r="GK20" s="111">
        <v>0</v>
      </c>
      <c r="GL20" s="114">
        <v>19008</v>
      </c>
      <c r="GM20" s="114">
        <v>16544</v>
      </c>
      <c r="GN20" s="114">
        <v>0</v>
      </c>
      <c r="GO20" s="114">
        <v>0</v>
      </c>
      <c r="GP20" s="114">
        <v>0</v>
      </c>
      <c r="GQ20" s="113">
        <v>35552</v>
      </c>
      <c r="GR20" s="116">
        <v>35552</v>
      </c>
      <c r="GS20" s="110">
        <v>0</v>
      </c>
      <c r="GT20" s="114">
        <v>0</v>
      </c>
      <c r="GU20" s="113">
        <v>0</v>
      </c>
      <c r="GV20" s="110">
        <v>0</v>
      </c>
      <c r="GW20" s="114">
        <v>99200</v>
      </c>
      <c r="GX20" s="114">
        <v>160000</v>
      </c>
      <c r="GY20" s="114">
        <v>0</v>
      </c>
      <c r="GZ20" s="114">
        <v>0</v>
      </c>
      <c r="HA20" s="114">
        <v>0</v>
      </c>
      <c r="HB20" s="112">
        <v>259200</v>
      </c>
      <c r="HC20" s="116">
        <v>259200</v>
      </c>
      <c r="HD20" s="110">
        <v>173846</v>
      </c>
      <c r="HE20" s="114">
        <v>192022</v>
      </c>
      <c r="HF20" s="112">
        <v>365868</v>
      </c>
      <c r="HG20" s="111">
        <v>0</v>
      </c>
      <c r="HH20" s="114">
        <v>790448</v>
      </c>
      <c r="HI20" s="114">
        <v>720984</v>
      </c>
      <c r="HJ20" s="114">
        <v>989181</v>
      </c>
      <c r="HK20" s="114">
        <v>0</v>
      </c>
      <c r="HL20" s="114">
        <v>471088</v>
      </c>
      <c r="HM20" s="113">
        <v>2971701</v>
      </c>
      <c r="HN20" s="109">
        <v>3337569</v>
      </c>
      <c r="HO20" s="329"/>
      <c r="HP20" s="330"/>
      <c r="HQ20" s="331"/>
      <c r="HR20" s="332"/>
      <c r="HS20" s="330"/>
      <c r="HT20" s="330"/>
      <c r="HU20" s="330"/>
      <c r="HV20" s="330"/>
      <c r="HW20" s="330"/>
      <c r="HX20" s="333"/>
      <c r="HY20" s="334"/>
      <c r="HZ20" s="150">
        <v>0</v>
      </c>
      <c r="IA20" s="135">
        <v>0</v>
      </c>
      <c r="IB20" s="150">
        <v>0</v>
      </c>
      <c r="IC20" s="134">
        <v>0</v>
      </c>
      <c r="ID20" s="135">
        <v>582550</v>
      </c>
      <c r="IE20" s="136">
        <v>1175798</v>
      </c>
      <c r="IF20" s="137">
        <v>164301</v>
      </c>
      <c r="IG20" s="135">
        <v>1041704</v>
      </c>
      <c r="IH20" s="137">
        <v>357502</v>
      </c>
      <c r="II20" s="138">
        <v>3321855</v>
      </c>
      <c r="IJ20" s="150">
        <v>3321855</v>
      </c>
      <c r="IK20" s="232">
        <v>0</v>
      </c>
      <c r="IL20" s="236">
        <v>0</v>
      </c>
      <c r="IM20" s="237">
        <v>0</v>
      </c>
      <c r="IN20" s="140"/>
      <c r="IO20" s="119">
        <v>0</v>
      </c>
      <c r="IP20" s="119">
        <v>0</v>
      </c>
      <c r="IQ20" s="119">
        <v>0</v>
      </c>
      <c r="IR20" s="119">
        <v>0</v>
      </c>
      <c r="IS20" s="119">
        <v>0</v>
      </c>
      <c r="IT20" s="141">
        <v>0</v>
      </c>
      <c r="IU20" s="321">
        <v>0</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120270</v>
      </c>
      <c r="JL20" s="119">
        <v>355979</v>
      </c>
      <c r="JM20" s="119">
        <v>164301</v>
      </c>
      <c r="JN20" s="119">
        <v>180423</v>
      </c>
      <c r="JO20" s="119">
        <v>91286</v>
      </c>
      <c r="JP20" s="120">
        <v>912259</v>
      </c>
      <c r="JQ20" s="321">
        <v>912259</v>
      </c>
      <c r="JR20" s="142">
        <v>0</v>
      </c>
      <c r="JS20" s="119">
        <v>0</v>
      </c>
      <c r="JT20" s="141">
        <v>0</v>
      </c>
      <c r="JU20" s="118">
        <v>0</v>
      </c>
      <c r="JV20" s="119">
        <v>0</v>
      </c>
      <c r="JW20" s="119">
        <v>15965</v>
      </c>
      <c r="JX20" s="119">
        <v>0</v>
      </c>
      <c r="JY20" s="119">
        <v>0</v>
      </c>
      <c r="JZ20" s="119">
        <v>0</v>
      </c>
      <c r="KA20" s="120">
        <v>15965</v>
      </c>
      <c r="KB20" s="321">
        <v>15965</v>
      </c>
      <c r="KC20" s="234">
        <v>0</v>
      </c>
      <c r="KD20" s="230">
        <v>0</v>
      </c>
      <c r="KE20" s="120">
        <v>0</v>
      </c>
      <c r="KF20" s="118">
        <v>0</v>
      </c>
      <c r="KG20" s="119">
        <v>0</v>
      </c>
      <c r="KH20" s="119">
        <v>326063</v>
      </c>
      <c r="KI20" s="119">
        <v>0</v>
      </c>
      <c r="KJ20" s="119">
        <v>256324</v>
      </c>
      <c r="KK20" s="119">
        <v>266216</v>
      </c>
      <c r="KL20" s="120">
        <v>848603</v>
      </c>
      <c r="KM20" s="143">
        <v>848603</v>
      </c>
      <c r="KN20" s="232">
        <v>0</v>
      </c>
      <c r="KO20" s="236">
        <v>0</v>
      </c>
      <c r="KP20" s="237">
        <v>0</v>
      </c>
      <c r="KQ20" s="140"/>
      <c r="KR20" s="119">
        <v>462280</v>
      </c>
      <c r="KS20" s="119">
        <v>477791</v>
      </c>
      <c r="KT20" s="119">
        <v>0</v>
      </c>
      <c r="KU20" s="119">
        <v>78955</v>
      </c>
      <c r="KV20" s="119">
        <v>0</v>
      </c>
      <c r="KW20" s="120">
        <v>1019026</v>
      </c>
      <c r="KX20" s="321">
        <v>1019026</v>
      </c>
      <c r="KY20" s="142">
        <v>0</v>
      </c>
      <c r="KZ20" s="119">
        <v>0</v>
      </c>
      <c r="LA20" s="120">
        <v>0</v>
      </c>
      <c r="LB20" s="145">
        <v>0</v>
      </c>
      <c r="LC20" s="119">
        <v>0</v>
      </c>
      <c r="LD20" s="119">
        <v>0</v>
      </c>
      <c r="LE20" s="119">
        <v>0</v>
      </c>
      <c r="LF20" s="119">
        <v>0</v>
      </c>
      <c r="LG20" s="119">
        <v>0</v>
      </c>
      <c r="LH20" s="120">
        <v>0</v>
      </c>
      <c r="LI20" s="121">
        <v>0</v>
      </c>
      <c r="LJ20" s="142">
        <v>0</v>
      </c>
      <c r="LK20" s="119">
        <v>0</v>
      </c>
      <c r="LL20" s="120">
        <v>0</v>
      </c>
      <c r="LM20" s="145"/>
      <c r="LN20" s="119">
        <v>0</v>
      </c>
      <c r="LO20" s="119">
        <v>0</v>
      </c>
      <c r="LP20" s="119">
        <v>0</v>
      </c>
      <c r="LQ20" s="119">
        <v>526002</v>
      </c>
      <c r="LR20" s="119">
        <v>0</v>
      </c>
      <c r="LS20" s="120">
        <v>526002</v>
      </c>
      <c r="LT20" s="321">
        <v>526002</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240572</v>
      </c>
      <c r="MK20" s="119">
        <v>507656</v>
      </c>
      <c r="ML20" s="119">
        <v>1047677</v>
      </c>
      <c r="MM20" s="119">
        <v>1606027</v>
      </c>
      <c r="MN20" s="119">
        <v>593161</v>
      </c>
      <c r="MO20" s="120">
        <v>3995093</v>
      </c>
      <c r="MP20" s="143">
        <v>3995093</v>
      </c>
      <c r="MQ20" s="142">
        <v>0</v>
      </c>
      <c r="MR20" s="119">
        <v>0</v>
      </c>
      <c r="MS20" s="120">
        <v>0</v>
      </c>
      <c r="MT20" s="145"/>
      <c r="MU20" s="119">
        <v>0</v>
      </c>
      <c r="MV20" s="119">
        <v>0</v>
      </c>
      <c r="MW20" s="119">
        <v>728460</v>
      </c>
      <c r="MX20" s="119">
        <v>748516</v>
      </c>
      <c r="MY20" s="119">
        <v>0</v>
      </c>
      <c r="MZ20" s="120">
        <v>1476976</v>
      </c>
      <c r="NA20" s="143">
        <v>1476976</v>
      </c>
      <c r="NB20" s="142">
        <v>0</v>
      </c>
      <c r="NC20" s="119">
        <v>0</v>
      </c>
      <c r="ND20" s="120">
        <v>0</v>
      </c>
      <c r="NE20" s="145"/>
      <c r="NF20" s="119">
        <v>240572</v>
      </c>
      <c r="NG20" s="119">
        <v>507656</v>
      </c>
      <c r="NH20" s="119">
        <v>319217</v>
      </c>
      <c r="NI20" s="119">
        <v>857511</v>
      </c>
      <c r="NJ20" s="119">
        <v>593161</v>
      </c>
      <c r="NK20" s="120">
        <v>2518117</v>
      </c>
      <c r="NL20" s="321">
        <v>2518117</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189558</v>
      </c>
      <c r="OJ20" s="119">
        <v>248408</v>
      </c>
      <c r="OK20" s="141">
        <v>437966</v>
      </c>
      <c r="OL20" s="118">
        <v>0</v>
      </c>
      <c r="OM20" s="119">
        <v>2140355</v>
      </c>
      <c r="ON20" s="119">
        <v>3867530</v>
      </c>
      <c r="OO20" s="119">
        <v>4280171</v>
      </c>
      <c r="OP20" s="119">
        <v>3744756</v>
      </c>
      <c r="OQ20" s="119">
        <v>1840810</v>
      </c>
      <c r="OR20" s="120">
        <v>15873622</v>
      </c>
      <c r="OS20" s="143">
        <v>16311588</v>
      </c>
    </row>
    <row r="21" spans="2:409" ht="20.25" customHeight="1" x14ac:dyDescent="0.2">
      <c r="B21" s="126" t="s">
        <v>16</v>
      </c>
      <c r="C21" s="110">
        <v>335199</v>
      </c>
      <c r="D21" s="114">
        <v>667347</v>
      </c>
      <c r="E21" s="113">
        <v>1002546</v>
      </c>
      <c r="F21" s="109">
        <v>0</v>
      </c>
      <c r="G21" s="114">
        <v>4717941</v>
      </c>
      <c r="H21" s="114">
        <v>7919001</v>
      </c>
      <c r="I21" s="114">
        <v>5854724</v>
      </c>
      <c r="J21" s="114">
        <v>6305029</v>
      </c>
      <c r="K21" s="114">
        <v>2666951</v>
      </c>
      <c r="L21" s="109">
        <v>27463646</v>
      </c>
      <c r="M21" s="116">
        <v>28466192</v>
      </c>
      <c r="N21" s="110">
        <v>83834</v>
      </c>
      <c r="O21" s="114">
        <v>107740</v>
      </c>
      <c r="P21" s="113">
        <v>191574</v>
      </c>
      <c r="Q21" s="110">
        <v>0</v>
      </c>
      <c r="R21" s="114">
        <v>1200147</v>
      </c>
      <c r="S21" s="114">
        <v>1371304</v>
      </c>
      <c r="T21" s="114">
        <v>1039665</v>
      </c>
      <c r="U21" s="114">
        <v>1427490</v>
      </c>
      <c r="V21" s="114">
        <v>1366103</v>
      </c>
      <c r="W21" s="113">
        <v>6404709</v>
      </c>
      <c r="X21" s="116">
        <v>6596283</v>
      </c>
      <c r="Y21" s="110">
        <v>0</v>
      </c>
      <c r="Z21" s="114">
        <v>0</v>
      </c>
      <c r="AA21" s="113">
        <v>0</v>
      </c>
      <c r="AB21" s="110">
        <v>0</v>
      </c>
      <c r="AC21" s="114">
        <v>410251</v>
      </c>
      <c r="AD21" s="114">
        <v>270095</v>
      </c>
      <c r="AE21" s="114">
        <v>296143</v>
      </c>
      <c r="AF21" s="114">
        <v>651908</v>
      </c>
      <c r="AG21" s="114">
        <v>745145</v>
      </c>
      <c r="AH21" s="113">
        <v>2373542</v>
      </c>
      <c r="AI21" s="116">
        <v>2373542</v>
      </c>
      <c r="AJ21" s="110">
        <v>0</v>
      </c>
      <c r="AK21" s="114">
        <v>0</v>
      </c>
      <c r="AL21" s="113">
        <v>0</v>
      </c>
      <c r="AM21" s="110">
        <v>0</v>
      </c>
      <c r="AN21" s="114">
        <v>0</v>
      </c>
      <c r="AO21" s="114">
        <v>56351</v>
      </c>
      <c r="AP21" s="114">
        <v>0</v>
      </c>
      <c r="AQ21" s="114">
        <v>0</v>
      </c>
      <c r="AR21" s="114">
        <v>179128</v>
      </c>
      <c r="AS21" s="113">
        <v>235479</v>
      </c>
      <c r="AT21" s="116">
        <v>235479</v>
      </c>
      <c r="AU21" s="110">
        <v>48130</v>
      </c>
      <c r="AV21" s="114">
        <v>77972</v>
      </c>
      <c r="AW21" s="113">
        <v>126102</v>
      </c>
      <c r="AX21" s="110">
        <v>0</v>
      </c>
      <c r="AY21" s="114">
        <v>502313</v>
      </c>
      <c r="AZ21" s="114">
        <v>833643</v>
      </c>
      <c r="BA21" s="114">
        <v>386154</v>
      </c>
      <c r="BB21" s="114">
        <v>431918</v>
      </c>
      <c r="BC21" s="114">
        <v>298582</v>
      </c>
      <c r="BD21" s="113">
        <v>2452610</v>
      </c>
      <c r="BE21" s="116">
        <v>2578712</v>
      </c>
      <c r="BF21" s="110">
        <v>0</v>
      </c>
      <c r="BG21" s="114">
        <v>0</v>
      </c>
      <c r="BH21" s="112">
        <v>0</v>
      </c>
      <c r="BI21" s="111">
        <v>0</v>
      </c>
      <c r="BJ21" s="114">
        <v>36559</v>
      </c>
      <c r="BK21" s="114">
        <v>15519</v>
      </c>
      <c r="BL21" s="114">
        <v>31600</v>
      </c>
      <c r="BM21" s="114">
        <v>0</v>
      </c>
      <c r="BN21" s="114">
        <v>31600</v>
      </c>
      <c r="BO21" s="113">
        <v>115278</v>
      </c>
      <c r="BP21" s="116">
        <v>115278</v>
      </c>
      <c r="BQ21" s="110">
        <v>35704</v>
      </c>
      <c r="BR21" s="114">
        <v>29768</v>
      </c>
      <c r="BS21" s="113">
        <v>65472</v>
      </c>
      <c r="BT21" s="110">
        <v>0</v>
      </c>
      <c r="BU21" s="114">
        <v>251024</v>
      </c>
      <c r="BV21" s="114">
        <v>195696</v>
      </c>
      <c r="BW21" s="114">
        <v>325768</v>
      </c>
      <c r="BX21" s="114">
        <v>343664</v>
      </c>
      <c r="BY21" s="114">
        <v>111648</v>
      </c>
      <c r="BZ21" s="113">
        <v>1227800</v>
      </c>
      <c r="CA21" s="116">
        <v>1293272</v>
      </c>
      <c r="CB21" s="110">
        <v>81652</v>
      </c>
      <c r="CC21" s="114">
        <v>146370</v>
      </c>
      <c r="CD21" s="113">
        <v>228022</v>
      </c>
      <c r="CE21" s="110">
        <v>0</v>
      </c>
      <c r="CF21" s="114">
        <v>1671189</v>
      </c>
      <c r="CG21" s="114">
        <v>3175936</v>
      </c>
      <c r="CH21" s="114">
        <v>1066505</v>
      </c>
      <c r="CI21" s="114">
        <v>1632534</v>
      </c>
      <c r="CJ21" s="114">
        <v>94967</v>
      </c>
      <c r="CK21" s="113">
        <v>7641131</v>
      </c>
      <c r="CL21" s="116">
        <v>7869153</v>
      </c>
      <c r="CM21" s="110">
        <v>0</v>
      </c>
      <c r="CN21" s="114">
        <v>0</v>
      </c>
      <c r="CO21" s="113">
        <v>0</v>
      </c>
      <c r="CP21" s="111">
        <v>0</v>
      </c>
      <c r="CQ21" s="114">
        <v>818462</v>
      </c>
      <c r="CR21" s="114">
        <v>1202754</v>
      </c>
      <c r="CS21" s="114">
        <v>723535</v>
      </c>
      <c r="CT21" s="114">
        <v>1323356</v>
      </c>
      <c r="CU21" s="114">
        <v>94967</v>
      </c>
      <c r="CV21" s="113">
        <v>4163074</v>
      </c>
      <c r="CW21" s="116">
        <v>4163074</v>
      </c>
      <c r="CX21" s="110">
        <v>81652</v>
      </c>
      <c r="CY21" s="114">
        <v>146370</v>
      </c>
      <c r="CZ21" s="113">
        <v>228022</v>
      </c>
      <c r="DA21" s="110">
        <v>0</v>
      </c>
      <c r="DB21" s="114">
        <v>852727</v>
      </c>
      <c r="DC21" s="114">
        <v>1973182</v>
      </c>
      <c r="DD21" s="114">
        <v>342970</v>
      </c>
      <c r="DE21" s="114">
        <v>309178</v>
      </c>
      <c r="DF21" s="114">
        <v>0</v>
      </c>
      <c r="DG21" s="113">
        <v>3478057</v>
      </c>
      <c r="DH21" s="116">
        <v>3706079</v>
      </c>
      <c r="DI21" s="110">
        <v>0</v>
      </c>
      <c r="DJ21" s="114">
        <v>0</v>
      </c>
      <c r="DK21" s="112">
        <v>0</v>
      </c>
      <c r="DL21" s="111">
        <v>0</v>
      </c>
      <c r="DM21" s="114">
        <v>44194</v>
      </c>
      <c r="DN21" s="114">
        <v>835812</v>
      </c>
      <c r="DO21" s="114">
        <v>868619</v>
      </c>
      <c r="DP21" s="114">
        <v>152706</v>
      </c>
      <c r="DQ21" s="114">
        <v>29436</v>
      </c>
      <c r="DR21" s="113">
        <v>1930767</v>
      </c>
      <c r="DS21" s="116">
        <v>1930767</v>
      </c>
      <c r="DT21" s="110">
        <v>0</v>
      </c>
      <c r="DU21" s="114">
        <v>0</v>
      </c>
      <c r="DV21" s="113">
        <v>0</v>
      </c>
      <c r="DW21" s="110">
        <v>0</v>
      </c>
      <c r="DX21" s="114">
        <v>44194</v>
      </c>
      <c r="DY21" s="114">
        <v>642260</v>
      </c>
      <c r="DZ21" s="114">
        <v>868619</v>
      </c>
      <c r="EA21" s="114">
        <v>108012</v>
      </c>
      <c r="EB21" s="114">
        <v>29436</v>
      </c>
      <c r="EC21" s="113">
        <v>1692521</v>
      </c>
      <c r="ED21" s="116">
        <v>1692521</v>
      </c>
      <c r="EE21" s="110">
        <v>0</v>
      </c>
      <c r="EF21" s="112">
        <v>0</v>
      </c>
      <c r="EG21" s="113">
        <v>0</v>
      </c>
      <c r="EH21" s="110">
        <v>0</v>
      </c>
      <c r="EI21" s="114">
        <v>0</v>
      </c>
      <c r="EJ21" s="114">
        <v>193552</v>
      </c>
      <c r="EK21" s="114">
        <v>0</v>
      </c>
      <c r="EL21" s="114">
        <v>44694</v>
      </c>
      <c r="EM21" s="114">
        <v>0</v>
      </c>
      <c r="EN21" s="112">
        <v>238246</v>
      </c>
      <c r="EO21" s="116">
        <v>238246</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8"/>
      <c r="FE21" s="114">
        <v>0</v>
      </c>
      <c r="FF21" s="114">
        <v>0</v>
      </c>
      <c r="FG21" s="114">
        <v>0</v>
      </c>
      <c r="FH21" s="114">
        <v>0</v>
      </c>
      <c r="FI21" s="114">
        <v>0</v>
      </c>
      <c r="FJ21" s="113">
        <v>0</v>
      </c>
      <c r="FK21" s="116">
        <v>0</v>
      </c>
      <c r="FL21" s="110">
        <v>61656</v>
      </c>
      <c r="FM21" s="114">
        <v>102560</v>
      </c>
      <c r="FN21" s="113">
        <v>164216</v>
      </c>
      <c r="FO21" s="110">
        <v>0</v>
      </c>
      <c r="FP21" s="114">
        <v>222460</v>
      </c>
      <c r="FQ21" s="114">
        <v>790400</v>
      </c>
      <c r="FR21" s="114">
        <v>361968</v>
      </c>
      <c r="FS21" s="114">
        <v>542384</v>
      </c>
      <c r="FT21" s="114">
        <v>247120</v>
      </c>
      <c r="FU21" s="113">
        <v>2164332</v>
      </c>
      <c r="FV21" s="116">
        <v>2328548</v>
      </c>
      <c r="FW21" s="115">
        <v>61656</v>
      </c>
      <c r="FX21" s="114">
        <v>70000</v>
      </c>
      <c r="FY21" s="112">
        <v>131656</v>
      </c>
      <c r="FZ21" s="111">
        <v>0</v>
      </c>
      <c r="GA21" s="114">
        <v>105124</v>
      </c>
      <c r="GB21" s="114">
        <v>633760</v>
      </c>
      <c r="GC21" s="114">
        <v>361968</v>
      </c>
      <c r="GD21" s="114">
        <v>465016</v>
      </c>
      <c r="GE21" s="114">
        <v>247120</v>
      </c>
      <c r="GF21" s="113">
        <v>1812988</v>
      </c>
      <c r="GG21" s="319">
        <v>1944644</v>
      </c>
      <c r="GH21" s="115">
        <v>0</v>
      </c>
      <c r="GI21" s="114">
        <v>19360</v>
      </c>
      <c r="GJ21" s="112">
        <v>19360</v>
      </c>
      <c r="GK21" s="111">
        <v>0</v>
      </c>
      <c r="GL21" s="114">
        <v>0</v>
      </c>
      <c r="GM21" s="114">
        <v>0</v>
      </c>
      <c r="GN21" s="114">
        <v>0</v>
      </c>
      <c r="GO21" s="114">
        <v>0</v>
      </c>
      <c r="GP21" s="114">
        <v>0</v>
      </c>
      <c r="GQ21" s="113">
        <v>0</v>
      </c>
      <c r="GR21" s="116">
        <v>19360</v>
      </c>
      <c r="GS21" s="110">
        <v>0</v>
      </c>
      <c r="GT21" s="114">
        <v>13200</v>
      </c>
      <c r="GU21" s="113">
        <v>13200</v>
      </c>
      <c r="GV21" s="110">
        <v>0</v>
      </c>
      <c r="GW21" s="114">
        <v>117336</v>
      </c>
      <c r="GX21" s="114">
        <v>156640</v>
      </c>
      <c r="GY21" s="114">
        <v>0</v>
      </c>
      <c r="GZ21" s="114">
        <v>77368</v>
      </c>
      <c r="HA21" s="114">
        <v>0</v>
      </c>
      <c r="HB21" s="112">
        <v>351344</v>
      </c>
      <c r="HC21" s="116">
        <v>364544</v>
      </c>
      <c r="HD21" s="110">
        <v>108057</v>
      </c>
      <c r="HE21" s="114">
        <v>310677</v>
      </c>
      <c r="HF21" s="112">
        <v>418734</v>
      </c>
      <c r="HG21" s="111">
        <v>0</v>
      </c>
      <c r="HH21" s="114">
        <v>1579951</v>
      </c>
      <c r="HI21" s="114">
        <v>1745549</v>
      </c>
      <c r="HJ21" s="114">
        <v>2517967</v>
      </c>
      <c r="HK21" s="114">
        <v>2549915</v>
      </c>
      <c r="HL21" s="114">
        <v>929325</v>
      </c>
      <c r="HM21" s="113">
        <v>9322707</v>
      </c>
      <c r="HN21" s="109">
        <v>9741441</v>
      </c>
      <c r="HO21" s="329"/>
      <c r="HP21" s="330"/>
      <c r="HQ21" s="331"/>
      <c r="HR21" s="332"/>
      <c r="HS21" s="330"/>
      <c r="HT21" s="330"/>
      <c r="HU21" s="330"/>
      <c r="HV21" s="330"/>
      <c r="HW21" s="330"/>
      <c r="HX21" s="333"/>
      <c r="HY21" s="334"/>
      <c r="HZ21" s="131">
        <v>0</v>
      </c>
      <c r="IA21" s="132">
        <v>0</v>
      </c>
      <c r="IB21" s="133">
        <v>0</v>
      </c>
      <c r="IC21" s="146">
        <v>0</v>
      </c>
      <c r="ID21" s="132">
        <v>760619</v>
      </c>
      <c r="IE21" s="147">
        <v>1818198</v>
      </c>
      <c r="IF21" s="133">
        <v>2345031</v>
      </c>
      <c r="IG21" s="132">
        <v>831015</v>
      </c>
      <c r="IH21" s="133">
        <v>599594</v>
      </c>
      <c r="II21" s="148">
        <v>6354457</v>
      </c>
      <c r="IJ21" s="139">
        <v>6354457</v>
      </c>
      <c r="IK21" s="232">
        <v>0</v>
      </c>
      <c r="IL21" s="236">
        <v>0</v>
      </c>
      <c r="IM21" s="237">
        <v>0</v>
      </c>
      <c r="IN21" s="140"/>
      <c r="IO21" s="119">
        <v>0</v>
      </c>
      <c r="IP21" s="119">
        <v>0</v>
      </c>
      <c r="IQ21" s="119">
        <v>326285</v>
      </c>
      <c r="IR21" s="119">
        <v>190408</v>
      </c>
      <c r="IS21" s="119">
        <v>0</v>
      </c>
      <c r="IT21" s="141">
        <v>516693</v>
      </c>
      <c r="IU21" s="321">
        <v>516693</v>
      </c>
      <c r="IV21" s="142">
        <v>0</v>
      </c>
      <c r="IW21" s="119">
        <v>0</v>
      </c>
      <c r="IX21" s="120">
        <v>0</v>
      </c>
      <c r="IY21" s="144"/>
      <c r="IZ21" s="119">
        <v>0</v>
      </c>
      <c r="JA21" s="119">
        <v>7001</v>
      </c>
      <c r="JB21" s="119">
        <v>0</v>
      </c>
      <c r="JC21" s="119">
        <v>0</v>
      </c>
      <c r="JD21" s="119">
        <v>0</v>
      </c>
      <c r="JE21" s="120">
        <v>7001</v>
      </c>
      <c r="JF21" s="121">
        <v>7001</v>
      </c>
      <c r="JG21" s="142">
        <v>0</v>
      </c>
      <c r="JH21" s="119">
        <v>0</v>
      </c>
      <c r="JI21" s="141">
        <v>0</v>
      </c>
      <c r="JJ21" s="118">
        <v>0</v>
      </c>
      <c r="JK21" s="119">
        <v>226517</v>
      </c>
      <c r="JL21" s="119">
        <v>589490</v>
      </c>
      <c r="JM21" s="119">
        <v>207601</v>
      </c>
      <c r="JN21" s="119">
        <v>117170</v>
      </c>
      <c r="JO21" s="119">
        <v>0</v>
      </c>
      <c r="JP21" s="120">
        <v>1140778</v>
      </c>
      <c r="JQ21" s="321">
        <v>1140778</v>
      </c>
      <c r="JR21" s="142">
        <v>0</v>
      </c>
      <c r="JS21" s="119">
        <v>0</v>
      </c>
      <c r="JT21" s="141">
        <v>0</v>
      </c>
      <c r="JU21" s="118">
        <v>0</v>
      </c>
      <c r="JV21" s="119">
        <v>179220</v>
      </c>
      <c r="JW21" s="119">
        <v>0</v>
      </c>
      <c r="JX21" s="119">
        <v>103233</v>
      </c>
      <c r="JY21" s="119">
        <v>0</v>
      </c>
      <c r="JZ21" s="119">
        <v>0</v>
      </c>
      <c r="KA21" s="120">
        <v>282453</v>
      </c>
      <c r="KB21" s="321">
        <v>282453</v>
      </c>
      <c r="KC21" s="234">
        <v>0</v>
      </c>
      <c r="KD21" s="230">
        <v>0</v>
      </c>
      <c r="KE21" s="120">
        <v>0</v>
      </c>
      <c r="KF21" s="118">
        <v>0</v>
      </c>
      <c r="KG21" s="119">
        <v>0</v>
      </c>
      <c r="KH21" s="119">
        <v>327815</v>
      </c>
      <c r="KI21" s="119">
        <v>483666</v>
      </c>
      <c r="KJ21" s="119">
        <v>16660</v>
      </c>
      <c r="KK21" s="119">
        <v>0</v>
      </c>
      <c r="KL21" s="120">
        <v>828141</v>
      </c>
      <c r="KM21" s="143">
        <v>828141</v>
      </c>
      <c r="KN21" s="232">
        <v>0</v>
      </c>
      <c r="KO21" s="236">
        <v>0</v>
      </c>
      <c r="KP21" s="237">
        <v>0</v>
      </c>
      <c r="KQ21" s="140"/>
      <c r="KR21" s="119">
        <v>228832</v>
      </c>
      <c r="KS21" s="119">
        <v>725134</v>
      </c>
      <c r="KT21" s="119">
        <v>987855</v>
      </c>
      <c r="KU21" s="119">
        <v>506777</v>
      </c>
      <c r="KV21" s="119">
        <v>599594</v>
      </c>
      <c r="KW21" s="120">
        <v>3048192</v>
      </c>
      <c r="KX21" s="321">
        <v>3048192</v>
      </c>
      <c r="KY21" s="142">
        <v>0</v>
      </c>
      <c r="KZ21" s="119">
        <v>0</v>
      </c>
      <c r="LA21" s="120">
        <v>0</v>
      </c>
      <c r="LB21" s="145">
        <v>0</v>
      </c>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21">
        <v>0</v>
      </c>
      <c r="LU21" s="142">
        <v>0</v>
      </c>
      <c r="LV21" s="119">
        <v>0</v>
      </c>
      <c r="LW21" s="120">
        <v>0</v>
      </c>
      <c r="LX21" s="145"/>
      <c r="LY21" s="119">
        <v>126050</v>
      </c>
      <c r="LZ21" s="119">
        <v>168758</v>
      </c>
      <c r="MA21" s="119">
        <v>236391</v>
      </c>
      <c r="MB21" s="119">
        <v>0</v>
      </c>
      <c r="MC21" s="119">
        <v>0</v>
      </c>
      <c r="MD21" s="120">
        <v>531199</v>
      </c>
      <c r="ME21" s="121">
        <v>531199</v>
      </c>
      <c r="MF21" s="142">
        <v>0</v>
      </c>
      <c r="MG21" s="119">
        <v>0</v>
      </c>
      <c r="MH21" s="120">
        <v>0</v>
      </c>
      <c r="MI21" s="145"/>
      <c r="MJ21" s="119">
        <v>275383</v>
      </c>
      <c r="MK21" s="119">
        <v>957547</v>
      </c>
      <c r="ML21" s="119">
        <v>1942097</v>
      </c>
      <c r="MM21" s="119">
        <v>2823579</v>
      </c>
      <c r="MN21" s="119">
        <v>3276226</v>
      </c>
      <c r="MO21" s="120">
        <v>9274832</v>
      </c>
      <c r="MP21" s="143">
        <v>9274832</v>
      </c>
      <c r="MQ21" s="142">
        <v>0</v>
      </c>
      <c r="MR21" s="119">
        <v>0</v>
      </c>
      <c r="MS21" s="120">
        <v>0</v>
      </c>
      <c r="MT21" s="145"/>
      <c r="MU21" s="119">
        <v>0</v>
      </c>
      <c r="MV21" s="119">
        <v>208998</v>
      </c>
      <c r="MW21" s="119">
        <v>726759</v>
      </c>
      <c r="MX21" s="119">
        <v>2046083</v>
      </c>
      <c r="MY21" s="119">
        <v>2028054</v>
      </c>
      <c r="MZ21" s="120">
        <v>5009894</v>
      </c>
      <c r="NA21" s="143">
        <v>5009894</v>
      </c>
      <c r="NB21" s="142">
        <v>0</v>
      </c>
      <c r="NC21" s="119">
        <v>0</v>
      </c>
      <c r="ND21" s="120">
        <v>0</v>
      </c>
      <c r="NE21" s="145"/>
      <c r="NF21" s="119">
        <v>275383</v>
      </c>
      <c r="NG21" s="119">
        <v>748549</v>
      </c>
      <c r="NH21" s="119">
        <v>1215338</v>
      </c>
      <c r="NI21" s="119">
        <v>777496</v>
      </c>
      <c r="NJ21" s="119">
        <v>841628</v>
      </c>
      <c r="NK21" s="120">
        <v>3858394</v>
      </c>
      <c r="NL21" s="321">
        <v>3858394</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0</v>
      </c>
      <c r="OE21" s="119">
        <v>0</v>
      </c>
      <c r="OF21" s="119">
        <v>406544</v>
      </c>
      <c r="OG21" s="120">
        <v>406544</v>
      </c>
      <c r="OH21" s="121">
        <v>406544</v>
      </c>
      <c r="OI21" s="142">
        <v>335199</v>
      </c>
      <c r="OJ21" s="119">
        <v>667347</v>
      </c>
      <c r="OK21" s="141">
        <v>1002546</v>
      </c>
      <c r="OL21" s="118">
        <v>0</v>
      </c>
      <c r="OM21" s="119">
        <v>5753943</v>
      </c>
      <c r="ON21" s="119">
        <v>10694746</v>
      </c>
      <c r="OO21" s="119">
        <v>10141852</v>
      </c>
      <c r="OP21" s="119">
        <v>9959623</v>
      </c>
      <c r="OQ21" s="119">
        <v>6542771</v>
      </c>
      <c r="OR21" s="120">
        <v>43092935</v>
      </c>
      <c r="OS21" s="143">
        <v>44095481</v>
      </c>
    </row>
    <row r="22" spans="2:409" ht="20.25" customHeight="1" x14ac:dyDescent="0.2">
      <c r="B22" s="126" t="s">
        <v>17</v>
      </c>
      <c r="C22" s="110">
        <v>310140</v>
      </c>
      <c r="D22" s="114">
        <v>702514</v>
      </c>
      <c r="E22" s="113">
        <v>1012654</v>
      </c>
      <c r="F22" s="109">
        <v>0</v>
      </c>
      <c r="G22" s="114">
        <v>4374132</v>
      </c>
      <c r="H22" s="114">
        <v>6457590</v>
      </c>
      <c r="I22" s="114">
        <v>5168819</v>
      </c>
      <c r="J22" s="114">
        <v>3736017</v>
      </c>
      <c r="K22" s="114">
        <v>5433293</v>
      </c>
      <c r="L22" s="109">
        <v>25169851</v>
      </c>
      <c r="M22" s="116">
        <v>26182505</v>
      </c>
      <c r="N22" s="110">
        <v>73966</v>
      </c>
      <c r="O22" s="114">
        <v>132451</v>
      </c>
      <c r="P22" s="113">
        <v>206417</v>
      </c>
      <c r="Q22" s="110">
        <v>0</v>
      </c>
      <c r="R22" s="114">
        <v>905314</v>
      </c>
      <c r="S22" s="114">
        <v>1608131</v>
      </c>
      <c r="T22" s="114">
        <v>1307192</v>
      </c>
      <c r="U22" s="114">
        <v>1248251</v>
      </c>
      <c r="V22" s="114">
        <v>3496091</v>
      </c>
      <c r="W22" s="113">
        <v>8564979</v>
      </c>
      <c r="X22" s="116">
        <v>8771396</v>
      </c>
      <c r="Y22" s="110">
        <v>0</v>
      </c>
      <c r="Z22" s="114">
        <v>0</v>
      </c>
      <c r="AA22" s="113">
        <v>0</v>
      </c>
      <c r="AB22" s="110">
        <v>0</v>
      </c>
      <c r="AC22" s="114">
        <v>450401</v>
      </c>
      <c r="AD22" s="114">
        <v>865773</v>
      </c>
      <c r="AE22" s="114">
        <v>833432</v>
      </c>
      <c r="AF22" s="114">
        <v>756808</v>
      </c>
      <c r="AG22" s="114">
        <v>2475992</v>
      </c>
      <c r="AH22" s="113">
        <v>5382406</v>
      </c>
      <c r="AI22" s="116">
        <v>5382406</v>
      </c>
      <c r="AJ22" s="110">
        <v>0</v>
      </c>
      <c r="AK22" s="114">
        <v>0</v>
      </c>
      <c r="AL22" s="113">
        <v>0</v>
      </c>
      <c r="AM22" s="110">
        <v>0</v>
      </c>
      <c r="AN22" s="114">
        <v>0</v>
      </c>
      <c r="AO22" s="114">
        <v>60487</v>
      </c>
      <c r="AP22" s="114">
        <v>0</v>
      </c>
      <c r="AQ22" s="114">
        <v>34679</v>
      </c>
      <c r="AR22" s="114">
        <v>396836</v>
      </c>
      <c r="AS22" s="113">
        <v>492002</v>
      </c>
      <c r="AT22" s="116">
        <v>492002</v>
      </c>
      <c r="AU22" s="110">
        <v>0</v>
      </c>
      <c r="AV22" s="114">
        <v>102683</v>
      </c>
      <c r="AW22" s="113">
        <v>102683</v>
      </c>
      <c r="AX22" s="110">
        <v>0</v>
      </c>
      <c r="AY22" s="114">
        <v>313815</v>
      </c>
      <c r="AZ22" s="114">
        <v>378954</v>
      </c>
      <c r="BA22" s="114">
        <v>270576</v>
      </c>
      <c r="BB22" s="114">
        <v>180864</v>
      </c>
      <c r="BC22" s="114">
        <v>386324</v>
      </c>
      <c r="BD22" s="113">
        <v>1530533</v>
      </c>
      <c r="BE22" s="116">
        <v>1633216</v>
      </c>
      <c r="BF22" s="110">
        <v>43782</v>
      </c>
      <c r="BG22" s="114">
        <v>0</v>
      </c>
      <c r="BH22" s="112">
        <v>43782</v>
      </c>
      <c r="BI22" s="111">
        <v>0</v>
      </c>
      <c r="BJ22" s="114">
        <v>23170</v>
      </c>
      <c r="BK22" s="114">
        <v>109693</v>
      </c>
      <c r="BL22" s="114">
        <v>0</v>
      </c>
      <c r="BM22" s="114">
        <v>51636</v>
      </c>
      <c r="BN22" s="114">
        <v>11691</v>
      </c>
      <c r="BO22" s="113">
        <v>196190</v>
      </c>
      <c r="BP22" s="116">
        <v>239972</v>
      </c>
      <c r="BQ22" s="110">
        <v>30184</v>
      </c>
      <c r="BR22" s="114">
        <v>29768</v>
      </c>
      <c r="BS22" s="113">
        <v>59952</v>
      </c>
      <c r="BT22" s="110">
        <v>0</v>
      </c>
      <c r="BU22" s="114">
        <v>117928</v>
      </c>
      <c r="BV22" s="114">
        <v>193224</v>
      </c>
      <c r="BW22" s="114">
        <v>203184</v>
      </c>
      <c r="BX22" s="114">
        <v>224264</v>
      </c>
      <c r="BY22" s="114">
        <v>225248</v>
      </c>
      <c r="BZ22" s="113">
        <v>963848</v>
      </c>
      <c r="CA22" s="116">
        <v>1023800</v>
      </c>
      <c r="CB22" s="110">
        <v>44328</v>
      </c>
      <c r="CC22" s="114">
        <v>188389</v>
      </c>
      <c r="CD22" s="113">
        <v>232717</v>
      </c>
      <c r="CE22" s="110">
        <v>0</v>
      </c>
      <c r="CF22" s="114">
        <v>1753088</v>
      </c>
      <c r="CG22" s="114">
        <v>2480492</v>
      </c>
      <c r="CH22" s="114">
        <v>1012147</v>
      </c>
      <c r="CI22" s="114">
        <v>572270</v>
      </c>
      <c r="CJ22" s="114">
        <v>476159</v>
      </c>
      <c r="CK22" s="113">
        <v>6294156</v>
      </c>
      <c r="CL22" s="116">
        <v>6526873</v>
      </c>
      <c r="CM22" s="110">
        <v>0</v>
      </c>
      <c r="CN22" s="114">
        <v>0</v>
      </c>
      <c r="CO22" s="113">
        <v>0</v>
      </c>
      <c r="CP22" s="111">
        <v>0</v>
      </c>
      <c r="CQ22" s="114">
        <v>1511799</v>
      </c>
      <c r="CR22" s="114">
        <v>1467856</v>
      </c>
      <c r="CS22" s="114">
        <v>940146</v>
      </c>
      <c r="CT22" s="114">
        <v>420156</v>
      </c>
      <c r="CU22" s="114">
        <v>390002</v>
      </c>
      <c r="CV22" s="113">
        <v>4729959</v>
      </c>
      <c r="CW22" s="116">
        <v>4729959</v>
      </c>
      <c r="CX22" s="110">
        <v>44328</v>
      </c>
      <c r="CY22" s="114">
        <v>188389</v>
      </c>
      <c r="CZ22" s="113">
        <v>232717</v>
      </c>
      <c r="DA22" s="110">
        <v>0</v>
      </c>
      <c r="DB22" s="114">
        <v>241289</v>
      </c>
      <c r="DC22" s="114">
        <v>1012636</v>
      </c>
      <c r="DD22" s="114">
        <v>72001</v>
      </c>
      <c r="DE22" s="114">
        <v>152114</v>
      </c>
      <c r="DF22" s="114">
        <v>86157</v>
      </c>
      <c r="DG22" s="113">
        <v>1564197</v>
      </c>
      <c r="DH22" s="116">
        <v>1796914</v>
      </c>
      <c r="DI22" s="110">
        <v>0</v>
      </c>
      <c r="DJ22" s="114">
        <v>49428</v>
      </c>
      <c r="DK22" s="112">
        <v>49428</v>
      </c>
      <c r="DL22" s="111">
        <v>0</v>
      </c>
      <c r="DM22" s="114">
        <v>222449</v>
      </c>
      <c r="DN22" s="114">
        <v>358171</v>
      </c>
      <c r="DO22" s="114">
        <v>696393</v>
      </c>
      <c r="DP22" s="114">
        <v>410893</v>
      </c>
      <c r="DQ22" s="114">
        <v>345219</v>
      </c>
      <c r="DR22" s="113">
        <v>2033125</v>
      </c>
      <c r="DS22" s="116">
        <v>2082553</v>
      </c>
      <c r="DT22" s="110">
        <v>0</v>
      </c>
      <c r="DU22" s="114">
        <v>49428</v>
      </c>
      <c r="DV22" s="113">
        <v>49428</v>
      </c>
      <c r="DW22" s="110">
        <v>0</v>
      </c>
      <c r="DX22" s="114">
        <v>113112</v>
      </c>
      <c r="DY22" s="114">
        <v>126935</v>
      </c>
      <c r="DZ22" s="114">
        <v>696393</v>
      </c>
      <c r="EA22" s="114">
        <v>299542</v>
      </c>
      <c r="EB22" s="114">
        <v>345219</v>
      </c>
      <c r="EC22" s="113">
        <v>1581201</v>
      </c>
      <c r="ED22" s="116">
        <v>1630629</v>
      </c>
      <c r="EE22" s="110">
        <v>0</v>
      </c>
      <c r="EF22" s="112">
        <v>0</v>
      </c>
      <c r="EG22" s="113">
        <v>0</v>
      </c>
      <c r="EH22" s="110">
        <v>0</v>
      </c>
      <c r="EI22" s="114">
        <v>109337</v>
      </c>
      <c r="EJ22" s="114">
        <v>231236</v>
      </c>
      <c r="EK22" s="114">
        <v>0</v>
      </c>
      <c r="EL22" s="114">
        <v>111351</v>
      </c>
      <c r="EM22" s="114">
        <v>0</v>
      </c>
      <c r="EN22" s="112">
        <v>451924</v>
      </c>
      <c r="EO22" s="116">
        <v>451924</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8"/>
      <c r="FE22" s="114">
        <v>0</v>
      </c>
      <c r="FF22" s="114">
        <v>0</v>
      </c>
      <c r="FG22" s="114">
        <v>0</v>
      </c>
      <c r="FH22" s="114">
        <v>0</v>
      </c>
      <c r="FI22" s="114">
        <v>0</v>
      </c>
      <c r="FJ22" s="113">
        <v>0</v>
      </c>
      <c r="FK22" s="116">
        <v>0</v>
      </c>
      <c r="FL22" s="110">
        <v>46768</v>
      </c>
      <c r="FM22" s="114">
        <v>148176</v>
      </c>
      <c r="FN22" s="113">
        <v>194944</v>
      </c>
      <c r="FO22" s="110">
        <v>0</v>
      </c>
      <c r="FP22" s="114">
        <v>620696</v>
      </c>
      <c r="FQ22" s="114">
        <v>966864</v>
      </c>
      <c r="FR22" s="114">
        <v>583064</v>
      </c>
      <c r="FS22" s="114">
        <v>235264</v>
      </c>
      <c r="FT22" s="114">
        <v>445744</v>
      </c>
      <c r="FU22" s="113">
        <v>2851632</v>
      </c>
      <c r="FV22" s="116">
        <v>3046576</v>
      </c>
      <c r="FW22" s="115">
        <v>33968</v>
      </c>
      <c r="FX22" s="114">
        <v>148176</v>
      </c>
      <c r="FY22" s="112">
        <v>182144</v>
      </c>
      <c r="FZ22" s="111">
        <v>0</v>
      </c>
      <c r="GA22" s="114">
        <v>99400</v>
      </c>
      <c r="GB22" s="114">
        <v>819664</v>
      </c>
      <c r="GC22" s="114">
        <v>533480</v>
      </c>
      <c r="GD22" s="114">
        <v>235264</v>
      </c>
      <c r="GE22" s="114">
        <v>445744</v>
      </c>
      <c r="GF22" s="113">
        <v>2133552</v>
      </c>
      <c r="GG22" s="319">
        <v>2315696</v>
      </c>
      <c r="GH22" s="115">
        <v>12800</v>
      </c>
      <c r="GI22" s="114">
        <v>0</v>
      </c>
      <c r="GJ22" s="112">
        <v>12800</v>
      </c>
      <c r="GK22" s="111">
        <v>0</v>
      </c>
      <c r="GL22" s="114">
        <v>74176</v>
      </c>
      <c r="GM22" s="114">
        <v>0</v>
      </c>
      <c r="GN22" s="114">
        <v>12800</v>
      </c>
      <c r="GO22" s="114">
        <v>0</v>
      </c>
      <c r="GP22" s="114">
        <v>0</v>
      </c>
      <c r="GQ22" s="113">
        <v>86976</v>
      </c>
      <c r="GR22" s="116">
        <v>99776</v>
      </c>
      <c r="GS22" s="110">
        <v>0</v>
      </c>
      <c r="GT22" s="114">
        <v>0</v>
      </c>
      <c r="GU22" s="113">
        <v>0</v>
      </c>
      <c r="GV22" s="110">
        <v>0</v>
      </c>
      <c r="GW22" s="114">
        <v>447120</v>
      </c>
      <c r="GX22" s="114">
        <v>147200</v>
      </c>
      <c r="GY22" s="114">
        <v>36784</v>
      </c>
      <c r="GZ22" s="114">
        <v>0</v>
      </c>
      <c r="HA22" s="114">
        <v>0</v>
      </c>
      <c r="HB22" s="112">
        <v>631104</v>
      </c>
      <c r="HC22" s="116">
        <v>631104</v>
      </c>
      <c r="HD22" s="110">
        <v>145078</v>
      </c>
      <c r="HE22" s="114">
        <v>184070</v>
      </c>
      <c r="HF22" s="112">
        <v>329148</v>
      </c>
      <c r="HG22" s="111">
        <v>0</v>
      </c>
      <c r="HH22" s="114">
        <v>872585</v>
      </c>
      <c r="HI22" s="114">
        <v>1043932</v>
      </c>
      <c r="HJ22" s="114">
        <v>1570023</v>
      </c>
      <c r="HK22" s="114">
        <v>1269339</v>
      </c>
      <c r="HL22" s="114">
        <v>670080</v>
      </c>
      <c r="HM22" s="113">
        <v>5425959</v>
      </c>
      <c r="HN22" s="109">
        <v>5755107</v>
      </c>
      <c r="HO22" s="329"/>
      <c r="HP22" s="330"/>
      <c r="HQ22" s="331"/>
      <c r="HR22" s="332"/>
      <c r="HS22" s="330"/>
      <c r="HT22" s="330"/>
      <c r="HU22" s="330"/>
      <c r="HV22" s="330"/>
      <c r="HW22" s="330"/>
      <c r="HX22" s="333"/>
      <c r="HY22" s="334"/>
      <c r="HZ22" s="150">
        <v>0</v>
      </c>
      <c r="IA22" s="135">
        <v>0</v>
      </c>
      <c r="IB22" s="150">
        <v>0</v>
      </c>
      <c r="IC22" s="134">
        <v>0</v>
      </c>
      <c r="ID22" s="135">
        <v>892489</v>
      </c>
      <c r="IE22" s="136">
        <v>2655708</v>
      </c>
      <c r="IF22" s="137">
        <v>2747732</v>
      </c>
      <c r="IG22" s="135">
        <v>1295146</v>
      </c>
      <c r="IH22" s="137">
        <v>860816</v>
      </c>
      <c r="II22" s="138">
        <v>8451891</v>
      </c>
      <c r="IJ22" s="150">
        <v>8451891</v>
      </c>
      <c r="IK22" s="232">
        <v>0</v>
      </c>
      <c r="IL22" s="236">
        <v>0</v>
      </c>
      <c r="IM22" s="237">
        <v>0</v>
      </c>
      <c r="IN22" s="140"/>
      <c r="IO22" s="119">
        <v>0</v>
      </c>
      <c r="IP22" s="119">
        <v>97018</v>
      </c>
      <c r="IQ22" s="119">
        <v>0</v>
      </c>
      <c r="IR22" s="119">
        <v>0</v>
      </c>
      <c r="IS22" s="119">
        <v>0</v>
      </c>
      <c r="IT22" s="141">
        <v>97018</v>
      </c>
      <c r="IU22" s="321">
        <v>97018</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566467</v>
      </c>
      <c r="JL22" s="119">
        <v>646528</v>
      </c>
      <c r="JM22" s="119">
        <v>755280</v>
      </c>
      <c r="JN22" s="119">
        <v>278862</v>
      </c>
      <c r="JO22" s="119">
        <v>159910</v>
      </c>
      <c r="JP22" s="120">
        <v>2407047</v>
      </c>
      <c r="JQ22" s="321">
        <v>2407047</v>
      </c>
      <c r="JR22" s="142">
        <v>0</v>
      </c>
      <c r="JS22" s="119">
        <v>0</v>
      </c>
      <c r="JT22" s="141">
        <v>0</v>
      </c>
      <c r="JU22" s="118">
        <v>0</v>
      </c>
      <c r="JV22" s="119">
        <v>157868</v>
      </c>
      <c r="JW22" s="119">
        <v>0</v>
      </c>
      <c r="JX22" s="119">
        <v>51183</v>
      </c>
      <c r="JY22" s="119">
        <v>0</v>
      </c>
      <c r="JZ22" s="119">
        <v>218154</v>
      </c>
      <c r="KA22" s="120">
        <v>427205</v>
      </c>
      <c r="KB22" s="321">
        <v>427205</v>
      </c>
      <c r="KC22" s="234">
        <v>0</v>
      </c>
      <c r="KD22" s="230">
        <v>0</v>
      </c>
      <c r="KE22" s="120">
        <v>0</v>
      </c>
      <c r="KF22" s="118">
        <v>0</v>
      </c>
      <c r="KG22" s="119">
        <v>0</v>
      </c>
      <c r="KH22" s="119">
        <v>159772</v>
      </c>
      <c r="KI22" s="119">
        <v>411347</v>
      </c>
      <c r="KJ22" s="119">
        <v>493872</v>
      </c>
      <c r="KK22" s="119">
        <v>299230</v>
      </c>
      <c r="KL22" s="120">
        <v>1364221</v>
      </c>
      <c r="KM22" s="143">
        <v>1364221</v>
      </c>
      <c r="KN22" s="232">
        <v>0</v>
      </c>
      <c r="KO22" s="236">
        <v>0</v>
      </c>
      <c r="KP22" s="237">
        <v>0</v>
      </c>
      <c r="KQ22" s="140"/>
      <c r="KR22" s="119">
        <v>0</v>
      </c>
      <c r="KS22" s="119">
        <v>1752390</v>
      </c>
      <c r="KT22" s="119">
        <v>765438</v>
      </c>
      <c r="KU22" s="119">
        <v>259368</v>
      </c>
      <c r="KV22" s="119">
        <v>0</v>
      </c>
      <c r="KW22" s="120">
        <v>2777196</v>
      </c>
      <c r="KX22" s="321">
        <v>2777196</v>
      </c>
      <c r="KY22" s="142">
        <v>0</v>
      </c>
      <c r="KZ22" s="119">
        <v>0</v>
      </c>
      <c r="LA22" s="120">
        <v>0</v>
      </c>
      <c r="LB22" s="145">
        <v>0</v>
      </c>
      <c r="LC22" s="119">
        <v>0</v>
      </c>
      <c r="LD22" s="119">
        <v>0</v>
      </c>
      <c r="LE22" s="119">
        <v>0</v>
      </c>
      <c r="LF22" s="119">
        <v>0</v>
      </c>
      <c r="LG22" s="119">
        <v>0</v>
      </c>
      <c r="LH22" s="120">
        <v>0</v>
      </c>
      <c r="LI22" s="121">
        <v>0</v>
      </c>
      <c r="LJ22" s="142">
        <v>0</v>
      </c>
      <c r="LK22" s="119">
        <v>0</v>
      </c>
      <c r="LL22" s="120">
        <v>0</v>
      </c>
      <c r="LM22" s="145"/>
      <c r="LN22" s="119">
        <v>0</v>
      </c>
      <c r="LO22" s="119">
        <v>0</v>
      </c>
      <c r="LP22" s="119">
        <v>764484</v>
      </c>
      <c r="LQ22" s="119">
        <v>263044</v>
      </c>
      <c r="LR22" s="119">
        <v>0</v>
      </c>
      <c r="LS22" s="120">
        <v>1027528</v>
      </c>
      <c r="LT22" s="321">
        <v>1027528</v>
      </c>
      <c r="LU22" s="142">
        <v>0</v>
      </c>
      <c r="LV22" s="119">
        <v>0</v>
      </c>
      <c r="LW22" s="120">
        <v>0</v>
      </c>
      <c r="LX22" s="145"/>
      <c r="LY22" s="119">
        <v>168154</v>
      </c>
      <c r="LZ22" s="119">
        <v>0</v>
      </c>
      <c r="MA22" s="119">
        <v>0</v>
      </c>
      <c r="MB22" s="119">
        <v>0</v>
      </c>
      <c r="MC22" s="119">
        <v>183522</v>
      </c>
      <c r="MD22" s="120">
        <v>351676</v>
      </c>
      <c r="ME22" s="121">
        <v>351676</v>
      </c>
      <c r="MF22" s="142">
        <v>0</v>
      </c>
      <c r="MG22" s="119">
        <v>0</v>
      </c>
      <c r="MH22" s="120">
        <v>0</v>
      </c>
      <c r="MI22" s="145"/>
      <c r="MJ22" s="119">
        <v>1130635</v>
      </c>
      <c r="MK22" s="119">
        <v>1146062</v>
      </c>
      <c r="ML22" s="119">
        <v>4199041</v>
      </c>
      <c r="MM22" s="119">
        <v>5806864</v>
      </c>
      <c r="MN22" s="119">
        <v>3927975</v>
      </c>
      <c r="MO22" s="120">
        <v>16210577</v>
      </c>
      <c r="MP22" s="143">
        <v>16210577</v>
      </c>
      <c r="MQ22" s="142">
        <v>0</v>
      </c>
      <c r="MR22" s="119">
        <v>0</v>
      </c>
      <c r="MS22" s="120">
        <v>0</v>
      </c>
      <c r="MT22" s="145"/>
      <c r="MU22" s="119">
        <v>0</v>
      </c>
      <c r="MV22" s="119">
        <v>296636</v>
      </c>
      <c r="MW22" s="119">
        <v>2142058</v>
      </c>
      <c r="MX22" s="119">
        <v>3786532</v>
      </c>
      <c r="MY22" s="119">
        <v>1752460</v>
      </c>
      <c r="MZ22" s="120">
        <v>7977686</v>
      </c>
      <c r="NA22" s="143">
        <v>7977686</v>
      </c>
      <c r="NB22" s="142">
        <v>0</v>
      </c>
      <c r="NC22" s="119">
        <v>0</v>
      </c>
      <c r="ND22" s="120">
        <v>0</v>
      </c>
      <c r="NE22" s="145"/>
      <c r="NF22" s="119">
        <v>1130635</v>
      </c>
      <c r="NG22" s="119">
        <v>849426</v>
      </c>
      <c r="NH22" s="119">
        <v>2056983</v>
      </c>
      <c r="NI22" s="119">
        <v>2020332</v>
      </c>
      <c r="NJ22" s="119">
        <v>1824366</v>
      </c>
      <c r="NK22" s="120">
        <v>7881742</v>
      </c>
      <c r="NL22" s="321">
        <v>7881742</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0</v>
      </c>
      <c r="OE22" s="119">
        <v>0</v>
      </c>
      <c r="OF22" s="119">
        <v>351149</v>
      </c>
      <c r="OG22" s="120">
        <v>351149</v>
      </c>
      <c r="OH22" s="121">
        <v>351149</v>
      </c>
      <c r="OI22" s="142">
        <v>310140</v>
      </c>
      <c r="OJ22" s="119">
        <v>702514</v>
      </c>
      <c r="OK22" s="141">
        <v>1012654</v>
      </c>
      <c r="OL22" s="118">
        <v>0</v>
      </c>
      <c r="OM22" s="119">
        <v>6397256</v>
      </c>
      <c r="ON22" s="119">
        <v>10259360</v>
      </c>
      <c r="OO22" s="119">
        <v>12115592</v>
      </c>
      <c r="OP22" s="119">
        <v>10838027</v>
      </c>
      <c r="OQ22" s="119">
        <v>10222084</v>
      </c>
      <c r="OR22" s="120">
        <v>49832319</v>
      </c>
      <c r="OS22" s="143">
        <v>50844973</v>
      </c>
    </row>
    <row r="23" spans="2:409" ht="20.25" customHeight="1" x14ac:dyDescent="0.2">
      <c r="B23" s="126" t="s">
        <v>18</v>
      </c>
      <c r="C23" s="110">
        <v>216676</v>
      </c>
      <c r="D23" s="114">
        <v>822431</v>
      </c>
      <c r="E23" s="113">
        <v>1039107</v>
      </c>
      <c r="F23" s="109">
        <v>0</v>
      </c>
      <c r="G23" s="114">
        <v>6024849</v>
      </c>
      <c r="H23" s="114">
        <v>10703197</v>
      </c>
      <c r="I23" s="114">
        <v>8208745</v>
      </c>
      <c r="J23" s="114">
        <v>5546737</v>
      </c>
      <c r="K23" s="114">
        <v>3145040</v>
      </c>
      <c r="L23" s="109">
        <v>33628568</v>
      </c>
      <c r="M23" s="116">
        <v>34667675</v>
      </c>
      <c r="N23" s="110">
        <v>83758</v>
      </c>
      <c r="O23" s="114">
        <v>230920</v>
      </c>
      <c r="P23" s="113">
        <v>314678</v>
      </c>
      <c r="Q23" s="110">
        <v>0</v>
      </c>
      <c r="R23" s="114">
        <v>1611330</v>
      </c>
      <c r="S23" s="114">
        <v>3133393</v>
      </c>
      <c r="T23" s="114">
        <v>1829712</v>
      </c>
      <c r="U23" s="114">
        <v>2687103</v>
      </c>
      <c r="V23" s="114">
        <v>874097</v>
      </c>
      <c r="W23" s="113">
        <v>10135635</v>
      </c>
      <c r="X23" s="116">
        <v>10450313</v>
      </c>
      <c r="Y23" s="110">
        <v>0</v>
      </c>
      <c r="Z23" s="114">
        <v>0</v>
      </c>
      <c r="AA23" s="113">
        <v>0</v>
      </c>
      <c r="AB23" s="110">
        <v>0</v>
      </c>
      <c r="AC23" s="114">
        <v>544124</v>
      </c>
      <c r="AD23" s="114">
        <v>1608107</v>
      </c>
      <c r="AE23" s="114">
        <v>1000085</v>
      </c>
      <c r="AF23" s="114">
        <v>1544122</v>
      </c>
      <c r="AG23" s="114">
        <v>379562</v>
      </c>
      <c r="AH23" s="113">
        <v>5076000</v>
      </c>
      <c r="AI23" s="116">
        <v>5076000</v>
      </c>
      <c r="AJ23" s="110">
        <v>0</v>
      </c>
      <c r="AK23" s="114">
        <v>0</v>
      </c>
      <c r="AL23" s="113">
        <v>0</v>
      </c>
      <c r="AM23" s="110">
        <v>0</v>
      </c>
      <c r="AN23" s="114">
        <v>0</v>
      </c>
      <c r="AO23" s="114">
        <v>104157</v>
      </c>
      <c r="AP23" s="114">
        <v>70276</v>
      </c>
      <c r="AQ23" s="114">
        <v>128362</v>
      </c>
      <c r="AR23" s="114">
        <v>48184</v>
      </c>
      <c r="AS23" s="113">
        <v>350979</v>
      </c>
      <c r="AT23" s="116">
        <v>350979</v>
      </c>
      <c r="AU23" s="110">
        <v>78646</v>
      </c>
      <c r="AV23" s="114">
        <v>161088</v>
      </c>
      <c r="AW23" s="113">
        <v>239734</v>
      </c>
      <c r="AX23" s="110">
        <v>0</v>
      </c>
      <c r="AY23" s="114">
        <v>625175</v>
      </c>
      <c r="AZ23" s="114">
        <v>756872</v>
      </c>
      <c r="BA23" s="114">
        <v>411745</v>
      </c>
      <c r="BB23" s="114">
        <v>701703</v>
      </c>
      <c r="BC23" s="114">
        <v>126318</v>
      </c>
      <c r="BD23" s="113">
        <v>2621813</v>
      </c>
      <c r="BE23" s="116">
        <v>2861547</v>
      </c>
      <c r="BF23" s="110">
        <v>0</v>
      </c>
      <c r="BG23" s="114">
        <v>0</v>
      </c>
      <c r="BH23" s="112">
        <v>0</v>
      </c>
      <c r="BI23" s="111">
        <v>0</v>
      </c>
      <c r="BJ23" s="114">
        <v>148447</v>
      </c>
      <c r="BK23" s="114">
        <v>125105</v>
      </c>
      <c r="BL23" s="114">
        <v>0</v>
      </c>
      <c r="BM23" s="114">
        <v>25572</v>
      </c>
      <c r="BN23" s="114">
        <v>86121</v>
      </c>
      <c r="BO23" s="113">
        <v>385245</v>
      </c>
      <c r="BP23" s="116">
        <v>385245</v>
      </c>
      <c r="BQ23" s="110">
        <v>5112</v>
      </c>
      <c r="BR23" s="114">
        <v>69832</v>
      </c>
      <c r="BS23" s="113">
        <v>74944</v>
      </c>
      <c r="BT23" s="110">
        <v>0</v>
      </c>
      <c r="BU23" s="114">
        <v>293584</v>
      </c>
      <c r="BV23" s="114">
        <v>539152</v>
      </c>
      <c r="BW23" s="114">
        <v>347606</v>
      </c>
      <c r="BX23" s="114">
        <v>287344</v>
      </c>
      <c r="BY23" s="114">
        <v>233912</v>
      </c>
      <c r="BZ23" s="113">
        <v>1701598</v>
      </c>
      <c r="CA23" s="116">
        <v>1776542</v>
      </c>
      <c r="CB23" s="110">
        <v>42460</v>
      </c>
      <c r="CC23" s="114">
        <v>269375</v>
      </c>
      <c r="CD23" s="113">
        <v>311835</v>
      </c>
      <c r="CE23" s="110">
        <v>0</v>
      </c>
      <c r="CF23" s="114">
        <v>2175372</v>
      </c>
      <c r="CG23" s="114">
        <v>2925781</v>
      </c>
      <c r="CH23" s="114">
        <v>2912479</v>
      </c>
      <c r="CI23" s="114">
        <v>959228</v>
      </c>
      <c r="CJ23" s="114">
        <v>542223</v>
      </c>
      <c r="CK23" s="113">
        <v>9515083</v>
      </c>
      <c r="CL23" s="116">
        <v>9826918</v>
      </c>
      <c r="CM23" s="110">
        <v>0</v>
      </c>
      <c r="CN23" s="114">
        <v>0</v>
      </c>
      <c r="CO23" s="113">
        <v>0</v>
      </c>
      <c r="CP23" s="111">
        <v>0</v>
      </c>
      <c r="CQ23" s="114">
        <v>1751596</v>
      </c>
      <c r="CR23" s="114">
        <v>2215833</v>
      </c>
      <c r="CS23" s="114">
        <v>2228481</v>
      </c>
      <c r="CT23" s="114">
        <v>720623</v>
      </c>
      <c r="CU23" s="114">
        <v>134946</v>
      </c>
      <c r="CV23" s="113">
        <v>7051479</v>
      </c>
      <c r="CW23" s="116">
        <v>7051479</v>
      </c>
      <c r="CX23" s="110">
        <v>42460</v>
      </c>
      <c r="CY23" s="114">
        <v>269375</v>
      </c>
      <c r="CZ23" s="113">
        <v>311835</v>
      </c>
      <c r="DA23" s="110">
        <v>0</v>
      </c>
      <c r="DB23" s="114">
        <v>423776</v>
      </c>
      <c r="DC23" s="114">
        <v>709948</v>
      </c>
      <c r="DD23" s="114">
        <v>683998</v>
      </c>
      <c r="DE23" s="114">
        <v>238605</v>
      </c>
      <c r="DF23" s="114">
        <v>407277</v>
      </c>
      <c r="DG23" s="113">
        <v>2463604</v>
      </c>
      <c r="DH23" s="116">
        <v>2775439</v>
      </c>
      <c r="DI23" s="110">
        <v>0</v>
      </c>
      <c r="DJ23" s="114">
        <v>0</v>
      </c>
      <c r="DK23" s="112">
        <v>0</v>
      </c>
      <c r="DL23" s="111">
        <v>0</v>
      </c>
      <c r="DM23" s="114">
        <v>31784</v>
      </c>
      <c r="DN23" s="114">
        <v>1138890</v>
      </c>
      <c r="DO23" s="114">
        <v>1149760</v>
      </c>
      <c r="DP23" s="114">
        <v>195120</v>
      </c>
      <c r="DQ23" s="114">
        <v>164692</v>
      </c>
      <c r="DR23" s="113">
        <v>2680246</v>
      </c>
      <c r="DS23" s="116">
        <v>2680246</v>
      </c>
      <c r="DT23" s="110">
        <v>0</v>
      </c>
      <c r="DU23" s="114">
        <v>0</v>
      </c>
      <c r="DV23" s="113">
        <v>0</v>
      </c>
      <c r="DW23" s="110">
        <v>0</v>
      </c>
      <c r="DX23" s="114">
        <v>31784</v>
      </c>
      <c r="DY23" s="114">
        <v>1138890</v>
      </c>
      <c r="DZ23" s="114">
        <v>1149760</v>
      </c>
      <c r="EA23" s="114">
        <v>195120</v>
      </c>
      <c r="EB23" s="114">
        <v>129957</v>
      </c>
      <c r="EC23" s="113">
        <v>2645511</v>
      </c>
      <c r="ED23" s="116">
        <v>2645511</v>
      </c>
      <c r="EE23" s="110">
        <v>0</v>
      </c>
      <c r="EF23" s="112">
        <v>0</v>
      </c>
      <c r="EG23" s="113">
        <v>0</v>
      </c>
      <c r="EH23" s="110">
        <v>0</v>
      </c>
      <c r="EI23" s="114">
        <v>0</v>
      </c>
      <c r="EJ23" s="114">
        <v>0</v>
      </c>
      <c r="EK23" s="114">
        <v>0</v>
      </c>
      <c r="EL23" s="114">
        <v>0</v>
      </c>
      <c r="EM23" s="114">
        <v>34735</v>
      </c>
      <c r="EN23" s="112">
        <v>34735</v>
      </c>
      <c r="EO23" s="116">
        <v>34735</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8"/>
      <c r="FE23" s="114">
        <v>0</v>
      </c>
      <c r="FF23" s="114">
        <v>0</v>
      </c>
      <c r="FG23" s="114">
        <v>0</v>
      </c>
      <c r="FH23" s="114">
        <v>0</v>
      </c>
      <c r="FI23" s="114">
        <v>0</v>
      </c>
      <c r="FJ23" s="113">
        <v>0</v>
      </c>
      <c r="FK23" s="116">
        <v>0</v>
      </c>
      <c r="FL23" s="110">
        <v>36512</v>
      </c>
      <c r="FM23" s="114">
        <v>133920</v>
      </c>
      <c r="FN23" s="113">
        <v>170432</v>
      </c>
      <c r="FO23" s="110">
        <v>0</v>
      </c>
      <c r="FP23" s="114">
        <v>312440</v>
      </c>
      <c r="FQ23" s="114">
        <v>858004</v>
      </c>
      <c r="FR23" s="114">
        <v>715400</v>
      </c>
      <c r="FS23" s="114">
        <v>617336</v>
      </c>
      <c r="FT23" s="114">
        <v>131696</v>
      </c>
      <c r="FU23" s="113">
        <v>2634876</v>
      </c>
      <c r="FV23" s="116">
        <v>2805308</v>
      </c>
      <c r="FW23" s="115">
        <v>36512</v>
      </c>
      <c r="FX23" s="114">
        <v>122040</v>
      </c>
      <c r="FY23" s="112">
        <v>158552</v>
      </c>
      <c r="FZ23" s="111">
        <v>0</v>
      </c>
      <c r="GA23" s="114">
        <v>289120</v>
      </c>
      <c r="GB23" s="114">
        <v>754236</v>
      </c>
      <c r="GC23" s="114">
        <v>537800</v>
      </c>
      <c r="GD23" s="114">
        <v>594136</v>
      </c>
      <c r="GE23" s="114">
        <v>131696</v>
      </c>
      <c r="GF23" s="113">
        <v>2306988</v>
      </c>
      <c r="GG23" s="319">
        <v>2465540</v>
      </c>
      <c r="GH23" s="115">
        <v>0</v>
      </c>
      <c r="GI23" s="114">
        <v>11880</v>
      </c>
      <c r="GJ23" s="112">
        <v>11880</v>
      </c>
      <c r="GK23" s="111">
        <v>0</v>
      </c>
      <c r="GL23" s="114">
        <v>23320</v>
      </c>
      <c r="GM23" s="114">
        <v>32928</v>
      </c>
      <c r="GN23" s="114">
        <v>17600</v>
      </c>
      <c r="GO23" s="114">
        <v>0</v>
      </c>
      <c r="GP23" s="114">
        <v>0</v>
      </c>
      <c r="GQ23" s="113">
        <v>73848</v>
      </c>
      <c r="GR23" s="116">
        <v>85728</v>
      </c>
      <c r="GS23" s="110">
        <v>0</v>
      </c>
      <c r="GT23" s="114">
        <v>0</v>
      </c>
      <c r="GU23" s="113">
        <v>0</v>
      </c>
      <c r="GV23" s="110">
        <v>0</v>
      </c>
      <c r="GW23" s="114">
        <v>0</v>
      </c>
      <c r="GX23" s="114">
        <v>70840</v>
      </c>
      <c r="GY23" s="114">
        <v>160000</v>
      </c>
      <c r="GZ23" s="114">
        <v>23200</v>
      </c>
      <c r="HA23" s="114">
        <v>0</v>
      </c>
      <c r="HB23" s="112">
        <v>254040</v>
      </c>
      <c r="HC23" s="116">
        <v>254040</v>
      </c>
      <c r="HD23" s="110">
        <v>53946</v>
      </c>
      <c r="HE23" s="114">
        <v>188216</v>
      </c>
      <c r="HF23" s="112">
        <v>242162</v>
      </c>
      <c r="HG23" s="111">
        <v>0</v>
      </c>
      <c r="HH23" s="114">
        <v>1893923</v>
      </c>
      <c r="HI23" s="114">
        <v>2647129</v>
      </c>
      <c r="HJ23" s="114">
        <v>1601394</v>
      </c>
      <c r="HK23" s="114">
        <v>1087950</v>
      </c>
      <c r="HL23" s="114">
        <v>1432332</v>
      </c>
      <c r="HM23" s="113">
        <v>8662728</v>
      </c>
      <c r="HN23" s="109">
        <v>8904890</v>
      </c>
      <c r="HO23" s="329"/>
      <c r="HP23" s="330"/>
      <c r="HQ23" s="331"/>
      <c r="HR23" s="332"/>
      <c r="HS23" s="330"/>
      <c r="HT23" s="330"/>
      <c r="HU23" s="330"/>
      <c r="HV23" s="330"/>
      <c r="HW23" s="330"/>
      <c r="HX23" s="333"/>
      <c r="HY23" s="334"/>
      <c r="HZ23" s="131">
        <v>90020</v>
      </c>
      <c r="IA23" s="132">
        <v>0</v>
      </c>
      <c r="IB23" s="133">
        <v>90020</v>
      </c>
      <c r="IC23" s="146">
        <v>0</v>
      </c>
      <c r="ID23" s="132">
        <v>1751033</v>
      </c>
      <c r="IE23" s="147">
        <v>3285729</v>
      </c>
      <c r="IF23" s="133">
        <v>3029695</v>
      </c>
      <c r="IG23" s="132">
        <v>1936060</v>
      </c>
      <c r="IH23" s="133">
        <v>882828</v>
      </c>
      <c r="II23" s="148">
        <v>10885345</v>
      </c>
      <c r="IJ23" s="139">
        <v>10975365</v>
      </c>
      <c r="IK23" s="232">
        <v>0</v>
      </c>
      <c r="IL23" s="236">
        <v>0</v>
      </c>
      <c r="IM23" s="237">
        <v>0</v>
      </c>
      <c r="IN23" s="140"/>
      <c r="IO23" s="119">
        <v>0</v>
      </c>
      <c r="IP23" s="119">
        <v>0</v>
      </c>
      <c r="IQ23" s="119">
        <v>0</v>
      </c>
      <c r="IR23" s="119">
        <v>0</v>
      </c>
      <c r="IS23" s="119">
        <v>0</v>
      </c>
      <c r="IT23" s="141">
        <v>0</v>
      </c>
      <c r="IU23" s="321">
        <v>0</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838657</v>
      </c>
      <c r="JL23" s="119">
        <v>1054914</v>
      </c>
      <c r="JM23" s="119">
        <v>230357</v>
      </c>
      <c r="JN23" s="119">
        <v>46037</v>
      </c>
      <c r="JO23" s="119">
        <v>0</v>
      </c>
      <c r="JP23" s="120">
        <v>2169965</v>
      </c>
      <c r="JQ23" s="321">
        <v>2169965</v>
      </c>
      <c r="JR23" s="142">
        <v>0</v>
      </c>
      <c r="JS23" s="119">
        <v>0</v>
      </c>
      <c r="JT23" s="141">
        <v>0</v>
      </c>
      <c r="JU23" s="118">
        <v>0</v>
      </c>
      <c r="JV23" s="119">
        <v>165694</v>
      </c>
      <c r="JW23" s="119">
        <v>0</v>
      </c>
      <c r="JX23" s="119">
        <v>109145</v>
      </c>
      <c r="JY23" s="119">
        <v>0</v>
      </c>
      <c r="JZ23" s="119">
        <v>99473</v>
      </c>
      <c r="KA23" s="120">
        <v>374312</v>
      </c>
      <c r="KB23" s="321">
        <v>374312</v>
      </c>
      <c r="KC23" s="234">
        <v>90020</v>
      </c>
      <c r="KD23" s="230">
        <v>0</v>
      </c>
      <c r="KE23" s="120">
        <v>90020</v>
      </c>
      <c r="KF23" s="118">
        <v>0</v>
      </c>
      <c r="KG23" s="119">
        <v>746682</v>
      </c>
      <c r="KH23" s="119">
        <v>675949</v>
      </c>
      <c r="KI23" s="119">
        <v>936221</v>
      </c>
      <c r="KJ23" s="119">
        <v>254263</v>
      </c>
      <c r="KK23" s="119">
        <v>0</v>
      </c>
      <c r="KL23" s="120">
        <v>2613115</v>
      </c>
      <c r="KM23" s="143">
        <v>2703135</v>
      </c>
      <c r="KN23" s="232">
        <v>0</v>
      </c>
      <c r="KO23" s="236">
        <v>0</v>
      </c>
      <c r="KP23" s="237">
        <v>0</v>
      </c>
      <c r="KQ23" s="140"/>
      <c r="KR23" s="119">
        <v>0</v>
      </c>
      <c r="KS23" s="119">
        <v>1394541</v>
      </c>
      <c r="KT23" s="119">
        <v>1260959</v>
      </c>
      <c r="KU23" s="119">
        <v>751654</v>
      </c>
      <c r="KV23" s="119">
        <v>783355</v>
      </c>
      <c r="KW23" s="120">
        <v>4190509</v>
      </c>
      <c r="KX23" s="321">
        <v>4190509</v>
      </c>
      <c r="KY23" s="142">
        <v>0</v>
      </c>
      <c r="KZ23" s="119">
        <v>0</v>
      </c>
      <c r="LA23" s="120">
        <v>0</v>
      </c>
      <c r="LB23" s="145">
        <v>0</v>
      </c>
      <c r="LC23" s="119">
        <v>0</v>
      </c>
      <c r="LD23" s="119">
        <v>0</v>
      </c>
      <c r="LE23" s="119">
        <v>0</v>
      </c>
      <c r="LF23" s="119">
        <v>0</v>
      </c>
      <c r="LG23" s="119">
        <v>0</v>
      </c>
      <c r="LH23" s="120">
        <v>0</v>
      </c>
      <c r="LI23" s="121">
        <v>0</v>
      </c>
      <c r="LJ23" s="142">
        <v>0</v>
      </c>
      <c r="LK23" s="119">
        <v>0</v>
      </c>
      <c r="LL23" s="120">
        <v>0</v>
      </c>
      <c r="LM23" s="145"/>
      <c r="LN23" s="119">
        <v>0</v>
      </c>
      <c r="LO23" s="119">
        <v>0</v>
      </c>
      <c r="LP23" s="119">
        <v>0</v>
      </c>
      <c r="LQ23" s="119">
        <v>0</v>
      </c>
      <c r="LR23" s="119">
        <v>0</v>
      </c>
      <c r="LS23" s="120">
        <v>0</v>
      </c>
      <c r="LT23" s="321">
        <v>0</v>
      </c>
      <c r="LU23" s="142">
        <v>0</v>
      </c>
      <c r="LV23" s="119">
        <v>0</v>
      </c>
      <c r="LW23" s="120">
        <v>0</v>
      </c>
      <c r="LX23" s="145"/>
      <c r="LY23" s="119">
        <v>0</v>
      </c>
      <c r="LZ23" s="119">
        <v>160325</v>
      </c>
      <c r="MA23" s="119">
        <v>493013</v>
      </c>
      <c r="MB23" s="119">
        <v>884106</v>
      </c>
      <c r="MC23" s="119">
        <v>0</v>
      </c>
      <c r="MD23" s="120">
        <v>1537444</v>
      </c>
      <c r="ME23" s="121">
        <v>1537444</v>
      </c>
      <c r="MF23" s="142">
        <v>0</v>
      </c>
      <c r="MG23" s="119">
        <v>0</v>
      </c>
      <c r="MH23" s="120">
        <v>0</v>
      </c>
      <c r="MI23" s="145"/>
      <c r="MJ23" s="119">
        <v>630408</v>
      </c>
      <c r="MK23" s="119">
        <v>470034</v>
      </c>
      <c r="ML23" s="119">
        <v>2586814</v>
      </c>
      <c r="MM23" s="119">
        <v>7957623</v>
      </c>
      <c r="MN23" s="119">
        <v>3618554</v>
      </c>
      <c r="MO23" s="120">
        <v>15263433</v>
      </c>
      <c r="MP23" s="143">
        <v>15263433</v>
      </c>
      <c r="MQ23" s="142">
        <v>0</v>
      </c>
      <c r="MR23" s="119">
        <v>0</v>
      </c>
      <c r="MS23" s="120">
        <v>0</v>
      </c>
      <c r="MT23" s="145"/>
      <c r="MU23" s="119">
        <v>0</v>
      </c>
      <c r="MV23" s="119">
        <v>0</v>
      </c>
      <c r="MW23" s="119">
        <v>2024093</v>
      </c>
      <c r="MX23" s="119">
        <v>5336314</v>
      </c>
      <c r="MY23" s="119">
        <v>1935292</v>
      </c>
      <c r="MZ23" s="120">
        <v>9295699</v>
      </c>
      <c r="NA23" s="143">
        <v>9295699</v>
      </c>
      <c r="NB23" s="142">
        <v>0</v>
      </c>
      <c r="NC23" s="119">
        <v>0</v>
      </c>
      <c r="ND23" s="120">
        <v>0</v>
      </c>
      <c r="NE23" s="145"/>
      <c r="NF23" s="119">
        <v>630408</v>
      </c>
      <c r="NG23" s="119">
        <v>470034</v>
      </c>
      <c r="NH23" s="119">
        <v>562721</v>
      </c>
      <c r="NI23" s="119">
        <v>2166454</v>
      </c>
      <c r="NJ23" s="119">
        <v>1301090</v>
      </c>
      <c r="NK23" s="120">
        <v>5130707</v>
      </c>
      <c r="NL23" s="321">
        <v>5130707</v>
      </c>
      <c r="NM23" s="142">
        <v>0</v>
      </c>
      <c r="NN23" s="119">
        <v>0</v>
      </c>
      <c r="NO23" s="120">
        <v>0</v>
      </c>
      <c r="NP23" s="145"/>
      <c r="NQ23" s="119">
        <v>0</v>
      </c>
      <c r="NR23" s="119">
        <v>0</v>
      </c>
      <c r="NS23" s="119">
        <v>0</v>
      </c>
      <c r="NT23" s="119">
        <v>9353</v>
      </c>
      <c r="NU23" s="119">
        <v>0</v>
      </c>
      <c r="NV23" s="120">
        <v>9353</v>
      </c>
      <c r="NW23" s="121">
        <v>9353</v>
      </c>
      <c r="NX23" s="142">
        <v>0</v>
      </c>
      <c r="NY23" s="119">
        <v>0</v>
      </c>
      <c r="NZ23" s="120">
        <v>0</v>
      </c>
      <c r="OA23" s="145"/>
      <c r="OB23" s="119">
        <v>0</v>
      </c>
      <c r="OC23" s="119">
        <v>0</v>
      </c>
      <c r="OD23" s="119">
        <v>0</v>
      </c>
      <c r="OE23" s="119">
        <v>445502</v>
      </c>
      <c r="OF23" s="119">
        <v>382172</v>
      </c>
      <c r="OG23" s="120">
        <v>827674</v>
      </c>
      <c r="OH23" s="121">
        <v>827674</v>
      </c>
      <c r="OI23" s="142">
        <v>306696</v>
      </c>
      <c r="OJ23" s="119">
        <v>822431</v>
      </c>
      <c r="OK23" s="141">
        <v>1129127</v>
      </c>
      <c r="OL23" s="118">
        <v>0</v>
      </c>
      <c r="OM23" s="119">
        <v>8406290</v>
      </c>
      <c r="ON23" s="119">
        <v>14458960</v>
      </c>
      <c r="OO23" s="119">
        <v>13825254</v>
      </c>
      <c r="OP23" s="119">
        <v>15440420</v>
      </c>
      <c r="OQ23" s="119">
        <v>7646422</v>
      </c>
      <c r="OR23" s="120">
        <v>59777346</v>
      </c>
      <c r="OS23" s="143">
        <v>60906473</v>
      </c>
    </row>
    <row r="24" spans="2:409" ht="20.25" customHeight="1" x14ac:dyDescent="0.2">
      <c r="B24" s="126" t="s">
        <v>19</v>
      </c>
      <c r="C24" s="110">
        <v>128918</v>
      </c>
      <c r="D24" s="114">
        <v>353109</v>
      </c>
      <c r="E24" s="113">
        <v>482027</v>
      </c>
      <c r="F24" s="109">
        <v>0</v>
      </c>
      <c r="G24" s="114">
        <v>4108089</v>
      </c>
      <c r="H24" s="114">
        <v>3420492</v>
      </c>
      <c r="I24" s="114">
        <v>2462065</v>
      </c>
      <c r="J24" s="114">
        <v>3113370</v>
      </c>
      <c r="K24" s="114">
        <v>1309601</v>
      </c>
      <c r="L24" s="109">
        <v>14413617</v>
      </c>
      <c r="M24" s="116">
        <v>14895644</v>
      </c>
      <c r="N24" s="110">
        <v>74716</v>
      </c>
      <c r="O24" s="114">
        <v>36410</v>
      </c>
      <c r="P24" s="113">
        <v>111126</v>
      </c>
      <c r="Q24" s="110">
        <v>0</v>
      </c>
      <c r="R24" s="114">
        <v>1251127</v>
      </c>
      <c r="S24" s="114">
        <v>730095</v>
      </c>
      <c r="T24" s="114">
        <v>831994</v>
      </c>
      <c r="U24" s="114">
        <v>1262549</v>
      </c>
      <c r="V24" s="114">
        <v>1111145</v>
      </c>
      <c r="W24" s="113">
        <v>5186910</v>
      </c>
      <c r="X24" s="116">
        <v>5298036</v>
      </c>
      <c r="Y24" s="110">
        <v>0</v>
      </c>
      <c r="Z24" s="114">
        <v>0</v>
      </c>
      <c r="AA24" s="113">
        <v>0</v>
      </c>
      <c r="AB24" s="110">
        <v>0</v>
      </c>
      <c r="AC24" s="114">
        <v>578744</v>
      </c>
      <c r="AD24" s="114">
        <v>178631</v>
      </c>
      <c r="AE24" s="114">
        <v>256276</v>
      </c>
      <c r="AF24" s="114">
        <v>683046</v>
      </c>
      <c r="AG24" s="114">
        <v>627127</v>
      </c>
      <c r="AH24" s="113">
        <v>2323824</v>
      </c>
      <c r="AI24" s="116">
        <v>2323824</v>
      </c>
      <c r="AJ24" s="110">
        <v>0</v>
      </c>
      <c r="AK24" s="114">
        <v>0</v>
      </c>
      <c r="AL24" s="113">
        <v>0</v>
      </c>
      <c r="AM24" s="110">
        <v>0</v>
      </c>
      <c r="AN24" s="114">
        <v>0</v>
      </c>
      <c r="AO24" s="114">
        <v>11559</v>
      </c>
      <c r="AP24" s="114">
        <v>105150</v>
      </c>
      <c r="AQ24" s="114">
        <v>139381</v>
      </c>
      <c r="AR24" s="114">
        <v>128510</v>
      </c>
      <c r="AS24" s="113">
        <v>384600</v>
      </c>
      <c r="AT24" s="116">
        <v>384600</v>
      </c>
      <c r="AU24" s="110">
        <v>15612</v>
      </c>
      <c r="AV24" s="114">
        <v>22666</v>
      </c>
      <c r="AW24" s="113">
        <v>38278</v>
      </c>
      <c r="AX24" s="110">
        <v>0</v>
      </c>
      <c r="AY24" s="114">
        <v>353737</v>
      </c>
      <c r="AZ24" s="114">
        <v>293254</v>
      </c>
      <c r="BA24" s="114">
        <v>382800</v>
      </c>
      <c r="BB24" s="114">
        <v>159915</v>
      </c>
      <c r="BC24" s="114">
        <v>250836</v>
      </c>
      <c r="BD24" s="113">
        <v>1440542</v>
      </c>
      <c r="BE24" s="116">
        <v>1478820</v>
      </c>
      <c r="BF24" s="110">
        <v>0</v>
      </c>
      <c r="BG24" s="114">
        <v>0</v>
      </c>
      <c r="BH24" s="112">
        <v>0</v>
      </c>
      <c r="BI24" s="111">
        <v>0</v>
      </c>
      <c r="BJ24" s="114">
        <v>41094</v>
      </c>
      <c r="BK24" s="114">
        <v>33219</v>
      </c>
      <c r="BL24" s="114">
        <v>0</v>
      </c>
      <c r="BM24" s="114">
        <v>26303</v>
      </c>
      <c r="BN24" s="114">
        <v>0</v>
      </c>
      <c r="BO24" s="113">
        <v>100616</v>
      </c>
      <c r="BP24" s="116">
        <v>100616</v>
      </c>
      <c r="BQ24" s="110">
        <v>59104</v>
      </c>
      <c r="BR24" s="114">
        <v>13744</v>
      </c>
      <c r="BS24" s="113">
        <v>72848</v>
      </c>
      <c r="BT24" s="110">
        <v>0</v>
      </c>
      <c r="BU24" s="114">
        <v>277552</v>
      </c>
      <c r="BV24" s="114">
        <v>213432</v>
      </c>
      <c r="BW24" s="114">
        <v>87768</v>
      </c>
      <c r="BX24" s="114">
        <v>253904</v>
      </c>
      <c r="BY24" s="114">
        <v>104672</v>
      </c>
      <c r="BZ24" s="113">
        <v>937328</v>
      </c>
      <c r="CA24" s="116">
        <v>1010176</v>
      </c>
      <c r="CB24" s="110">
        <v>20762</v>
      </c>
      <c r="CC24" s="114">
        <v>78286</v>
      </c>
      <c r="CD24" s="113">
        <v>99048</v>
      </c>
      <c r="CE24" s="110">
        <v>0</v>
      </c>
      <c r="CF24" s="114">
        <v>1229231</v>
      </c>
      <c r="CG24" s="114">
        <v>1365766</v>
      </c>
      <c r="CH24" s="114">
        <v>582972</v>
      </c>
      <c r="CI24" s="114">
        <v>450411</v>
      </c>
      <c r="CJ24" s="114">
        <v>0</v>
      </c>
      <c r="CK24" s="113">
        <v>3628380</v>
      </c>
      <c r="CL24" s="116">
        <v>3727428</v>
      </c>
      <c r="CM24" s="110">
        <v>0</v>
      </c>
      <c r="CN24" s="114">
        <v>0</v>
      </c>
      <c r="CO24" s="113">
        <v>0</v>
      </c>
      <c r="CP24" s="111">
        <v>0</v>
      </c>
      <c r="CQ24" s="114">
        <v>868758</v>
      </c>
      <c r="CR24" s="114">
        <v>1021978</v>
      </c>
      <c r="CS24" s="114">
        <v>370419</v>
      </c>
      <c r="CT24" s="114">
        <v>343118</v>
      </c>
      <c r="CU24" s="114">
        <v>0</v>
      </c>
      <c r="CV24" s="113">
        <v>2604273</v>
      </c>
      <c r="CW24" s="116">
        <v>2604273</v>
      </c>
      <c r="CX24" s="110">
        <v>20762</v>
      </c>
      <c r="CY24" s="114">
        <v>78286</v>
      </c>
      <c r="CZ24" s="113">
        <v>99048</v>
      </c>
      <c r="DA24" s="110">
        <v>0</v>
      </c>
      <c r="DB24" s="114">
        <v>360473</v>
      </c>
      <c r="DC24" s="114">
        <v>343788</v>
      </c>
      <c r="DD24" s="114">
        <v>212553</v>
      </c>
      <c r="DE24" s="114">
        <v>107293</v>
      </c>
      <c r="DF24" s="114">
        <v>0</v>
      </c>
      <c r="DG24" s="113">
        <v>1024107</v>
      </c>
      <c r="DH24" s="116">
        <v>1123155</v>
      </c>
      <c r="DI24" s="110">
        <v>0</v>
      </c>
      <c r="DJ24" s="114">
        <v>0</v>
      </c>
      <c r="DK24" s="112">
        <v>0</v>
      </c>
      <c r="DL24" s="111">
        <v>0</v>
      </c>
      <c r="DM24" s="114">
        <v>21816</v>
      </c>
      <c r="DN24" s="114">
        <v>63761</v>
      </c>
      <c r="DO24" s="114">
        <v>423193</v>
      </c>
      <c r="DP24" s="114">
        <v>123317</v>
      </c>
      <c r="DQ24" s="114">
        <v>0</v>
      </c>
      <c r="DR24" s="113">
        <v>632087</v>
      </c>
      <c r="DS24" s="116">
        <v>632087</v>
      </c>
      <c r="DT24" s="110">
        <v>0</v>
      </c>
      <c r="DU24" s="114">
        <v>0</v>
      </c>
      <c r="DV24" s="113">
        <v>0</v>
      </c>
      <c r="DW24" s="110">
        <v>0</v>
      </c>
      <c r="DX24" s="114">
        <v>21816</v>
      </c>
      <c r="DY24" s="114">
        <v>63761</v>
      </c>
      <c r="DZ24" s="114">
        <v>289385</v>
      </c>
      <c r="EA24" s="114">
        <v>0</v>
      </c>
      <c r="EB24" s="114">
        <v>0</v>
      </c>
      <c r="EC24" s="113">
        <v>374962</v>
      </c>
      <c r="ED24" s="116">
        <v>374962</v>
      </c>
      <c r="EE24" s="110">
        <v>0</v>
      </c>
      <c r="EF24" s="112">
        <v>0</v>
      </c>
      <c r="EG24" s="113">
        <v>0</v>
      </c>
      <c r="EH24" s="110">
        <v>0</v>
      </c>
      <c r="EI24" s="114">
        <v>0</v>
      </c>
      <c r="EJ24" s="114">
        <v>0</v>
      </c>
      <c r="EK24" s="114">
        <v>133808</v>
      </c>
      <c r="EL24" s="114">
        <v>123317</v>
      </c>
      <c r="EM24" s="114">
        <v>0</v>
      </c>
      <c r="EN24" s="112">
        <v>257125</v>
      </c>
      <c r="EO24" s="116">
        <v>257125</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8"/>
      <c r="FE24" s="114">
        <v>0</v>
      </c>
      <c r="FF24" s="114">
        <v>0</v>
      </c>
      <c r="FG24" s="114">
        <v>0</v>
      </c>
      <c r="FH24" s="114">
        <v>0</v>
      </c>
      <c r="FI24" s="114">
        <v>0</v>
      </c>
      <c r="FJ24" s="113">
        <v>0</v>
      </c>
      <c r="FK24" s="116">
        <v>0</v>
      </c>
      <c r="FL24" s="110">
        <v>33440</v>
      </c>
      <c r="FM24" s="114">
        <v>53800</v>
      </c>
      <c r="FN24" s="113">
        <v>87240</v>
      </c>
      <c r="FO24" s="110">
        <v>0</v>
      </c>
      <c r="FP24" s="114">
        <v>347888</v>
      </c>
      <c r="FQ24" s="114">
        <v>361416</v>
      </c>
      <c r="FR24" s="114">
        <v>228848</v>
      </c>
      <c r="FS24" s="114">
        <v>193080</v>
      </c>
      <c r="FT24" s="114">
        <v>198456</v>
      </c>
      <c r="FU24" s="113">
        <v>1329688</v>
      </c>
      <c r="FV24" s="116">
        <v>1416928</v>
      </c>
      <c r="FW24" s="115">
        <v>33440</v>
      </c>
      <c r="FX24" s="114">
        <v>32440</v>
      </c>
      <c r="FY24" s="112">
        <v>65880</v>
      </c>
      <c r="FZ24" s="111">
        <v>0</v>
      </c>
      <c r="GA24" s="114">
        <v>242288</v>
      </c>
      <c r="GB24" s="114">
        <v>290136</v>
      </c>
      <c r="GC24" s="114">
        <v>210192</v>
      </c>
      <c r="GD24" s="114">
        <v>193080</v>
      </c>
      <c r="GE24" s="114">
        <v>198456</v>
      </c>
      <c r="GF24" s="113">
        <v>1134152</v>
      </c>
      <c r="GG24" s="319">
        <v>1200032</v>
      </c>
      <c r="GH24" s="115">
        <v>0</v>
      </c>
      <c r="GI24" s="114">
        <v>21360</v>
      </c>
      <c r="GJ24" s="112">
        <v>21360</v>
      </c>
      <c r="GK24" s="111">
        <v>0</v>
      </c>
      <c r="GL24" s="114">
        <v>0</v>
      </c>
      <c r="GM24" s="114">
        <v>71280</v>
      </c>
      <c r="GN24" s="114">
        <v>18656</v>
      </c>
      <c r="GO24" s="114">
        <v>0</v>
      </c>
      <c r="GP24" s="114">
        <v>0</v>
      </c>
      <c r="GQ24" s="113">
        <v>89936</v>
      </c>
      <c r="GR24" s="116">
        <v>111296</v>
      </c>
      <c r="GS24" s="110">
        <v>0</v>
      </c>
      <c r="GT24" s="114">
        <v>0</v>
      </c>
      <c r="GU24" s="113">
        <v>0</v>
      </c>
      <c r="GV24" s="110">
        <v>0</v>
      </c>
      <c r="GW24" s="114">
        <v>105600</v>
      </c>
      <c r="GX24" s="114">
        <v>0</v>
      </c>
      <c r="GY24" s="114">
        <v>0</v>
      </c>
      <c r="GZ24" s="114">
        <v>0</v>
      </c>
      <c r="HA24" s="114">
        <v>0</v>
      </c>
      <c r="HB24" s="112">
        <v>105600</v>
      </c>
      <c r="HC24" s="116">
        <v>105600</v>
      </c>
      <c r="HD24" s="110">
        <v>0</v>
      </c>
      <c r="HE24" s="114">
        <v>184613</v>
      </c>
      <c r="HF24" s="112">
        <v>184613</v>
      </c>
      <c r="HG24" s="111">
        <v>0</v>
      </c>
      <c r="HH24" s="114">
        <v>1258027</v>
      </c>
      <c r="HI24" s="114">
        <v>899454</v>
      </c>
      <c r="HJ24" s="114">
        <v>395058</v>
      </c>
      <c r="HK24" s="114">
        <v>1084013</v>
      </c>
      <c r="HL24" s="114">
        <v>0</v>
      </c>
      <c r="HM24" s="113">
        <v>3636552</v>
      </c>
      <c r="HN24" s="109">
        <v>3821165</v>
      </c>
      <c r="HO24" s="329"/>
      <c r="HP24" s="330"/>
      <c r="HQ24" s="331"/>
      <c r="HR24" s="332"/>
      <c r="HS24" s="330"/>
      <c r="HT24" s="330"/>
      <c r="HU24" s="330"/>
      <c r="HV24" s="330"/>
      <c r="HW24" s="330"/>
      <c r="HX24" s="333"/>
      <c r="HY24" s="334"/>
      <c r="HZ24" s="150">
        <v>0</v>
      </c>
      <c r="IA24" s="135">
        <v>68144</v>
      </c>
      <c r="IB24" s="150">
        <v>68144</v>
      </c>
      <c r="IC24" s="134">
        <v>0</v>
      </c>
      <c r="ID24" s="135">
        <v>980590</v>
      </c>
      <c r="IE24" s="136">
        <v>1283823</v>
      </c>
      <c r="IF24" s="137">
        <v>245064</v>
      </c>
      <c r="IG24" s="135">
        <v>390692</v>
      </c>
      <c r="IH24" s="137">
        <v>887041</v>
      </c>
      <c r="II24" s="138">
        <v>3787210</v>
      </c>
      <c r="IJ24" s="150">
        <v>3855354</v>
      </c>
      <c r="IK24" s="232">
        <v>0</v>
      </c>
      <c r="IL24" s="236">
        <v>0</v>
      </c>
      <c r="IM24" s="237">
        <v>0</v>
      </c>
      <c r="IN24" s="140"/>
      <c r="IO24" s="119">
        <v>52489</v>
      </c>
      <c r="IP24" s="119">
        <v>0</v>
      </c>
      <c r="IQ24" s="119">
        <v>0</v>
      </c>
      <c r="IR24" s="119">
        <v>0</v>
      </c>
      <c r="IS24" s="119">
        <v>0</v>
      </c>
      <c r="IT24" s="141">
        <v>52489</v>
      </c>
      <c r="IU24" s="321">
        <v>52489</v>
      </c>
      <c r="IV24" s="142">
        <v>0</v>
      </c>
      <c r="IW24" s="119">
        <v>0</v>
      </c>
      <c r="IX24" s="120">
        <v>0</v>
      </c>
      <c r="IY24" s="144"/>
      <c r="IZ24" s="119">
        <v>0</v>
      </c>
      <c r="JA24" s="119">
        <v>0</v>
      </c>
      <c r="JB24" s="119">
        <v>0</v>
      </c>
      <c r="JC24" s="119">
        <v>0</v>
      </c>
      <c r="JD24" s="119">
        <v>0</v>
      </c>
      <c r="JE24" s="120">
        <v>0</v>
      </c>
      <c r="JF24" s="121">
        <v>0</v>
      </c>
      <c r="JG24" s="142">
        <v>0</v>
      </c>
      <c r="JH24" s="119">
        <v>0</v>
      </c>
      <c r="JI24" s="141">
        <v>0</v>
      </c>
      <c r="JJ24" s="118">
        <v>0</v>
      </c>
      <c r="JK24" s="119">
        <v>190037</v>
      </c>
      <c r="JL24" s="119">
        <v>160117</v>
      </c>
      <c r="JM24" s="119">
        <v>41323</v>
      </c>
      <c r="JN24" s="119">
        <v>141348</v>
      </c>
      <c r="JO24" s="119">
        <v>0</v>
      </c>
      <c r="JP24" s="120">
        <v>532825</v>
      </c>
      <c r="JQ24" s="321">
        <v>532825</v>
      </c>
      <c r="JR24" s="142">
        <v>0</v>
      </c>
      <c r="JS24" s="119">
        <v>0</v>
      </c>
      <c r="JT24" s="141">
        <v>0</v>
      </c>
      <c r="JU24" s="118">
        <v>0</v>
      </c>
      <c r="JV24" s="119">
        <v>0</v>
      </c>
      <c r="JW24" s="119">
        <v>224306</v>
      </c>
      <c r="JX24" s="119">
        <v>0</v>
      </c>
      <c r="JY24" s="119">
        <v>0</v>
      </c>
      <c r="JZ24" s="119">
        <v>0</v>
      </c>
      <c r="KA24" s="120">
        <v>224306</v>
      </c>
      <c r="KB24" s="321">
        <v>224306</v>
      </c>
      <c r="KC24" s="234">
        <v>0</v>
      </c>
      <c r="KD24" s="230">
        <v>68144</v>
      </c>
      <c r="KE24" s="120">
        <v>68144</v>
      </c>
      <c r="KF24" s="118">
        <v>0</v>
      </c>
      <c r="KG24" s="119">
        <v>264221</v>
      </c>
      <c r="KH24" s="119">
        <v>656267</v>
      </c>
      <c r="KI24" s="119">
        <v>203741</v>
      </c>
      <c r="KJ24" s="119">
        <v>0</v>
      </c>
      <c r="KK24" s="119">
        <v>528376</v>
      </c>
      <c r="KL24" s="120">
        <v>1652605</v>
      </c>
      <c r="KM24" s="143">
        <v>1720749</v>
      </c>
      <c r="KN24" s="232">
        <v>0</v>
      </c>
      <c r="KO24" s="236">
        <v>0</v>
      </c>
      <c r="KP24" s="237">
        <v>0</v>
      </c>
      <c r="KQ24" s="140"/>
      <c r="KR24" s="119">
        <v>473843</v>
      </c>
      <c r="KS24" s="119">
        <v>243133</v>
      </c>
      <c r="KT24" s="119">
        <v>0</v>
      </c>
      <c r="KU24" s="119">
        <v>249344</v>
      </c>
      <c r="KV24" s="119">
        <v>0</v>
      </c>
      <c r="KW24" s="120">
        <v>966320</v>
      </c>
      <c r="KX24" s="321">
        <v>966320</v>
      </c>
      <c r="KY24" s="142">
        <v>0</v>
      </c>
      <c r="KZ24" s="119">
        <v>0</v>
      </c>
      <c r="LA24" s="120">
        <v>0</v>
      </c>
      <c r="LB24" s="145">
        <v>0</v>
      </c>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1">
        <v>0</v>
      </c>
      <c r="LU24" s="142">
        <v>0</v>
      </c>
      <c r="LV24" s="119">
        <v>0</v>
      </c>
      <c r="LW24" s="120">
        <v>0</v>
      </c>
      <c r="LX24" s="145"/>
      <c r="LY24" s="119">
        <v>0</v>
      </c>
      <c r="LZ24" s="119">
        <v>0</v>
      </c>
      <c r="MA24" s="119">
        <v>0</v>
      </c>
      <c r="MB24" s="119">
        <v>0</v>
      </c>
      <c r="MC24" s="119">
        <v>358665</v>
      </c>
      <c r="MD24" s="120">
        <v>358665</v>
      </c>
      <c r="ME24" s="121">
        <v>358665</v>
      </c>
      <c r="MF24" s="142">
        <v>0</v>
      </c>
      <c r="MG24" s="119">
        <v>0</v>
      </c>
      <c r="MH24" s="120">
        <v>0</v>
      </c>
      <c r="MI24" s="145"/>
      <c r="MJ24" s="119">
        <v>491918</v>
      </c>
      <c r="MK24" s="119">
        <v>529872</v>
      </c>
      <c r="ML24" s="119">
        <v>2177406</v>
      </c>
      <c r="MM24" s="119">
        <v>1831728</v>
      </c>
      <c r="MN24" s="119">
        <v>1216773</v>
      </c>
      <c r="MO24" s="120">
        <v>6247697</v>
      </c>
      <c r="MP24" s="143">
        <v>6247697</v>
      </c>
      <c r="MQ24" s="142">
        <v>0</v>
      </c>
      <c r="MR24" s="119">
        <v>0</v>
      </c>
      <c r="MS24" s="120">
        <v>0</v>
      </c>
      <c r="MT24" s="145"/>
      <c r="MU24" s="119">
        <v>0</v>
      </c>
      <c r="MV24" s="119">
        <v>0</v>
      </c>
      <c r="MW24" s="119">
        <v>1040021</v>
      </c>
      <c r="MX24" s="119">
        <v>1037565</v>
      </c>
      <c r="MY24" s="119">
        <v>843291</v>
      </c>
      <c r="MZ24" s="120">
        <v>2920877</v>
      </c>
      <c r="NA24" s="143">
        <v>2920877</v>
      </c>
      <c r="NB24" s="142">
        <v>0</v>
      </c>
      <c r="NC24" s="119">
        <v>0</v>
      </c>
      <c r="ND24" s="120">
        <v>0</v>
      </c>
      <c r="NE24" s="145"/>
      <c r="NF24" s="119">
        <v>491918</v>
      </c>
      <c r="NG24" s="119">
        <v>529872</v>
      </c>
      <c r="NH24" s="119">
        <v>1137385</v>
      </c>
      <c r="NI24" s="119">
        <v>794163</v>
      </c>
      <c r="NJ24" s="119">
        <v>373482</v>
      </c>
      <c r="NK24" s="120">
        <v>3326820</v>
      </c>
      <c r="NL24" s="321">
        <v>3326820</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128918</v>
      </c>
      <c r="OJ24" s="119">
        <v>421253</v>
      </c>
      <c r="OK24" s="141">
        <v>550171</v>
      </c>
      <c r="OL24" s="118">
        <v>0</v>
      </c>
      <c r="OM24" s="119">
        <v>5580597</v>
      </c>
      <c r="ON24" s="119">
        <v>5234187</v>
      </c>
      <c r="OO24" s="119">
        <v>4884535</v>
      </c>
      <c r="OP24" s="119">
        <v>5335790</v>
      </c>
      <c r="OQ24" s="119">
        <v>3413415</v>
      </c>
      <c r="OR24" s="120">
        <v>24448524</v>
      </c>
      <c r="OS24" s="143">
        <v>24998695</v>
      </c>
    </row>
    <row r="25" spans="2:409" ht="20.25" customHeight="1" x14ac:dyDescent="0.2">
      <c r="B25" s="126" t="s">
        <v>20</v>
      </c>
      <c r="C25" s="110">
        <v>419039</v>
      </c>
      <c r="D25" s="114">
        <v>945908</v>
      </c>
      <c r="E25" s="113">
        <v>1364947</v>
      </c>
      <c r="F25" s="110">
        <v>0</v>
      </c>
      <c r="G25" s="114">
        <v>4692062</v>
      </c>
      <c r="H25" s="114">
        <v>5907660</v>
      </c>
      <c r="I25" s="114">
        <v>5531090</v>
      </c>
      <c r="J25" s="114">
        <v>5749703</v>
      </c>
      <c r="K25" s="114">
        <v>1385054</v>
      </c>
      <c r="L25" s="173">
        <v>23265569</v>
      </c>
      <c r="M25" s="116">
        <v>24630516</v>
      </c>
      <c r="N25" s="110">
        <v>116683</v>
      </c>
      <c r="O25" s="114">
        <v>262348</v>
      </c>
      <c r="P25" s="113">
        <v>379031</v>
      </c>
      <c r="Q25" s="110">
        <v>0</v>
      </c>
      <c r="R25" s="114">
        <v>1702299</v>
      </c>
      <c r="S25" s="114">
        <v>1896629</v>
      </c>
      <c r="T25" s="114">
        <v>1522969</v>
      </c>
      <c r="U25" s="114">
        <v>1241971</v>
      </c>
      <c r="V25" s="114">
        <v>720713</v>
      </c>
      <c r="W25" s="113">
        <v>7084581</v>
      </c>
      <c r="X25" s="116">
        <v>7463612</v>
      </c>
      <c r="Y25" s="110">
        <v>0</v>
      </c>
      <c r="Z25" s="114">
        <v>0</v>
      </c>
      <c r="AA25" s="113">
        <v>0</v>
      </c>
      <c r="AB25" s="110">
        <v>0</v>
      </c>
      <c r="AC25" s="114">
        <v>579014</v>
      </c>
      <c r="AD25" s="114">
        <v>775577</v>
      </c>
      <c r="AE25" s="114">
        <v>755135</v>
      </c>
      <c r="AF25" s="114">
        <v>684597</v>
      </c>
      <c r="AG25" s="114">
        <v>274664</v>
      </c>
      <c r="AH25" s="113">
        <v>3068987</v>
      </c>
      <c r="AI25" s="116">
        <v>3068987</v>
      </c>
      <c r="AJ25" s="110">
        <v>0</v>
      </c>
      <c r="AK25" s="114">
        <v>0</v>
      </c>
      <c r="AL25" s="113">
        <v>0</v>
      </c>
      <c r="AM25" s="110">
        <v>0</v>
      </c>
      <c r="AN25" s="114">
        <v>0</v>
      </c>
      <c r="AO25" s="114">
        <v>0</v>
      </c>
      <c r="AP25" s="114">
        <v>35173</v>
      </c>
      <c r="AQ25" s="114">
        <v>35173</v>
      </c>
      <c r="AR25" s="114">
        <v>200085</v>
      </c>
      <c r="AS25" s="113">
        <v>270431</v>
      </c>
      <c r="AT25" s="116">
        <v>270431</v>
      </c>
      <c r="AU25" s="110">
        <v>71592</v>
      </c>
      <c r="AV25" s="114">
        <v>117059</v>
      </c>
      <c r="AW25" s="113">
        <v>188651</v>
      </c>
      <c r="AX25" s="110">
        <v>0</v>
      </c>
      <c r="AY25" s="114">
        <v>798586</v>
      </c>
      <c r="AZ25" s="114">
        <v>674140</v>
      </c>
      <c r="BA25" s="114">
        <v>408605</v>
      </c>
      <c r="BB25" s="114">
        <v>171770</v>
      </c>
      <c r="BC25" s="114">
        <v>188068</v>
      </c>
      <c r="BD25" s="113">
        <v>2241169</v>
      </c>
      <c r="BE25" s="116">
        <v>2429820</v>
      </c>
      <c r="BF25" s="110">
        <v>16015</v>
      </c>
      <c r="BG25" s="114">
        <v>75089</v>
      </c>
      <c r="BH25" s="112">
        <v>91104</v>
      </c>
      <c r="BI25" s="111">
        <v>0</v>
      </c>
      <c r="BJ25" s="114">
        <v>154123</v>
      </c>
      <c r="BK25" s="114">
        <v>121248</v>
      </c>
      <c r="BL25" s="114">
        <v>51576</v>
      </c>
      <c r="BM25" s="114">
        <v>43167</v>
      </c>
      <c r="BN25" s="114">
        <v>0</v>
      </c>
      <c r="BO25" s="113">
        <v>370114</v>
      </c>
      <c r="BP25" s="116">
        <v>461218</v>
      </c>
      <c r="BQ25" s="110">
        <v>29076</v>
      </c>
      <c r="BR25" s="114">
        <v>70200</v>
      </c>
      <c r="BS25" s="113">
        <v>99276</v>
      </c>
      <c r="BT25" s="110">
        <v>0</v>
      </c>
      <c r="BU25" s="114">
        <v>170576</v>
      </c>
      <c r="BV25" s="114">
        <v>325664</v>
      </c>
      <c r="BW25" s="114">
        <v>272480</v>
      </c>
      <c r="BX25" s="114">
        <v>307264</v>
      </c>
      <c r="BY25" s="114">
        <v>57896</v>
      </c>
      <c r="BZ25" s="113">
        <v>1133880</v>
      </c>
      <c r="CA25" s="116">
        <v>1233156</v>
      </c>
      <c r="CB25" s="110">
        <v>102160</v>
      </c>
      <c r="CC25" s="114">
        <v>71254</v>
      </c>
      <c r="CD25" s="113">
        <v>173414</v>
      </c>
      <c r="CE25" s="110">
        <v>0</v>
      </c>
      <c r="CF25" s="114">
        <v>1954768</v>
      </c>
      <c r="CG25" s="114">
        <v>1385663</v>
      </c>
      <c r="CH25" s="114">
        <v>1482403</v>
      </c>
      <c r="CI25" s="114">
        <v>794252</v>
      </c>
      <c r="CJ25" s="114">
        <v>56369</v>
      </c>
      <c r="CK25" s="113">
        <v>5673455</v>
      </c>
      <c r="CL25" s="116">
        <v>5846869</v>
      </c>
      <c r="CM25" s="110">
        <v>0</v>
      </c>
      <c r="CN25" s="114">
        <v>0</v>
      </c>
      <c r="CO25" s="113">
        <v>0</v>
      </c>
      <c r="CP25" s="111">
        <v>0</v>
      </c>
      <c r="CQ25" s="114">
        <v>1334672</v>
      </c>
      <c r="CR25" s="114">
        <v>965954</v>
      </c>
      <c r="CS25" s="114">
        <v>827972</v>
      </c>
      <c r="CT25" s="114">
        <v>359081</v>
      </c>
      <c r="CU25" s="114">
        <v>0</v>
      </c>
      <c r="CV25" s="113">
        <v>3487679</v>
      </c>
      <c r="CW25" s="116">
        <v>3487679</v>
      </c>
      <c r="CX25" s="110">
        <v>102160</v>
      </c>
      <c r="CY25" s="114">
        <v>71254</v>
      </c>
      <c r="CZ25" s="113">
        <v>173414</v>
      </c>
      <c r="DA25" s="110">
        <v>0</v>
      </c>
      <c r="DB25" s="114">
        <v>620096</v>
      </c>
      <c r="DC25" s="114">
        <v>419709</v>
      </c>
      <c r="DD25" s="114">
        <v>654431</v>
      </c>
      <c r="DE25" s="114">
        <v>435171</v>
      </c>
      <c r="DF25" s="114">
        <v>56369</v>
      </c>
      <c r="DG25" s="113">
        <v>2185776</v>
      </c>
      <c r="DH25" s="116">
        <v>2359190</v>
      </c>
      <c r="DI25" s="110">
        <v>0</v>
      </c>
      <c r="DJ25" s="114">
        <v>22880</v>
      </c>
      <c r="DK25" s="112">
        <v>22880</v>
      </c>
      <c r="DL25" s="111">
        <v>0</v>
      </c>
      <c r="DM25" s="114">
        <v>81185</v>
      </c>
      <c r="DN25" s="114">
        <v>94290</v>
      </c>
      <c r="DO25" s="114">
        <v>647219</v>
      </c>
      <c r="DP25" s="114">
        <v>1397841</v>
      </c>
      <c r="DQ25" s="114">
        <v>0</v>
      </c>
      <c r="DR25" s="113">
        <v>2220535</v>
      </c>
      <c r="DS25" s="116">
        <v>2243415</v>
      </c>
      <c r="DT25" s="110">
        <v>0</v>
      </c>
      <c r="DU25" s="114">
        <v>22880</v>
      </c>
      <c r="DV25" s="113">
        <v>22880</v>
      </c>
      <c r="DW25" s="110">
        <v>0</v>
      </c>
      <c r="DX25" s="114">
        <v>81185</v>
      </c>
      <c r="DY25" s="114">
        <v>94290</v>
      </c>
      <c r="DZ25" s="114">
        <v>647219</v>
      </c>
      <c r="EA25" s="114">
        <v>1268858</v>
      </c>
      <c r="EB25" s="114">
        <v>0</v>
      </c>
      <c r="EC25" s="113">
        <v>2091552</v>
      </c>
      <c r="ED25" s="116">
        <v>2114432</v>
      </c>
      <c r="EE25" s="110">
        <v>0</v>
      </c>
      <c r="EF25" s="112">
        <v>0</v>
      </c>
      <c r="EG25" s="113">
        <v>0</v>
      </c>
      <c r="EH25" s="110">
        <v>0</v>
      </c>
      <c r="EI25" s="114">
        <v>0</v>
      </c>
      <c r="EJ25" s="114">
        <v>0</v>
      </c>
      <c r="EK25" s="114">
        <v>0</v>
      </c>
      <c r="EL25" s="114">
        <v>128983</v>
      </c>
      <c r="EM25" s="114">
        <v>0</v>
      </c>
      <c r="EN25" s="112">
        <v>128983</v>
      </c>
      <c r="EO25" s="116">
        <v>128983</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8"/>
      <c r="FE25" s="114">
        <v>0</v>
      </c>
      <c r="FF25" s="114">
        <v>0</v>
      </c>
      <c r="FG25" s="114">
        <v>0</v>
      </c>
      <c r="FH25" s="114">
        <v>0</v>
      </c>
      <c r="FI25" s="114">
        <v>0</v>
      </c>
      <c r="FJ25" s="113">
        <v>0</v>
      </c>
      <c r="FK25" s="116">
        <v>0</v>
      </c>
      <c r="FL25" s="110">
        <v>45936</v>
      </c>
      <c r="FM25" s="114">
        <v>250080</v>
      </c>
      <c r="FN25" s="113">
        <v>296016</v>
      </c>
      <c r="FO25" s="110">
        <v>0</v>
      </c>
      <c r="FP25" s="114">
        <v>383896</v>
      </c>
      <c r="FQ25" s="114">
        <v>416912</v>
      </c>
      <c r="FR25" s="114">
        <v>302640</v>
      </c>
      <c r="FS25" s="114">
        <v>270256</v>
      </c>
      <c r="FT25" s="114">
        <v>132088</v>
      </c>
      <c r="FU25" s="113">
        <v>1505792</v>
      </c>
      <c r="FV25" s="116">
        <v>1801808</v>
      </c>
      <c r="FW25" s="115">
        <v>45936</v>
      </c>
      <c r="FX25" s="114">
        <v>162080</v>
      </c>
      <c r="FY25" s="112">
        <v>208016</v>
      </c>
      <c r="FZ25" s="111">
        <v>0</v>
      </c>
      <c r="GA25" s="114">
        <v>383896</v>
      </c>
      <c r="GB25" s="114">
        <v>402128</v>
      </c>
      <c r="GC25" s="114">
        <v>302640</v>
      </c>
      <c r="GD25" s="114">
        <v>270256</v>
      </c>
      <c r="GE25" s="114">
        <v>132088</v>
      </c>
      <c r="GF25" s="113">
        <v>1491008</v>
      </c>
      <c r="GG25" s="319">
        <v>1699024</v>
      </c>
      <c r="GH25" s="115">
        <v>0</v>
      </c>
      <c r="GI25" s="114">
        <v>0</v>
      </c>
      <c r="GJ25" s="112">
        <v>0</v>
      </c>
      <c r="GK25" s="111">
        <v>0</v>
      </c>
      <c r="GL25" s="114">
        <v>0</v>
      </c>
      <c r="GM25" s="114">
        <v>14784</v>
      </c>
      <c r="GN25" s="114">
        <v>0</v>
      </c>
      <c r="GO25" s="114">
        <v>0</v>
      </c>
      <c r="GP25" s="114">
        <v>0</v>
      </c>
      <c r="GQ25" s="113">
        <v>14784</v>
      </c>
      <c r="GR25" s="116">
        <v>14784</v>
      </c>
      <c r="GS25" s="110">
        <v>0</v>
      </c>
      <c r="GT25" s="114">
        <v>88000</v>
      </c>
      <c r="GU25" s="113">
        <v>88000</v>
      </c>
      <c r="GV25" s="110">
        <v>0</v>
      </c>
      <c r="GW25" s="114">
        <v>0</v>
      </c>
      <c r="GX25" s="114">
        <v>0</v>
      </c>
      <c r="GY25" s="114">
        <v>0</v>
      </c>
      <c r="GZ25" s="114">
        <v>0</v>
      </c>
      <c r="HA25" s="114">
        <v>0</v>
      </c>
      <c r="HB25" s="112">
        <v>0</v>
      </c>
      <c r="HC25" s="116">
        <v>88000</v>
      </c>
      <c r="HD25" s="110">
        <v>154260</v>
      </c>
      <c r="HE25" s="114">
        <v>339346</v>
      </c>
      <c r="HF25" s="112">
        <v>493606</v>
      </c>
      <c r="HG25" s="111">
        <v>0</v>
      </c>
      <c r="HH25" s="114">
        <v>569914</v>
      </c>
      <c r="HI25" s="114">
        <v>2114166</v>
      </c>
      <c r="HJ25" s="114">
        <v>1575859</v>
      </c>
      <c r="HK25" s="114">
        <v>2045383</v>
      </c>
      <c r="HL25" s="114">
        <v>475884</v>
      </c>
      <c r="HM25" s="113">
        <v>6781206</v>
      </c>
      <c r="HN25" s="109">
        <v>7274812</v>
      </c>
      <c r="HO25" s="329"/>
      <c r="HP25" s="330"/>
      <c r="HQ25" s="331"/>
      <c r="HR25" s="332"/>
      <c r="HS25" s="330"/>
      <c r="HT25" s="330"/>
      <c r="HU25" s="330"/>
      <c r="HV25" s="330"/>
      <c r="HW25" s="330"/>
      <c r="HX25" s="333"/>
      <c r="HY25" s="334"/>
      <c r="HZ25" s="131">
        <v>0</v>
      </c>
      <c r="IA25" s="132">
        <v>0</v>
      </c>
      <c r="IB25" s="133">
        <v>0</v>
      </c>
      <c r="IC25" s="146">
        <v>0</v>
      </c>
      <c r="ID25" s="132">
        <v>834294</v>
      </c>
      <c r="IE25" s="147">
        <v>673569</v>
      </c>
      <c r="IF25" s="133">
        <v>699634</v>
      </c>
      <c r="IG25" s="132">
        <v>1126689</v>
      </c>
      <c r="IH25" s="133">
        <v>0</v>
      </c>
      <c r="II25" s="148">
        <v>3334186</v>
      </c>
      <c r="IJ25" s="139">
        <v>3334186</v>
      </c>
      <c r="IK25" s="232">
        <v>0</v>
      </c>
      <c r="IL25" s="236">
        <v>0</v>
      </c>
      <c r="IM25" s="237">
        <v>0</v>
      </c>
      <c r="IN25" s="140"/>
      <c r="IO25" s="119">
        <v>0</v>
      </c>
      <c r="IP25" s="119">
        <v>0</v>
      </c>
      <c r="IQ25" s="119">
        <v>0</v>
      </c>
      <c r="IR25" s="119">
        <v>0</v>
      </c>
      <c r="IS25" s="119">
        <v>0</v>
      </c>
      <c r="IT25" s="141">
        <v>0</v>
      </c>
      <c r="IU25" s="321">
        <v>0</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483512</v>
      </c>
      <c r="JL25" s="119">
        <v>421242</v>
      </c>
      <c r="JM25" s="119">
        <v>317896</v>
      </c>
      <c r="JN25" s="119">
        <v>142880</v>
      </c>
      <c r="JO25" s="119">
        <v>0</v>
      </c>
      <c r="JP25" s="120">
        <v>1365530</v>
      </c>
      <c r="JQ25" s="321">
        <v>1365530</v>
      </c>
      <c r="JR25" s="142">
        <v>0</v>
      </c>
      <c r="JS25" s="119">
        <v>0</v>
      </c>
      <c r="JT25" s="141">
        <v>0</v>
      </c>
      <c r="JU25" s="118">
        <v>0</v>
      </c>
      <c r="JV25" s="119">
        <v>0</v>
      </c>
      <c r="JW25" s="119">
        <v>0</v>
      </c>
      <c r="JX25" s="119">
        <v>121958</v>
      </c>
      <c r="JY25" s="119">
        <v>0</v>
      </c>
      <c r="JZ25" s="119">
        <v>0</v>
      </c>
      <c r="KA25" s="120">
        <v>121958</v>
      </c>
      <c r="KB25" s="321">
        <v>121958</v>
      </c>
      <c r="KC25" s="234">
        <v>0</v>
      </c>
      <c r="KD25" s="230">
        <v>0</v>
      </c>
      <c r="KE25" s="120">
        <v>0</v>
      </c>
      <c r="KF25" s="118">
        <v>0</v>
      </c>
      <c r="KG25" s="119">
        <v>108902</v>
      </c>
      <c r="KH25" s="119">
        <v>0</v>
      </c>
      <c r="KI25" s="119">
        <v>0</v>
      </c>
      <c r="KJ25" s="119">
        <v>0</v>
      </c>
      <c r="KK25" s="119">
        <v>0</v>
      </c>
      <c r="KL25" s="120">
        <v>108902</v>
      </c>
      <c r="KM25" s="143">
        <v>108902</v>
      </c>
      <c r="KN25" s="232">
        <v>0</v>
      </c>
      <c r="KO25" s="236">
        <v>0</v>
      </c>
      <c r="KP25" s="237">
        <v>0</v>
      </c>
      <c r="KQ25" s="140"/>
      <c r="KR25" s="119">
        <v>241880</v>
      </c>
      <c r="KS25" s="119">
        <v>252327</v>
      </c>
      <c r="KT25" s="119">
        <v>259780</v>
      </c>
      <c r="KU25" s="119">
        <v>983809</v>
      </c>
      <c r="KV25" s="119">
        <v>0</v>
      </c>
      <c r="KW25" s="120">
        <v>1737796</v>
      </c>
      <c r="KX25" s="321">
        <v>1737796</v>
      </c>
      <c r="KY25" s="142">
        <v>0</v>
      </c>
      <c r="KZ25" s="119">
        <v>0</v>
      </c>
      <c r="LA25" s="120">
        <v>0</v>
      </c>
      <c r="LB25" s="145">
        <v>0</v>
      </c>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1">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543871</v>
      </c>
      <c r="MK25" s="119">
        <v>486533</v>
      </c>
      <c r="ML25" s="119">
        <v>2642362</v>
      </c>
      <c r="MM25" s="119">
        <v>1173377</v>
      </c>
      <c r="MN25" s="119">
        <v>2136306</v>
      </c>
      <c r="MO25" s="120">
        <v>6982449</v>
      </c>
      <c r="MP25" s="143">
        <v>6982449</v>
      </c>
      <c r="MQ25" s="142">
        <v>0</v>
      </c>
      <c r="MR25" s="119">
        <v>0</v>
      </c>
      <c r="MS25" s="120">
        <v>0</v>
      </c>
      <c r="MT25" s="145"/>
      <c r="MU25" s="119">
        <v>0</v>
      </c>
      <c r="MV25" s="119">
        <v>244367</v>
      </c>
      <c r="MW25" s="119">
        <v>1489365</v>
      </c>
      <c r="MX25" s="119">
        <v>871673</v>
      </c>
      <c r="MY25" s="119">
        <v>1168537</v>
      </c>
      <c r="MZ25" s="120">
        <v>3773942</v>
      </c>
      <c r="NA25" s="143">
        <v>3773942</v>
      </c>
      <c r="NB25" s="142">
        <v>0</v>
      </c>
      <c r="NC25" s="119">
        <v>0</v>
      </c>
      <c r="ND25" s="120">
        <v>0</v>
      </c>
      <c r="NE25" s="145"/>
      <c r="NF25" s="119">
        <v>543871</v>
      </c>
      <c r="NG25" s="119">
        <v>242166</v>
      </c>
      <c r="NH25" s="119">
        <v>1152997</v>
      </c>
      <c r="NI25" s="119">
        <v>301704</v>
      </c>
      <c r="NJ25" s="119">
        <v>0</v>
      </c>
      <c r="NK25" s="120">
        <v>2240738</v>
      </c>
      <c r="NL25" s="321">
        <v>2240738</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967769</v>
      </c>
      <c r="OG25" s="120">
        <v>967769</v>
      </c>
      <c r="OH25" s="121">
        <v>967769</v>
      </c>
      <c r="OI25" s="142">
        <v>419039</v>
      </c>
      <c r="OJ25" s="119">
        <v>945908</v>
      </c>
      <c r="OK25" s="141">
        <v>1364947</v>
      </c>
      <c r="OL25" s="118">
        <v>0</v>
      </c>
      <c r="OM25" s="119">
        <v>6070227</v>
      </c>
      <c r="ON25" s="119">
        <v>7067762</v>
      </c>
      <c r="OO25" s="119">
        <v>8873086</v>
      </c>
      <c r="OP25" s="119">
        <v>8049769</v>
      </c>
      <c r="OQ25" s="119">
        <v>3521360</v>
      </c>
      <c r="OR25" s="120">
        <v>33582204</v>
      </c>
      <c r="OS25" s="143">
        <v>34947151</v>
      </c>
    </row>
    <row r="26" spans="2:409" ht="20.25" customHeight="1" x14ac:dyDescent="0.2">
      <c r="B26" s="126" t="s">
        <v>21</v>
      </c>
      <c r="C26" s="110">
        <v>318824</v>
      </c>
      <c r="D26" s="114">
        <v>303256</v>
      </c>
      <c r="E26" s="113">
        <v>622080</v>
      </c>
      <c r="F26" s="109">
        <v>0</v>
      </c>
      <c r="G26" s="114">
        <v>3763076</v>
      </c>
      <c r="H26" s="114">
        <v>3855011</v>
      </c>
      <c r="I26" s="114">
        <v>5462089</v>
      </c>
      <c r="J26" s="114">
        <v>4554532</v>
      </c>
      <c r="K26" s="114">
        <v>3982811</v>
      </c>
      <c r="L26" s="173">
        <v>21617519</v>
      </c>
      <c r="M26" s="116">
        <v>22239599</v>
      </c>
      <c r="N26" s="110">
        <v>170390</v>
      </c>
      <c r="O26" s="114">
        <v>148059</v>
      </c>
      <c r="P26" s="113">
        <v>318449</v>
      </c>
      <c r="Q26" s="110">
        <v>0</v>
      </c>
      <c r="R26" s="114">
        <v>1247045</v>
      </c>
      <c r="S26" s="114">
        <v>1182224</v>
      </c>
      <c r="T26" s="114">
        <v>781665</v>
      </c>
      <c r="U26" s="114">
        <v>2497568</v>
      </c>
      <c r="V26" s="114">
        <v>2016089</v>
      </c>
      <c r="W26" s="113">
        <v>7724591</v>
      </c>
      <c r="X26" s="116">
        <v>8043040</v>
      </c>
      <c r="Y26" s="110">
        <v>0</v>
      </c>
      <c r="Z26" s="114">
        <v>0</v>
      </c>
      <c r="AA26" s="113">
        <v>0</v>
      </c>
      <c r="AB26" s="110">
        <v>0</v>
      </c>
      <c r="AC26" s="114">
        <v>417248</v>
      </c>
      <c r="AD26" s="114">
        <v>252890</v>
      </c>
      <c r="AE26" s="114">
        <v>265112</v>
      </c>
      <c r="AF26" s="114">
        <v>1392000</v>
      </c>
      <c r="AG26" s="114">
        <v>1297704</v>
      </c>
      <c r="AH26" s="113">
        <v>3624954</v>
      </c>
      <c r="AI26" s="116">
        <v>3624954</v>
      </c>
      <c r="AJ26" s="110">
        <v>0</v>
      </c>
      <c r="AK26" s="114">
        <v>0</v>
      </c>
      <c r="AL26" s="113">
        <v>0</v>
      </c>
      <c r="AM26" s="110">
        <v>0</v>
      </c>
      <c r="AN26" s="114">
        <v>0</v>
      </c>
      <c r="AO26" s="114">
        <v>0</v>
      </c>
      <c r="AP26" s="114">
        <v>57865</v>
      </c>
      <c r="AQ26" s="114">
        <v>139746</v>
      </c>
      <c r="AR26" s="114">
        <v>198712</v>
      </c>
      <c r="AS26" s="113">
        <v>396323</v>
      </c>
      <c r="AT26" s="116">
        <v>396323</v>
      </c>
      <c r="AU26" s="110">
        <v>106030</v>
      </c>
      <c r="AV26" s="114">
        <v>101623</v>
      </c>
      <c r="AW26" s="113">
        <v>207653</v>
      </c>
      <c r="AX26" s="110">
        <v>0</v>
      </c>
      <c r="AY26" s="114">
        <v>635650</v>
      </c>
      <c r="AZ26" s="114">
        <v>682657</v>
      </c>
      <c r="BA26" s="114">
        <v>238789</v>
      </c>
      <c r="BB26" s="114">
        <v>639482</v>
      </c>
      <c r="BC26" s="114">
        <v>313625</v>
      </c>
      <c r="BD26" s="113">
        <v>2510203</v>
      </c>
      <c r="BE26" s="116">
        <v>2717856</v>
      </c>
      <c r="BF26" s="110">
        <v>0</v>
      </c>
      <c r="BG26" s="114">
        <v>15292</v>
      </c>
      <c r="BH26" s="112">
        <v>15292</v>
      </c>
      <c r="BI26" s="111">
        <v>0</v>
      </c>
      <c r="BJ26" s="114">
        <v>21707</v>
      </c>
      <c r="BK26" s="114">
        <v>104613</v>
      </c>
      <c r="BL26" s="114">
        <v>5283</v>
      </c>
      <c r="BM26" s="114">
        <v>81604</v>
      </c>
      <c r="BN26" s="114">
        <v>0</v>
      </c>
      <c r="BO26" s="113">
        <v>213207</v>
      </c>
      <c r="BP26" s="116">
        <v>228499</v>
      </c>
      <c r="BQ26" s="110">
        <v>64360</v>
      </c>
      <c r="BR26" s="114">
        <v>31144</v>
      </c>
      <c r="BS26" s="113">
        <v>95504</v>
      </c>
      <c r="BT26" s="110">
        <v>0</v>
      </c>
      <c r="BU26" s="114">
        <v>172440</v>
      </c>
      <c r="BV26" s="114">
        <v>142064</v>
      </c>
      <c r="BW26" s="114">
        <v>214616</v>
      </c>
      <c r="BX26" s="114">
        <v>244736</v>
      </c>
      <c r="BY26" s="114">
        <v>206048</v>
      </c>
      <c r="BZ26" s="113">
        <v>979904</v>
      </c>
      <c r="CA26" s="116">
        <v>1075408</v>
      </c>
      <c r="CB26" s="110">
        <v>20458</v>
      </c>
      <c r="CC26" s="114">
        <v>37236</v>
      </c>
      <c r="CD26" s="113">
        <v>57694</v>
      </c>
      <c r="CE26" s="110">
        <v>0</v>
      </c>
      <c r="CF26" s="114">
        <v>1003367</v>
      </c>
      <c r="CG26" s="114">
        <v>1576647</v>
      </c>
      <c r="CH26" s="114">
        <v>875315</v>
      </c>
      <c r="CI26" s="114">
        <v>325283</v>
      </c>
      <c r="CJ26" s="114">
        <v>445188</v>
      </c>
      <c r="CK26" s="113">
        <v>4225800</v>
      </c>
      <c r="CL26" s="116">
        <v>4283494</v>
      </c>
      <c r="CM26" s="110">
        <v>0</v>
      </c>
      <c r="CN26" s="114">
        <v>0</v>
      </c>
      <c r="CO26" s="113">
        <v>0</v>
      </c>
      <c r="CP26" s="111">
        <v>0</v>
      </c>
      <c r="CQ26" s="114">
        <v>729358</v>
      </c>
      <c r="CR26" s="114">
        <v>1101505</v>
      </c>
      <c r="CS26" s="114">
        <v>717659</v>
      </c>
      <c r="CT26" s="114">
        <v>282881</v>
      </c>
      <c r="CU26" s="114">
        <v>445188</v>
      </c>
      <c r="CV26" s="113">
        <v>3276591</v>
      </c>
      <c r="CW26" s="116">
        <v>3276591</v>
      </c>
      <c r="CX26" s="110">
        <v>20458</v>
      </c>
      <c r="CY26" s="114">
        <v>37236</v>
      </c>
      <c r="CZ26" s="113">
        <v>57694</v>
      </c>
      <c r="DA26" s="110">
        <v>0</v>
      </c>
      <c r="DB26" s="114">
        <v>274009</v>
      </c>
      <c r="DC26" s="114">
        <v>475142</v>
      </c>
      <c r="DD26" s="114">
        <v>157656</v>
      </c>
      <c r="DE26" s="114">
        <v>42402</v>
      </c>
      <c r="DF26" s="114">
        <v>0</v>
      </c>
      <c r="DG26" s="113">
        <v>949209</v>
      </c>
      <c r="DH26" s="116">
        <v>1006903</v>
      </c>
      <c r="DI26" s="110">
        <v>0</v>
      </c>
      <c r="DJ26" s="114">
        <v>0</v>
      </c>
      <c r="DK26" s="112">
        <v>0</v>
      </c>
      <c r="DL26" s="111">
        <v>0</v>
      </c>
      <c r="DM26" s="114">
        <v>189581</v>
      </c>
      <c r="DN26" s="114">
        <v>42342</v>
      </c>
      <c r="DO26" s="114">
        <v>2065983</v>
      </c>
      <c r="DP26" s="114">
        <v>616136</v>
      </c>
      <c r="DQ26" s="114">
        <v>633291</v>
      </c>
      <c r="DR26" s="113">
        <v>3547333</v>
      </c>
      <c r="DS26" s="116">
        <v>3547333</v>
      </c>
      <c r="DT26" s="110">
        <v>0</v>
      </c>
      <c r="DU26" s="114">
        <v>0</v>
      </c>
      <c r="DV26" s="113">
        <v>0</v>
      </c>
      <c r="DW26" s="110">
        <v>0</v>
      </c>
      <c r="DX26" s="114">
        <v>189581</v>
      </c>
      <c r="DY26" s="114">
        <v>42342</v>
      </c>
      <c r="DZ26" s="114">
        <v>2065983</v>
      </c>
      <c r="EA26" s="114">
        <v>616136</v>
      </c>
      <c r="EB26" s="114">
        <v>633291</v>
      </c>
      <c r="EC26" s="113">
        <v>3547333</v>
      </c>
      <c r="ED26" s="116">
        <v>3547333</v>
      </c>
      <c r="EE26" s="110">
        <v>0</v>
      </c>
      <c r="EF26" s="112">
        <v>0</v>
      </c>
      <c r="EG26" s="113">
        <v>0</v>
      </c>
      <c r="EH26" s="110">
        <v>0</v>
      </c>
      <c r="EI26" s="114">
        <v>0</v>
      </c>
      <c r="EJ26" s="114">
        <v>0</v>
      </c>
      <c r="EK26" s="114">
        <v>0</v>
      </c>
      <c r="EL26" s="114">
        <v>0</v>
      </c>
      <c r="EM26" s="114">
        <v>0</v>
      </c>
      <c r="EN26" s="112">
        <v>0</v>
      </c>
      <c r="EO26" s="116">
        <v>0</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8"/>
      <c r="FE26" s="114">
        <v>0</v>
      </c>
      <c r="FF26" s="114">
        <v>0</v>
      </c>
      <c r="FG26" s="114">
        <v>0</v>
      </c>
      <c r="FH26" s="114">
        <v>0</v>
      </c>
      <c r="FI26" s="114">
        <v>0</v>
      </c>
      <c r="FJ26" s="113">
        <v>0</v>
      </c>
      <c r="FK26" s="116">
        <v>0</v>
      </c>
      <c r="FL26" s="110">
        <v>11152</v>
      </c>
      <c r="FM26" s="114">
        <v>56432</v>
      </c>
      <c r="FN26" s="113">
        <v>67584</v>
      </c>
      <c r="FO26" s="110">
        <v>0</v>
      </c>
      <c r="FP26" s="114">
        <v>150304</v>
      </c>
      <c r="FQ26" s="114">
        <v>414736</v>
      </c>
      <c r="FR26" s="114">
        <v>371384</v>
      </c>
      <c r="FS26" s="114">
        <v>442872</v>
      </c>
      <c r="FT26" s="114">
        <v>171152</v>
      </c>
      <c r="FU26" s="113">
        <v>1550448</v>
      </c>
      <c r="FV26" s="116">
        <v>1618032</v>
      </c>
      <c r="FW26" s="115">
        <v>11152</v>
      </c>
      <c r="FX26" s="114">
        <v>56432</v>
      </c>
      <c r="FY26" s="112">
        <v>67584</v>
      </c>
      <c r="FZ26" s="111">
        <v>0</v>
      </c>
      <c r="GA26" s="114">
        <v>133584</v>
      </c>
      <c r="GB26" s="114">
        <v>414736</v>
      </c>
      <c r="GC26" s="114">
        <v>274424</v>
      </c>
      <c r="GD26" s="114">
        <v>424216</v>
      </c>
      <c r="GE26" s="114">
        <v>171152</v>
      </c>
      <c r="GF26" s="113">
        <v>1418112</v>
      </c>
      <c r="GG26" s="319">
        <v>1485696</v>
      </c>
      <c r="GH26" s="115">
        <v>0</v>
      </c>
      <c r="GI26" s="114">
        <v>0</v>
      </c>
      <c r="GJ26" s="112">
        <v>0</v>
      </c>
      <c r="GK26" s="111">
        <v>0</v>
      </c>
      <c r="GL26" s="114">
        <v>0</v>
      </c>
      <c r="GM26" s="114">
        <v>0</v>
      </c>
      <c r="GN26" s="114">
        <v>0</v>
      </c>
      <c r="GO26" s="114">
        <v>18656</v>
      </c>
      <c r="GP26" s="114">
        <v>0</v>
      </c>
      <c r="GQ26" s="113">
        <v>18656</v>
      </c>
      <c r="GR26" s="116">
        <v>18656</v>
      </c>
      <c r="GS26" s="110">
        <v>0</v>
      </c>
      <c r="GT26" s="114">
        <v>0</v>
      </c>
      <c r="GU26" s="113">
        <v>0</v>
      </c>
      <c r="GV26" s="110">
        <v>0</v>
      </c>
      <c r="GW26" s="114">
        <v>16720</v>
      </c>
      <c r="GX26" s="114">
        <v>0</v>
      </c>
      <c r="GY26" s="114">
        <v>96960</v>
      </c>
      <c r="GZ26" s="114">
        <v>0</v>
      </c>
      <c r="HA26" s="114">
        <v>0</v>
      </c>
      <c r="HB26" s="112">
        <v>113680</v>
      </c>
      <c r="HC26" s="116">
        <v>113680</v>
      </c>
      <c r="HD26" s="110">
        <v>116824</v>
      </c>
      <c r="HE26" s="114">
        <v>61529</v>
      </c>
      <c r="HF26" s="112">
        <v>178353</v>
      </c>
      <c r="HG26" s="111">
        <v>0</v>
      </c>
      <c r="HH26" s="114">
        <v>1172779</v>
      </c>
      <c r="HI26" s="114">
        <v>639062</v>
      </c>
      <c r="HJ26" s="114">
        <v>1367742</v>
      </c>
      <c r="HK26" s="114">
        <v>672673</v>
      </c>
      <c r="HL26" s="114">
        <v>717091</v>
      </c>
      <c r="HM26" s="113">
        <v>4569347</v>
      </c>
      <c r="HN26" s="109">
        <v>4747700</v>
      </c>
      <c r="HO26" s="329"/>
      <c r="HP26" s="330"/>
      <c r="HQ26" s="331"/>
      <c r="HR26" s="332"/>
      <c r="HS26" s="330"/>
      <c r="HT26" s="330"/>
      <c r="HU26" s="330"/>
      <c r="HV26" s="330"/>
      <c r="HW26" s="330"/>
      <c r="HX26" s="333"/>
      <c r="HY26" s="334"/>
      <c r="HZ26" s="150">
        <v>0</v>
      </c>
      <c r="IA26" s="135">
        <v>0</v>
      </c>
      <c r="IB26" s="150">
        <v>0</v>
      </c>
      <c r="IC26" s="134">
        <v>0</v>
      </c>
      <c r="ID26" s="135">
        <v>412234</v>
      </c>
      <c r="IE26" s="136">
        <v>854403</v>
      </c>
      <c r="IF26" s="137">
        <v>765114</v>
      </c>
      <c r="IG26" s="135">
        <v>641217</v>
      </c>
      <c r="IH26" s="137">
        <v>0</v>
      </c>
      <c r="II26" s="138">
        <v>2672968</v>
      </c>
      <c r="IJ26" s="150">
        <v>2672968</v>
      </c>
      <c r="IK26" s="232">
        <v>0</v>
      </c>
      <c r="IL26" s="236">
        <v>0</v>
      </c>
      <c r="IM26" s="237">
        <v>0</v>
      </c>
      <c r="IN26" s="140"/>
      <c r="IO26" s="119">
        <v>0</v>
      </c>
      <c r="IP26" s="119">
        <v>0</v>
      </c>
      <c r="IQ26" s="119">
        <v>0</v>
      </c>
      <c r="IR26" s="119">
        <v>0</v>
      </c>
      <c r="IS26" s="119">
        <v>0</v>
      </c>
      <c r="IT26" s="141">
        <v>0</v>
      </c>
      <c r="IU26" s="321">
        <v>0</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177344</v>
      </c>
      <c r="JL26" s="119">
        <v>320786</v>
      </c>
      <c r="JM26" s="119">
        <v>338183</v>
      </c>
      <c r="JN26" s="119">
        <v>383872</v>
      </c>
      <c r="JO26" s="119">
        <v>0</v>
      </c>
      <c r="JP26" s="120">
        <v>1220185</v>
      </c>
      <c r="JQ26" s="321">
        <v>1220185</v>
      </c>
      <c r="JR26" s="142">
        <v>0</v>
      </c>
      <c r="JS26" s="119">
        <v>0</v>
      </c>
      <c r="JT26" s="141">
        <v>0</v>
      </c>
      <c r="JU26" s="118">
        <v>0</v>
      </c>
      <c r="JV26" s="119">
        <v>0</v>
      </c>
      <c r="JW26" s="119">
        <v>0</v>
      </c>
      <c r="JX26" s="119">
        <v>0</v>
      </c>
      <c r="JY26" s="119">
        <v>0</v>
      </c>
      <c r="JZ26" s="119">
        <v>0</v>
      </c>
      <c r="KA26" s="120">
        <v>0</v>
      </c>
      <c r="KB26" s="321">
        <v>0</v>
      </c>
      <c r="KC26" s="234">
        <v>0</v>
      </c>
      <c r="KD26" s="230">
        <v>0</v>
      </c>
      <c r="KE26" s="120">
        <v>0</v>
      </c>
      <c r="KF26" s="118">
        <v>0</v>
      </c>
      <c r="KG26" s="119">
        <v>0</v>
      </c>
      <c r="KH26" s="119">
        <v>0</v>
      </c>
      <c r="KI26" s="119">
        <v>426931</v>
      </c>
      <c r="KJ26" s="119">
        <v>0</v>
      </c>
      <c r="KK26" s="119">
        <v>0</v>
      </c>
      <c r="KL26" s="120">
        <v>426931</v>
      </c>
      <c r="KM26" s="143">
        <v>426931</v>
      </c>
      <c r="KN26" s="232">
        <v>0</v>
      </c>
      <c r="KO26" s="236">
        <v>0</v>
      </c>
      <c r="KP26" s="237">
        <v>0</v>
      </c>
      <c r="KQ26" s="140"/>
      <c r="KR26" s="119">
        <v>234890</v>
      </c>
      <c r="KS26" s="119">
        <v>533617</v>
      </c>
      <c r="KT26" s="119">
        <v>0</v>
      </c>
      <c r="KU26" s="119">
        <v>257345</v>
      </c>
      <c r="KV26" s="119">
        <v>0</v>
      </c>
      <c r="KW26" s="120">
        <v>1025852</v>
      </c>
      <c r="KX26" s="321">
        <v>1025852</v>
      </c>
      <c r="KY26" s="142">
        <v>0</v>
      </c>
      <c r="KZ26" s="119">
        <v>0</v>
      </c>
      <c r="LA26" s="120">
        <v>0</v>
      </c>
      <c r="LB26" s="145">
        <v>0</v>
      </c>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1">
        <v>0</v>
      </c>
      <c r="LU26" s="142">
        <v>0</v>
      </c>
      <c r="LV26" s="119">
        <v>0</v>
      </c>
      <c r="LW26" s="120">
        <v>0</v>
      </c>
      <c r="LX26" s="145"/>
      <c r="LY26" s="119">
        <v>0</v>
      </c>
      <c r="LZ26" s="119">
        <v>0</v>
      </c>
      <c r="MA26" s="119">
        <v>0</v>
      </c>
      <c r="MB26" s="119">
        <v>0</v>
      </c>
      <c r="MC26" s="119">
        <v>0</v>
      </c>
      <c r="MD26" s="120">
        <v>0</v>
      </c>
      <c r="ME26" s="121">
        <v>0</v>
      </c>
      <c r="MF26" s="142">
        <v>0</v>
      </c>
      <c r="MG26" s="119">
        <v>0</v>
      </c>
      <c r="MH26" s="120">
        <v>0</v>
      </c>
      <c r="MI26" s="145"/>
      <c r="MJ26" s="119">
        <v>0</v>
      </c>
      <c r="MK26" s="119">
        <v>239547</v>
      </c>
      <c r="ML26" s="119">
        <v>2413132</v>
      </c>
      <c r="MM26" s="119">
        <v>3211185</v>
      </c>
      <c r="MN26" s="119">
        <v>1825481</v>
      </c>
      <c r="MO26" s="120">
        <v>7689345</v>
      </c>
      <c r="MP26" s="143">
        <v>7689345</v>
      </c>
      <c r="MQ26" s="142">
        <v>0</v>
      </c>
      <c r="MR26" s="119">
        <v>0</v>
      </c>
      <c r="MS26" s="120">
        <v>0</v>
      </c>
      <c r="MT26" s="145"/>
      <c r="MU26" s="119">
        <v>0</v>
      </c>
      <c r="MV26" s="119">
        <v>0</v>
      </c>
      <c r="MW26" s="119">
        <v>2182656</v>
      </c>
      <c r="MX26" s="119">
        <v>1937216</v>
      </c>
      <c r="MY26" s="119">
        <v>1485487</v>
      </c>
      <c r="MZ26" s="120">
        <v>5605359</v>
      </c>
      <c r="NA26" s="143">
        <v>5605359</v>
      </c>
      <c r="NB26" s="142">
        <v>0</v>
      </c>
      <c r="NC26" s="119">
        <v>0</v>
      </c>
      <c r="ND26" s="120">
        <v>0</v>
      </c>
      <c r="NE26" s="145"/>
      <c r="NF26" s="119">
        <v>0</v>
      </c>
      <c r="NG26" s="119">
        <v>239547</v>
      </c>
      <c r="NH26" s="119">
        <v>230476</v>
      </c>
      <c r="NI26" s="119">
        <v>553255</v>
      </c>
      <c r="NJ26" s="119">
        <v>339994</v>
      </c>
      <c r="NK26" s="120">
        <v>1363272</v>
      </c>
      <c r="NL26" s="321">
        <v>1363272</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720714</v>
      </c>
      <c r="OF26" s="119">
        <v>0</v>
      </c>
      <c r="OG26" s="120">
        <v>720714</v>
      </c>
      <c r="OH26" s="121">
        <v>720714</v>
      </c>
      <c r="OI26" s="142">
        <v>318824</v>
      </c>
      <c r="OJ26" s="119">
        <v>303256</v>
      </c>
      <c r="OK26" s="141">
        <v>622080</v>
      </c>
      <c r="OL26" s="118">
        <v>0</v>
      </c>
      <c r="OM26" s="119">
        <v>4175310</v>
      </c>
      <c r="ON26" s="119">
        <v>4948961</v>
      </c>
      <c r="OO26" s="119">
        <v>8640335</v>
      </c>
      <c r="OP26" s="119">
        <v>8406934</v>
      </c>
      <c r="OQ26" s="119">
        <v>5808292</v>
      </c>
      <c r="OR26" s="120">
        <v>31979832</v>
      </c>
      <c r="OS26" s="143">
        <v>32601912</v>
      </c>
    </row>
    <row r="27" spans="2:409" ht="20.25" customHeight="1" x14ac:dyDescent="0.2">
      <c r="B27" s="126" t="s">
        <v>22</v>
      </c>
      <c r="C27" s="110">
        <v>6400</v>
      </c>
      <c r="D27" s="114">
        <v>81648</v>
      </c>
      <c r="E27" s="113">
        <v>88048</v>
      </c>
      <c r="F27" s="109">
        <v>0</v>
      </c>
      <c r="G27" s="114">
        <v>1219004</v>
      </c>
      <c r="H27" s="114">
        <v>2053005</v>
      </c>
      <c r="I27" s="114">
        <v>1273546</v>
      </c>
      <c r="J27" s="114">
        <v>1439642</v>
      </c>
      <c r="K27" s="114">
        <v>1435080</v>
      </c>
      <c r="L27" s="173">
        <v>7420277</v>
      </c>
      <c r="M27" s="116">
        <v>7508325</v>
      </c>
      <c r="N27" s="110">
        <v>0</v>
      </c>
      <c r="O27" s="114">
        <v>36528</v>
      </c>
      <c r="P27" s="113">
        <v>36528</v>
      </c>
      <c r="Q27" s="110">
        <v>0</v>
      </c>
      <c r="R27" s="114">
        <v>233410</v>
      </c>
      <c r="S27" s="114">
        <v>444154</v>
      </c>
      <c r="T27" s="114">
        <v>158430</v>
      </c>
      <c r="U27" s="114">
        <v>518381</v>
      </c>
      <c r="V27" s="114">
        <v>467044</v>
      </c>
      <c r="W27" s="113">
        <v>1821419</v>
      </c>
      <c r="X27" s="116">
        <v>1857947</v>
      </c>
      <c r="Y27" s="110">
        <v>0</v>
      </c>
      <c r="Z27" s="114">
        <v>0</v>
      </c>
      <c r="AA27" s="113">
        <v>0</v>
      </c>
      <c r="AB27" s="110">
        <v>0</v>
      </c>
      <c r="AC27" s="114">
        <v>120162</v>
      </c>
      <c r="AD27" s="114">
        <v>214236</v>
      </c>
      <c r="AE27" s="114">
        <v>26166</v>
      </c>
      <c r="AF27" s="114">
        <v>246128</v>
      </c>
      <c r="AG27" s="114">
        <v>378569</v>
      </c>
      <c r="AH27" s="113">
        <v>985261</v>
      </c>
      <c r="AI27" s="116">
        <v>985261</v>
      </c>
      <c r="AJ27" s="110">
        <v>0</v>
      </c>
      <c r="AK27" s="114">
        <v>0</v>
      </c>
      <c r="AL27" s="113">
        <v>0</v>
      </c>
      <c r="AM27" s="110">
        <v>0</v>
      </c>
      <c r="AN27" s="114">
        <v>0</v>
      </c>
      <c r="AO27" s="114">
        <v>0</v>
      </c>
      <c r="AP27" s="114">
        <v>0</v>
      </c>
      <c r="AQ27" s="114">
        <v>97344</v>
      </c>
      <c r="AR27" s="114">
        <v>0</v>
      </c>
      <c r="AS27" s="113">
        <v>97344</v>
      </c>
      <c r="AT27" s="116">
        <v>97344</v>
      </c>
      <c r="AU27" s="110">
        <v>0</v>
      </c>
      <c r="AV27" s="114">
        <v>36528</v>
      </c>
      <c r="AW27" s="113">
        <v>36528</v>
      </c>
      <c r="AX27" s="110">
        <v>0</v>
      </c>
      <c r="AY27" s="114">
        <v>23632</v>
      </c>
      <c r="AZ27" s="114">
        <v>73245</v>
      </c>
      <c r="BA27" s="114">
        <v>76648</v>
      </c>
      <c r="BB27" s="114">
        <v>118053</v>
      </c>
      <c r="BC27" s="114">
        <v>39056</v>
      </c>
      <c r="BD27" s="113">
        <v>330634</v>
      </c>
      <c r="BE27" s="116">
        <v>367162</v>
      </c>
      <c r="BF27" s="110">
        <v>0</v>
      </c>
      <c r="BG27" s="114">
        <v>0</v>
      </c>
      <c r="BH27" s="112">
        <v>0</v>
      </c>
      <c r="BI27" s="111">
        <v>0</v>
      </c>
      <c r="BJ27" s="114">
        <v>58136</v>
      </c>
      <c r="BK27" s="114">
        <v>62793</v>
      </c>
      <c r="BL27" s="114">
        <v>0</v>
      </c>
      <c r="BM27" s="114">
        <v>20576</v>
      </c>
      <c r="BN27" s="114">
        <v>23547</v>
      </c>
      <c r="BO27" s="113">
        <v>165052</v>
      </c>
      <c r="BP27" s="116">
        <v>165052</v>
      </c>
      <c r="BQ27" s="110">
        <v>0</v>
      </c>
      <c r="BR27" s="114">
        <v>0</v>
      </c>
      <c r="BS27" s="113">
        <v>0</v>
      </c>
      <c r="BT27" s="110">
        <v>0</v>
      </c>
      <c r="BU27" s="114">
        <v>31480</v>
      </c>
      <c r="BV27" s="114">
        <v>93880</v>
      </c>
      <c r="BW27" s="114">
        <v>55616</v>
      </c>
      <c r="BX27" s="114">
        <v>36280</v>
      </c>
      <c r="BY27" s="114">
        <v>25872</v>
      </c>
      <c r="BZ27" s="113">
        <v>243128</v>
      </c>
      <c r="CA27" s="116">
        <v>243128</v>
      </c>
      <c r="CB27" s="110">
        <v>0</v>
      </c>
      <c r="CC27" s="114">
        <v>0</v>
      </c>
      <c r="CD27" s="113">
        <v>0</v>
      </c>
      <c r="CE27" s="110">
        <v>0</v>
      </c>
      <c r="CF27" s="114">
        <v>432539</v>
      </c>
      <c r="CG27" s="114">
        <v>1031467</v>
      </c>
      <c r="CH27" s="114">
        <v>369317</v>
      </c>
      <c r="CI27" s="114">
        <v>135016</v>
      </c>
      <c r="CJ27" s="114">
        <v>460216</v>
      </c>
      <c r="CK27" s="113">
        <v>2428555</v>
      </c>
      <c r="CL27" s="116">
        <v>2428555</v>
      </c>
      <c r="CM27" s="110">
        <v>0</v>
      </c>
      <c r="CN27" s="114">
        <v>0</v>
      </c>
      <c r="CO27" s="113">
        <v>0</v>
      </c>
      <c r="CP27" s="111">
        <v>0</v>
      </c>
      <c r="CQ27" s="114">
        <v>259007</v>
      </c>
      <c r="CR27" s="114">
        <v>962987</v>
      </c>
      <c r="CS27" s="114">
        <v>328149</v>
      </c>
      <c r="CT27" s="114">
        <v>78184</v>
      </c>
      <c r="CU27" s="114">
        <v>307616</v>
      </c>
      <c r="CV27" s="113">
        <v>1935943</v>
      </c>
      <c r="CW27" s="116">
        <v>1935943</v>
      </c>
      <c r="CX27" s="110">
        <v>0</v>
      </c>
      <c r="CY27" s="114">
        <v>0</v>
      </c>
      <c r="CZ27" s="113">
        <v>0</v>
      </c>
      <c r="DA27" s="110">
        <v>0</v>
      </c>
      <c r="DB27" s="114">
        <v>173532</v>
      </c>
      <c r="DC27" s="114">
        <v>68480</v>
      </c>
      <c r="DD27" s="114">
        <v>41168</v>
      </c>
      <c r="DE27" s="114">
        <v>56832</v>
      </c>
      <c r="DF27" s="114">
        <v>152600</v>
      </c>
      <c r="DG27" s="113">
        <v>492612</v>
      </c>
      <c r="DH27" s="116">
        <v>492612</v>
      </c>
      <c r="DI27" s="110">
        <v>0</v>
      </c>
      <c r="DJ27" s="114">
        <v>0</v>
      </c>
      <c r="DK27" s="112">
        <v>0</v>
      </c>
      <c r="DL27" s="111">
        <v>0</v>
      </c>
      <c r="DM27" s="114">
        <v>41395</v>
      </c>
      <c r="DN27" s="114">
        <v>73200</v>
      </c>
      <c r="DO27" s="114">
        <v>414783</v>
      </c>
      <c r="DP27" s="114">
        <v>194797</v>
      </c>
      <c r="DQ27" s="114">
        <v>156764</v>
      </c>
      <c r="DR27" s="113">
        <v>880939</v>
      </c>
      <c r="DS27" s="116">
        <v>880939</v>
      </c>
      <c r="DT27" s="110">
        <v>0</v>
      </c>
      <c r="DU27" s="114">
        <v>0</v>
      </c>
      <c r="DV27" s="113">
        <v>0</v>
      </c>
      <c r="DW27" s="110">
        <v>0</v>
      </c>
      <c r="DX27" s="114">
        <v>41395</v>
      </c>
      <c r="DY27" s="114">
        <v>0</v>
      </c>
      <c r="DZ27" s="114">
        <v>404655</v>
      </c>
      <c r="EA27" s="114">
        <v>194797</v>
      </c>
      <c r="EB27" s="114">
        <v>156764</v>
      </c>
      <c r="EC27" s="113">
        <v>797611</v>
      </c>
      <c r="ED27" s="116">
        <v>797611</v>
      </c>
      <c r="EE27" s="110">
        <v>0</v>
      </c>
      <c r="EF27" s="112">
        <v>0</v>
      </c>
      <c r="EG27" s="113">
        <v>0</v>
      </c>
      <c r="EH27" s="110">
        <v>0</v>
      </c>
      <c r="EI27" s="114">
        <v>0</v>
      </c>
      <c r="EJ27" s="114">
        <v>73200</v>
      </c>
      <c r="EK27" s="114">
        <v>10128</v>
      </c>
      <c r="EL27" s="114">
        <v>0</v>
      </c>
      <c r="EM27" s="114">
        <v>0</v>
      </c>
      <c r="EN27" s="112">
        <v>83328</v>
      </c>
      <c r="EO27" s="116">
        <v>83328</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8"/>
      <c r="FE27" s="114">
        <v>0</v>
      </c>
      <c r="FF27" s="114">
        <v>0</v>
      </c>
      <c r="FG27" s="114">
        <v>0</v>
      </c>
      <c r="FH27" s="114">
        <v>0</v>
      </c>
      <c r="FI27" s="114">
        <v>0</v>
      </c>
      <c r="FJ27" s="113">
        <v>0</v>
      </c>
      <c r="FK27" s="116">
        <v>0</v>
      </c>
      <c r="FL27" s="110">
        <v>6400</v>
      </c>
      <c r="FM27" s="114">
        <v>45120</v>
      </c>
      <c r="FN27" s="113">
        <v>51520</v>
      </c>
      <c r="FO27" s="110">
        <v>0</v>
      </c>
      <c r="FP27" s="114">
        <v>201920</v>
      </c>
      <c r="FQ27" s="114">
        <v>165488</v>
      </c>
      <c r="FR27" s="114">
        <v>142848</v>
      </c>
      <c r="FS27" s="114">
        <v>180288</v>
      </c>
      <c r="FT27" s="114">
        <v>134496</v>
      </c>
      <c r="FU27" s="113">
        <v>825040</v>
      </c>
      <c r="FV27" s="116">
        <v>876560</v>
      </c>
      <c r="FW27" s="115">
        <v>6400</v>
      </c>
      <c r="FX27" s="114">
        <v>45120</v>
      </c>
      <c r="FY27" s="112">
        <v>51520</v>
      </c>
      <c r="FZ27" s="111">
        <v>0</v>
      </c>
      <c r="GA27" s="114">
        <v>53920</v>
      </c>
      <c r="GB27" s="114">
        <v>165488</v>
      </c>
      <c r="GC27" s="114">
        <v>142848</v>
      </c>
      <c r="GD27" s="114">
        <v>180288</v>
      </c>
      <c r="GE27" s="114">
        <v>134496</v>
      </c>
      <c r="GF27" s="113">
        <v>677040</v>
      </c>
      <c r="GG27" s="319">
        <v>728560</v>
      </c>
      <c r="GH27" s="115">
        <v>0</v>
      </c>
      <c r="GI27" s="114">
        <v>0</v>
      </c>
      <c r="GJ27" s="112">
        <v>0</v>
      </c>
      <c r="GK27" s="111">
        <v>0</v>
      </c>
      <c r="GL27" s="114">
        <v>0</v>
      </c>
      <c r="GM27" s="114">
        <v>0</v>
      </c>
      <c r="GN27" s="114">
        <v>0</v>
      </c>
      <c r="GO27" s="114">
        <v>0</v>
      </c>
      <c r="GP27" s="114">
        <v>0</v>
      </c>
      <c r="GQ27" s="113">
        <v>0</v>
      </c>
      <c r="GR27" s="116">
        <v>0</v>
      </c>
      <c r="GS27" s="110">
        <v>0</v>
      </c>
      <c r="GT27" s="114">
        <v>0</v>
      </c>
      <c r="GU27" s="113">
        <v>0</v>
      </c>
      <c r="GV27" s="110">
        <v>0</v>
      </c>
      <c r="GW27" s="114">
        <v>148000</v>
      </c>
      <c r="GX27" s="114">
        <v>0</v>
      </c>
      <c r="GY27" s="114">
        <v>0</v>
      </c>
      <c r="GZ27" s="114">
        <v>0</v>
      </c>
      <c r="HA27" s="114">
        <v>0</v>
      </c>
      <c r="HB27" s="112">
        <v>148000</v>
      </c>
      <c r="HC27" s="116">
        <v>148000</v>
      </c>
      <c r="HD27" s="110">
        <v>0</v>
      </c>
      <c r="HE27" s="114">
        <v>0</v>
      </c>
      <c r="HF27" s="112">
        <v>0</v>
      </c>
      <c r="HG27" s="111">
        <v>0</v>
      </c>
      <c r="HH27" s="114">
        <v>309740</v>
      </c>
      <c r="HI27" s="114">
        <v>338696</v>
      </c>
      <c r="HJ27" s="114">
        <v>188168</v>
      </c>
      <c r="HK27" s="114">
        <v>411160</v>
      </c>
      <c r="HL27" s="114">
        <v>216560</v>
      </c>
      <c r="HM27" s="113">
        <v>1464324</v>
      </c>
      <c r="HN27" s="109">
        <v>1464324</v>
      </c>
      <c r="HO27" s="329"/>
      <c r="HP27" s="330"/>
      <c r="HQ27" s="331"/>
      <c r="HR27" s="332"/>
      <c r="HS27" s="330"/>
      <c r="HT27" s="330"/>
      <c r="HU27" s="330"/>
      <c r="HV27" s="330"/>
      <c r="HW27" s="330"/>
      <c r="HX27" s="333"/>
      <c r="HY27" s="334"/>
      <c r="HZ27" s="131">
        <v>0</v>
      </c>
      <c r="IA27" s="132">
        <v>79912</v>
      </c>
      <c r="IB27" s="133">
        <v>79912</v>
      </c>
      <c r="IC27" s="146">
        <v>0</v>
      </c>
      <c r="ID27" s="132">
        <v>865255</v>
      </c>
      <c r="IE27" s="147">
        <v>1306696</v>
      </c>
      <c r="IF27" s="133">
        <v>292814</v>
      </c>
      <c r="IG27" s="132">
        <v>1114424</v>
      </c>
      <c r="IH27" s="133">
        <v>0</v>
      </c>
      <c r="II27" s="148">
        <v>3579189</v>
      </c>
      <c r="IJ27" s="139">
        <v>3659101</v>
      </c>
      <c r="IK27" s="232">
        <v>0</v>
      </c>
      <c r="IL27" s="236">
        <v>0</v>
      </c>
      <c r="IM27" s="237">
        <v>0</v>
      </c>
      <c r="IN27" s="140"/>
      <c r="IO27" s="119">
        <v>0</v>
      </c>
      <c r="IP27" s="119">
        <v>82064</v>
      </c>
      <c r="IQ27" s="119">
        <v>157928</v>
      </c>
      <c r="IR27" s="119">
        <v>0</v>
      </c>
      <c r="IS27" s="119">
        <v>0</v>
      </c>
      <c r="IT27" s="141">
        <v>239992</v>
      </c>
      <c r="IU27" s="321">
        <v>239992</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130680</v>
      </c>
      <c r="JL27" s="119">
        <v>164928</v>
      </c>
      <c r="JM27" s="119">
        <v>88720</v>
      </c>
      <c r="JN27" s="119">
        <v>282728</v>
      </c>
      <c r="JO27" s="119">
        <v>0</v>
      </c>
      <c r="JP27" s="120">
        <v>667056</v>
      </c>
      <c r="JQ27" s="321">
        <v>667056</v>
      </c>
      <c r="JR27" s="142">
        <v>0</v>
      </c>
      <c r="JS27" s="119">
        <v>0</v>
      </c>
      <c r="JT27" s="141">
        <v>0</v>
      </c>
      <c r="JU27" s="118">
        <v>0</v>
      </c>
      <c r="JV27" s="119">
        <v>102800</v>
      </c>
      <c r="JW27" s="119">
        <v>0</v>
      </c>
      <c r="JX27" s="119">
        <v>46166</v>
      </c>
      <c r="JY27" s="119">
        <v>140296</v>
      </c>
      <c r="JZ27" s="119">
        <v>0</v>
      </c>
      <c r="KA27" s="120">
        <v>289262</v>
      </c>
      <c r="KB27" s="321">
        <v>289262</v>
      </c>
      <c r="KC27" s="234">
        <v>0</v>
      </c>
      <c r="KD27" s="230">
        <v>79912</v>
      </c>
      <c r="KE27" s="120">
        <v>79912</v>
      </c>
      <c r="KF27" s="118">
        <v>0</v>
      </c>
      <c r="KG27" s="119">
        <v>405840</v>
      </c>
      <c r="KH27" s="119">
        <v>590848</v>
      </c>
      <c r="KI27" s="119">
        <v>0</v>
      </c>
      <c r="KJ27" s="119">
        <v>-228448</v>
      </c>
      <c r="KK27" s="119">
        <v>0</v>
      </c>
      <c r="KL27" s="120">
        <v>768240</v>
      </c>
      <c r="KM27" s="143">
        <v>848152</v>
      </c>
      <c r="KN27" s="232">
        <v>0</v>
      </c>
      <c r="KO27" s="236">
        <v>0</v>
      </c>
      <c r="KP27" s="237">
        <v>0</v>
      </c>
      <c r="KQ27" s="140"/>
      <c r="KR27" s="119">
        <v>225935</v>
      </c>
      <c r="KS27" s="119">
        <v>468856</v>
      </c>
      <c r="KT27" s="119">
        <v>0</v>
      </c>
      <c r="KU27" s="119">
        <v>0</v>
      </c>
      <c r="KV27" s="119">
        <v>0</v>
      </c>
      <c r="KW27" s="120">
        <v>694791</v>
      </c>
      <c r="KX27" s="321">
        <v>694791</v>
      </c>
      <c r="KY27" s="142">
        <v>0</v>
      </c>
      <c r="KZ27" s="119">
        <v>0</v>
      </c>
      <c r="LA27" s="120">
        <v>0</v>
      </c>
      <c r="LB27" s="145">
        <v>0</v>
      </c>
      <c r="LC27" s="119">
        <v>0</v>
      </c>
      <c r="LD27" s="119">
        <v>0</v>
      </c>
      <c r="LE27" s="119">
        <v>0</v>
      </c>
      <c r="LF27" s="119">
        <v>0</v>
      </c>
      <c r="LG27" s="119">
        <v>0</v>
      </c>
      <c r="LH27" s="120">
        <v>0</v>
      </c>
      <c r="LI27" s="121">
        <v>0</v>
      </c>
      <c r="LJ27" s="142">
        <v>0</v>
      </c>
      <c r="LK27" s="119">
        <v>0</v>
      </c>
      <c r="LL27" s="120">
        <v>0</v>
      </c>
      <c r="LM27" s="145"/>
      <c r="LN27" s="119">
        <v>0</v>
      </c>
      <c r="LO27" s="119">
        <v>0</v>
      </c>
      <c r="LP27" s="119">
        <v>0</v>
      </c>
      <c r="LQ27" s="119">
        <v>919848</v>
      </c>
      <c r="LR27" s="119">
        <v>0</v>
      </c>
      <c r="LS27" s="120">
        <v>919848</v>
      </c>
      <c r="LT27" s="321">
        <v>919848</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0</v>
      </c>
      <c r="MK27" s="119">
        <v>195096</v>
      </c>
      <c r="ML27" s="119">
        <v>1009207</v>
      </c>
      <c r="MM27" s="119">
        <v>1130969</v>
      </c>
      <c r="MN27" s="119">
        <v>51346</v>
      </c>
      <c r="MO27" s="120">
        <v>2386618</v>
      </c>
      <c r="MP27" s="143">
        <v>2386618</v>
      </c>
      <c r="MQ27" s="142">
        <v>0</v>
      </c>
      <c r="MR27" s="119">
        <v>0</v>
      </c>
      <c r="MS27" s="120">
        <v>0</v>
      </c>
      <c r="MT27" s="145"/>
      <c r="MU27" s="119">
        <v>0</v>
      </c>
      <c r="MV27" s="119">
        <v>0</v>
      </c>
      <c r="MW27" s="119">
        <v>730368</v>
      </c>
      <c r="MX27" s="119">
        <v>452286</v>
      </c>
      <c r="MY27" s="119">
        <v>51346</v>
      </c>
      <c r="MZ27" s="120">
        <v>1234000</v>
      </c>
      <c r="NA27" s="143">
        <v>1234000</v>
      </c>
      <c r="NB27" s="142">
        <v>0</v>
      </c>
      <c r="NC27" s="119">
        <v>0</v>
      </c>
      <c r="ND27" s="120">
        <v>0</v>
      </c>
      <c r="NE27" s="145"/>
      <c r="NF27" s="119">
        <v>0</v>
      </c>
      <c r="NG27" s="119">
        <v>195096</v>
      </c>
      <c r="NH27" s="119">
        <v>278839</v>
      </c>
      <c r="NI27" s="119">
        <v>678683</v>
      </c>
      <c r="NJ27" s="119">
        <v>0</v>
      </c>
      <c r="NK27" s="120">
        <v>1152618</v>
      </c>
      <c r="NL27" s="321">
        <v>1152618</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6400</v>
      </c>
      <c r="OJ27" s="119">
        <v>161560</v>
      </c>
      <c r="OK27" s="141">
        <v>167960</v>
      </c>
      <c r="OL27" s="118">
        <v>0</v>
      </c>
      <c r="OM27" s="119">
        <v>2084259</v>
      </c>
      <c r="ON27" s="119">
        <v>3554797</v>
      </c>
      <c r="OO27" s="119">
        <v>2575567</v>
      </c>
      <c r="OP27" s="119">
        <v>3685035</v>
      </c>
      <c r="OQ27" s="119">
        <v>1486426</v>
      </c>
      <c r="OR27" s="120">
        <v>13386084</v>
      </c>
      <c r="OS27" s="143">
        <v>13554044</v>
      </c>
    </row>
    <row r="28" spans="2:409" ht="20.25" customHeight="1" x14ac:dyDescent="0.2">
      <c r="B28" s="126" t="s">
        <v>23</v>
      </c>
      <c r="C28" s="110">
        <v>260676</v>
      </c>
      <c r="D28" s="114">
        <v>190202</v>
      </c>
      <c r="E28" s="113">
        <v>450878</v>
      </c>
      <c r="F28" s="109">
        <v>0</v>
      </c>
      <c r="G28" s="114">
        <v>2454613</v>
      </c>
      <c r="H28" s="114">
        <v>2114375</v>
      </c>
      <c r="I28" s="114">
        <v>2249502</v>
      </c>
      <c r="J28" s="114">
        <v>2124040</v>
      </c>
      <c r="K28" s="114">
        <v>776869</v>
      </c>
      <c r="L28" s="173">
        <v>9719399</v>
      </c>
      <c r="M28" s="116">
        <v>10170277</v>
      </c>
      <c r="N28" s="110">
        <v>93878</v>
      </c>
      <c r="O28" s="114">
        <v>78873</v>
      </c>
      <c r="P28" s="113">
        <v>172751</v>
      </c>
      <c r="Q28" s="110">
        <v>0</v>
      </c>
      <c r="R28" s="114">
        <v>573552</v>
      </c>
      <c r="S28" s="114">
        <v>676662</v>
      </c>
      <c r="T28" s="114">
        <v>463518</v>
      </c>
      <c r="U28" s="114">
        <v>766380</v>
      </c>
      <c r="V28" s="114">
        <v>115158</v>
      </c>
      <c r="W28" s="113">
        <v>2595270</v>
      </c>
      <c r="X28" s="116">
        <v>2768021</v>
      </c>
      <c r="Y28" s="110">
        <v>0</v>
      </c>
      <c r="Z28" s="114">
        <v>0</v>
      </c>
      <c r="AA28" s="113">
        <v>0</v>
      </c>
      <c r="AB28" s="110">
        <v>0</v>
      </c>
      <c r="AC28" s="114">
        <v>153768</v>
      </c>
      <c r="AD28" s="114">
        <v>214229</v>
      </c>
      <c r="AE28" s="114">
        <v>295094</v>
      </c>
      <c r="AF28" s="114">
        <v>498000</v>
      </c>
      <c r="AG28" s="114">
        <v>0</v>
      </c>
      <c r="AH28" s="113">
        <v>1161091</v>
      </c>
      <c r="AI28" s="116">
        <v>1161091</v>
      </c>
      <c r="AJ28" s="110">
        <v>0</v>
      </c>
      <c r="AK28" s="114">
        <v>0</v>
      </c>
      <c r="AL28" s="113">
        <v>0</v>
      </c>
      <c r="AM28" s="110">
        <v>0</v>
      </c>
      <c r="AN28" s="114">
        <v>0</v>
      </c>
      <c r="AO28" s="114">
        <v>0</v>
      </c>
      <c r="AP28" s="114">
        <v>0</v>
      </c>
      <c r="AQ28" s="114">
        <v>46292</v>
      </c>
      <c r="AR28" s="114">
        <v>0</v>
      </c>
      <c r="AS28" s="113">
        <v>46292</v>
      </c>
      <c r="AT28" s="116">
        <v>46292</v>
      </c>
      <c r="AU28" s="110">
        <v>47878</v>
      </c>
      <c r="AV28" s="114">
        <v>74729</v>
      </c>
      <c r="AW28" s="113">
        <v>122607</v>
      </c>
      <c r="AX28" s="110">
        <v>0</v>
      </c>
      <c r="AY28" s="114">
        <v>252730</v>
      </c>
      <c r="AZ28" s="114">
        <v>354299</v>
      </c>
      <c r="BA28" s="114">
        <v>56168</v>
      </c>
      <c r="BB28" s="114">
        <v>125504</v>
      </c>
      <c r="BC28" s="114">
        <v>60142</v>
      </c>
      <c r="BD28" s="113">
        <v>848843</v>
      </c>
      <c r="BE28" s="116">
        <v>971450</v>
      </c>
      <c r="BF28" s="110">
        <v>0</v>
      </c>
      <c r="BG28" s="114">
        <v>0</v>
      </c>
      <c r="BH28" s="112">
        <v>0</v>
      </c>
      <c r="BI28" s="111">
        <v>0</v>
      </c>
      <c r="BJ28" s="114">
        <v>10966</v>
      </c>
      <c r="BK28" s="114">
        <v>32030</v>
      </c>
      <c r="BL28" s="114">
        <v>0</v>
      </c>
      <c r="BM28" s="114">
        <v>0</v>
      </c>
      <c r="BN28" s="114">
        <v>0</v>
      </c>
      <c r="BO28" s="113">
        <v>42996</v>
      </c>
      <c r="BP28" s="116">
        <v>42996</v>
      </c>
      <c r="BQ28" s="110">
        <v>46000</v>
      </c>
      <c r="BR28" s="114">
        <v>4144</v>
      </c>
      <c r="BS28" s="113">
        <v>50144</v>
      </c>
      <c r="BT28" s="110">
        <v>0</v>
      </c>
      <c r="BU28" s="114">
        <v>156088</v>
      </c>
      <c r="BV28" s="114">
        <v>76104</v>
      </c>
      <c r="BW28" s="114">
        <v>112256</v>
      </c>
      <c r="BX28" s="114">
        <v>96584</v>
      </c>
      <c r="BY28" s="114">
        <v>55016</v>
      </c>
      <c r="BZ28" s="113">
        <v>496048</v>
      </c>
      <c r="CA28" s="116">
        <v>546192</v>
      </c>
      <c r="CB28" s="110">
        <v>0</v>
      </c>
      <c r="CC28" s="114">
        <v>0</v>
      </c>
      <c r="CD28" s="113">
        <v>0</v>
      </c>
      <c r="CE28" s="110">
        <v>0</v>
      </c>
      <c r="CF28" s="114">
        <v>708498</v>
      </c>
      <c r="CG28" s="114">
        <v>895493</v>
      </c>
      <c r="CH28" s="114">
        <v>927535</v>
      </c>
      <c r="CI28" s="114">
        <v>738052</v>
      </c>
      <c r="CJ28" s="114">
        <v>90196</v>
      </c>
      <c r="CK28" s="113">
        <v>3359774</v>
      </c>
      <c r="CL28" s="116">
        <v>3359774</v>
      </c>
      <c r="CM28" s="110">
        <v>0</v>
      </c>
      <c r="CN28" s="114">
        <v>0</v>
      </c>
      <c r="CO28" s="113">
        <v>0</v>
      </c>
      <c r="CP28" s="111">
        <v>0</v>
      </c>
      <c r="CQ28" s="114">
        <v>636573</v>
      </c>
      <c r="CR28" s="114">
        <v>767018</v>
      </c>
      <c r="CS28" s="114">
        <v>761103</v>
      </c>
      <c r="CT28" s="114">
        <v>475007</v>
      </c>
      <c r="CU28" s="114">
        <v>90196</v>
      </c>
      <c r="CV28" s="113">
        <v>2729897</v>
      </c>
      <c r="CW28" s="116">
        <v>2729897</v>
      </c>
      <c r="CX28" s="110">
        <v>0</v>
      </c>
      <c r="CY28" s="114">
        <v>0</v>
      </c>
      <c r="CZ28" s="113">
        <v>0</v>
      </c>
      <c r="DA28" s="110">
        <v>0</v>
      </c>
      <c r="DB28" s="114">
        <v>71925</v>
      </c>
      <c r="DC28" s="114">
        <v>128475</v>
      </c>
      <c r="DD28" s="114">
        <v>166432</v>
      </c>
      <c r="DE28" s="114">
        <v>263045</v>
      </c>
      <c r="DF28" s="114">
        <v>0</v>
      </c>
      <c r="DG28" s="113">
        <v>629877</v>
      </c>
      <c r="DH28" s="116">
        <v>629877</v>
      </c>
      <c r="DI28" s="110">
        <v>0</v>
      </c>
      <c r="DJ28" s="114">
        <v>0</v>
      </c>
      <c r="DK28" s="112">
        <v>0</v>
      </c>
      <c r="DL28" s="111">
        <v>0</v>
      </c>
      <c r="DM28" s="114">
        <v>40938</v>
      </c>
      <c r="DN28" s="114">
        <v>39509</v>
      </c>
      <c r="DO28" s="114">
        <v>85318</v>
      </c>
      <c r="DP28" s="114">
        <v>259855</v>
      </c>
      <c r="DQ28" s="114">
        <v>0</v>
      </c>
      <c r="DR28" s="113">
        <v>425620</v>
      </c>
      <c r="DS28" s="116">
        <v>425620</v>
      </c>
      <c r="DT28" s="110">
        <v>0</v>
      </c>
      <c r="DU28" s="114">
        <v>0</v>
      </c>
      <c r="DV28" s="113">
        <v>0</v>
      </c>
      <c r="DW28" s="110">
        <v>0</v>
      </c>
      <c r="DX28" s="114">
        <v>0</v>
      </c>
      <c r="DY28" s="114">
        <v>39509</v>
      </c>
      <c r="DZ28" s="114">
        <v>85318</v>
      </c>
      <c r="EA28" s="114">
        <v>259855</v>
      </c>
      <c r="EB28" s="114">
        <v>0</v>
      </c>
      <c r="EC28" s="113">
        <v>384682</v>
      </c>
      <c r="ED28" s="116">
        <v>384682</v>
      </c>
      <c r="EE28" s="110">
        <v>0</v>
      </c>
      <c r="EF28" s="112">
        <v>0</v>
      </c>
      <c r="EG28" s="113">
        <v>0</v>
      </c>
      <c r="EH28" s="110">
        <v>0</v>
      </c>
      <c r="EI28" s="114">
        <v>40938</v>
      </c>
      <c r="EJ28" s="114">
        <v>0</v>
      </c>
      <c r="EK28" s="114">
        <v>0</v>
      </c>
      <c r="EL28" s="114">
        <v>0</v>
      </c>
      <c r="EM28" s="114">
        <v>0</v>
      </c>
      <c r="EN28" s="112">
        <v>40938</v>
      </c>
      <c r="EO28" s="116">
        <v>40938</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8"/>
      <c r="FE28" s="114">
        <v>0</v>
      </c>
      <c r="FF28" s="114">
        <v>0</v>
      </c>
      <c r="FG28" s="114">
        <v>0</v>
      </c>
      <c r="FH28" s="114">
        <v>0</v>
      </c>
      <c r="FI28" s="114">
        <v>0</v>
      </c>
      <c r="FJ28" s="113">
        <v>0</v>
      </c>
      <c r="FK28" s="116">
        <v>0</v>
      </c>
      <c r="FL28" s="110">
        <v>63920</v>
      </c>
      <c r="FM28" s="114">
        <v>18224</v>
      </c>
      <c r="FN28" s="113">
        <v>82144</v>
      </c>
      <c r="FO28" s="110">
        <v>0</v>
      </c>
      <c r="FP28" s="114">
        <v>167208</v>
      </c>
      <c r="FQ28" s="114">
        <v>310616</v>
      </c>
      <c r="FR28" s="114">
        <v>66368</v>
      </c>
      <c r="FS28" s="114">
        <v>143272</v>
      </c>
      <c r="FT28" s="114">
        <v>48032</v>
      </c>
      <c r="FU28" s="113">
        <v>735496</v>
      </c>
      <c r="FV28" s="116">
        <v>817640</v>
      </c>
      <c r="FW28" s="115">
        <v>8720</v>
      </c>
      <c r="FX28" s="114">
        <v>18224</v>
      </c>
      <c r="FY28" s="112">
        <v>26944</v>
      </c>
      <c r="FZ28" s="111">
        <v>0</v>
      </c>
      <c r="GA28" s="114">
        <v>125448</v>
      </c>
      <c r="GB28" s="114">
        <v>310616</v>
      </c>
      <c r="GC28" s="114">
        <v>66368</v>
      </c>
      <c r="GD28" s="114">
        <v>143272</v>
      </c>
      <c r="GE28" s="114">
        <v>48032</v>
      </c>
      <c r="GF28" s="113">
        <v>693736</v>
      </c>
      <c r="GG28" s="319">
        <v>720680</v>
      </c>
      <c r="GH28" s="115">
        <v>0</v>
      </c>
      <c r="GI28" s="114">
        <v>0</v>
      </c>
      <c r="GJ28" s="112">
        <v>0</v>
      </c>
      <c r="GK28" s="111">
        <v>0</v>
      </c>
      <c r="GL28" s="114">
        <v>23760</v>
      </c>
      <c r="GM28" s="114">
        <v>0</v>
      </c>
      <c r="GN28" s="114">
        <v>0</v>
      </c>
      <c r="GO28" s="114">
        <v>0</v>
      </c>
      <c r="GP28" s="114">
        <v>0</v>
      </c>
      <c r="GQ28" s="113">
        <v>23760</v>
      </c>
      <c r="GR28" s="116">
        <v>23760</v>
      </c>
      <c r="GS28" s="110">
        <v>55200</v>
      </c>
      <c r="GT28" s="114">
        <v>0</v>
      </c>
      <c r="GU28" s="113">
        <v>55200</v>
      </c>
      <c r="GV28" s="110">
        <v>0</v>
      </c>
      <c r="GW28" s="114">
        <v>18000</v>
      </c>
      <c r="GX28" s="114">
        <v>0</v>
      </c>
      <c r="GY28" s="114">
        <v>0</v>
      </c>
      <c r="GZ28" s="114">
        <v>0</v>
      </c>
      <c r="HA28" s="114">
        <v>0</v>
      </c>
      <c r="HB28" s="112">
        <v>18000</v>
      </c>
      <c r="HC28" s="116">
        <v>73200</v>
      </c>
      <c r="HD28" s="110">
        <v>102878</v>
      </c>
      <c r="HE28" s="114">
        <v>93105</v>
      </c>
      <c r="HF28" s="112">
        <v>195983</v>
      </c>
      <c r="HG28" s="111">
        <v>0</v>
      </c>
      <c r="HH28" s="114">
        <v>964417</v>
      </c>
      <c r="HI28" s="114">
        <v>192095</v>
      </c>
      <c r="HJ28" s="114">
        <v>706763</v>
      </c>
      <c r="HK28" s="114">
        <v>216481</v>
      </c>
      <c r="HL28" s="114">
        <v>523483</v>
      </c>
      <c r="HM28" s="113">
        <v>2603239</v>
      </c>
      <c r="HN28" s="109">
        <v>2799222</v>
      </c>
      <c r="HO28" s="329"/>
      <c r="HP28" s="330"/>
      <c r="HQ28" s="331"/>
      <c r="HR28" s="332"/>
      <c r="HS28" s="330"/>
      <c r="HT28" s="330"/>
      <c r="HU28" s="330"/>
      <c r="HV28" s="330"/>
      <c r="HW28" s="330"/>
      <c r="HX28" s="333"/>
      <c r="HY28" s="334"/>
      <c r="HZ28" s="150">
        <v>0</v>
      </c>
      <c r="IA28" s="135">
        <v>0</v>
      </c>
      <c r="IB28" s="150">
        <v>0</v>
      </c>
      <c r="IC28" s="134">
        <v>0</v>
      </c>
      <c r="ID28" s="135">
        <v>824644</v>
      </c>
      <c r="IE28" s="136">
        <v>329917</v>
      </c>
      <c r="IF28" s="137">
        <v>777762</v>
      </c>
      <c r="IG28" s="135">
        <v>1336360</v>
      </c>
      <c r="IH28" s="137">
        <v>0</v>
      </c>
      <c r="II28" s="138">
        <v>3268683</v>
      </c>
      <c r="IJ28" s="150">
        <v>3268683</v>
      </c>
      <c r="IK28" s="232">
        <v>0</v>
      </c>
      <c r="IL28" s="236">
        <v>0</v>
      </c>
      <c r="IM28" s="237">
        <v>0</v>
      </c>
      <c r="IN28" s="140"/>
      <c r="IO28" s="119">
        <v>0</v>
      </c>
      <c r="IP28" s="119">
        <v>0</v>
      </c>
      <c r="IQ28" s="119">
        <v>0</v>
      </c>
      <c r="IR28" s="119">
        <v>0</v>
      </c>
      <c r="IS28" s="119">
        <v>0</v>
      </c>
      <c r="IT28" s="141">
        <v>0</v>
      </c>
      <c r="IU28" s="321">
        <v>0</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117340</v>
      </c>
      <c r="JL28" s="119">
        <v>86784</v>
      </c>
      <c r="JM28" s="119">
        <v>16444</v>
      </c>
      <c r="JN28" s="119">
        <v>565546</v>
      </c>
      <c r="JO28" s="119">
        <v>0</v>
      </c>
      <c r="JP28" s="120">
        <v>786114</v>
      </c>
      <c r="JQ28" s="321">
        <v>786114</v>
      </c>
      <c r="JR28" s="142">
        <v>0</v>
      </c>
      <c r="JS28" s="119">
        <v>0</v>
      </c>
      <c r="JT28" s="141">
        <v>0</v>
      </c>
      <c r="JU28" s="118">
        <v>0</v>
      </c>
      <c r="JV28" s="119">
        <v>0</v>
      </c>
      <c r="JW28" s="119">
        <v>0</v>
      </c>
      <c r="JX28" s="119">
        <v>0</v>
      </c>
      <c r="JY28" s="119">
        <v>0</v>
      </c>
      <c r="JZ28" s="119">
        <v>0</v>
      </c>
      <c r="KA28" s="120">
        <v>0</v>
      </c>
      <c r="KB28" s="321">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c r="KR28" s="119">
        <v>707304</v>
      </c>
      <c r="KS28" s="119">
        <v>243133</v>
      </c>
      <c r="KT28" s="119">
        <v>761318</v>
      </c>
      <c r="KU28" s="119">
        <v>770814</v>
      </c>
      <c r="KV28" s="119">
        <v>0</v>
      </c>
      <c r="KW28" s="120">
        <v>2482569</v>
      </c>
      <c r="KX28" s="321">
        <v>2482569</v>
      </c>
      <c r="KY28" s="142">
        <v>0</v>
      </c>
      <c r="KZ28" s="119">
        <v>0</v>
      </c>
      <c r="LA28" s="120">
        <v>0</v>
      </c>
      <c r="LB28" s="145">
        <v>0</v>
      </c>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1">
        <v>0</v>
      </c>
      <c r="LU28" s="142">
        <v>0</v>
      </c>
      <c r="LV28" s="119">
        <v>0</v>
      </c>
      <c r="LW28" s="120">
        <v>0</v>
      </c>
      <c r="LX28" s="145"/>
      <c r="LY28" s="119">
        <v>0</v>
      </c>
      <c r="LZ28" s="119">
        <v>0</v>
      </c>
      <c r="MA28" s="119">
        <v>0</v>
      </c>
      <c r="MB28" s="119">
        <v>0</v>
      </c>
      <c r="MC28" s="119">
        <v>0</v>
      </c>
      <c r="MD28" s="120">
        <v>0</v>
      </c>
      <c r="ME28" s="121">
        <v>0</v>
      </c>
      <c r="MF28" s="142">
        <v>0</v>
      </c>
      <c r="MG28" s="119">
        <v>0</v>
      </c>
      <c r="MH28" s="120">
        <v>0</v>
      </c>
      <c r="MI28" s="145"/>
      <c r="MJ28" s="119">
        <v>577266</v>
      </c>
      <c r="MK28" s="119">
        <v>125965</v>
      </c>
      <c r="ML28" s="119">
        <v>553344</v>
      </c>
      <c r="MM28" s="119">
        <v>1565514</v>
      </c>
      <c r="MN28" s="119">
        <v>309739</v>
      </c>
      <c r="MO28" s="120">
        <v>3131828</v>
      </c>
      <c r="MP28" s="143">
        <v>3131828</v>
      </c>
      <c r="MQ28" s="142">
        <v>0</v>
      </c>
      <c r="MR28" s="119">
        <v>0</v>
      </c>
      <c r="MS28" s="120">
        <v>0</v>
      </c>
      <c r="MT28" s="145"/>
      <c r="MU28" s="119">
        <v>223780</v>
      </c>
      <c r="MV28" s="119">
        <v>0</v>
      </c>
      <c r="MW28" s="119">
        <v>253776</v>
      </c>
      <c r="MX28" s="119">
        <v>1013843</v>
      </c>
      <c r="MY28" s="119">
        <v>0</v>
      </c>
      <c r="MZ28" s="120">
        <v>1491399</v>
      </c>
      <c r="NA28" s="143">
        <v>1491399</v>
      </c>
      <c r="NB28" s="142">
        <v>0</v>
      </c>
      <c r="NC28" s="119">
        <v>0</v>
      </c>
      <c r="ND28" s="120">
        <v>0</v>
      </c>
      <c r="NE28" s="145"/>
      <c r="NF28" s="119">
        <v>353486</v>
      </c>
      <c r="NG28" s="119">
        <v>125965</v>
      </c>
      <c r="NH28" s="119">
        <v>299568</v>
      </c>
      <c r="NI28" s="119">
        <v>551671</v>
      </c>
      <c r="NJ28" s="119">
        <v>309739</v>
      </c>
      <c r="NK28" s="120">
        <v>1640429</v>
      </c>
      <c r="NL28" s="321">
        <v>1640429</v>
      </c>
      <c r="NM28" s="142">
        <v>0</v>
      </c>
      <c r="NN28" s="119">
        <v>0</v>
      </c>
      <c r="NO28" s="120">
        <v>0</v>
      </c>
      <c r="NP28" s="145"/>
      <c r="NQ28" s="119">
        <v>0</v>
      </c>
      <c r="NR28" s="119">
        <v>0</v>
      </c>
      <c r="NS28" s="119">
        <v>0</v>
      </c>
      <c r="NT28" s="119">
        <v>0</v>
      </c>
      <c r="NU28" s="119">
        <v>0</v>
      </c>
      <c r="NV28" s="120">
        <v>0</v>
      </c>
      <c r="NW28" s="121">
        <v>0</v>
      </c>
      <c r="NX28" s="142">
        <v>0</v>
      </c>
      <c r="NY28" s="119">
        <v>0</v>
      </c>
      <c r="NZ28" s="120">
        <v>0</v>
      </c>
      <c r="OA28" s="145"/>
      <c r="OB28" s="119">
        <v>0</v>
      </c>
      <c r="OC28" s="119">
        <v>0</v>
      </c>
      <c r="OD28" s="119">
        <v>0</v>
      </c>
      <c r="OE28" s="119">
        <v>0</v>
      </c>
      <c r="OF28" s="119">
        <v>0</v>
      </c>
      <c r="OG28" s="120">
        <v>0</v>
      </c>
      <c r="OH28" s="121">
        <v>0</v>
      </c>
      <c r="OI28" s="142">
        <v>260676</v>
      </c>
      <c r="OJ28" s="119">
        <v>190202</v>
      </c>
      <c r="OK28" s="141">
        <v>450878</v>
      </c>
      <c r="OL28" s="118">
        <v>0</v>
      </c>
      <c r="OM28" s="119">
        <v>3856523</v>
      </c>
      <c r="ON28" s="119">
        <v>2570257</v>
      </c>
      <c r="OO28" s="119">
        <v>3580608</v>
      </c>
      <c r="OP28" s="119">
        <v>5025914</v>
      </c>
      <c r="OQ28" s="119">
        <v>1086608</v>
      </c>
      <c r="OR28" s="120">
        <v>16119910</v>
      </c>
      <c r="OS28" s="143">
        <v>16570788</v>
      </c>
    </row>
    <row r="29" spans="2:409" ht="20.25" customHeight="1" x14ac:dyDescent="0.2">
      <c r="B29" s="126" t="s">
        <v>24</v>
      </c>
      <c r="C29" s="110">
        <v>313802</v>
      </c>
      <c r="D29" s="114">
        <v>350035</v>
      </c>
      <c r="E29" s="113">
        <v>663837</v>
      </c>
      <c r="F29" s="109">
        <v>0</v>
      </c>
      <c r="G29" s="114">
        <v>2978541</v>
      </c>
      <c r="H29" s="114">
        <v>2321686</v>
      </c>
      <c r="I29" s="114">
        <v>1710919</v>
      </c>
      <c r="J29" s="114">
        <v>1069910</v>
      </c>
      <c r="K29" s="114">
        <v>1218737</v>
      </c>
      <c r="L29" s="173">
        <v>9299793</v>
      </c>
      <c r="M29" s="116">
        <v>9963630</v>
      </c>
      <c r="N29" s="110">
        <v>66758</v>
      </c>
      <c r="O29" s="114">
        <v>141364</v>
      </c>
      <c r="P29" s="113">
        <v>208122</v>
      </c>
      <c r="Q29" s="110">
        <v>0</v>
      </c>
      <c r="R29" s="114">
        <v>1054860</v>
      </c>
      <c r="S29" s="114">
        <v>829128</v>
      </c>
      <c r="T29" s="114">
        <v>464229</v>
      </c>
      <c r="U29" s="114">
        <v>623260</v>
      </c>
      <c r="V29" s="114">
        <v>670871</v>
      </c>
      <c r="W29" s="113">
        <v>3642348</v>
      </c>
      <c r="X29" s="116">
        <v>3850470</v>
      </c>
      <c r="Y29" s="110">
        <v>0</v>
      </c>
      <c r="Z29" s="114">
        <v>0</v>
      </c>
      <c r="AA29" s="113">
        <v>0</v>
      </c>
      <c r="AB29" s="110">
        <v>0</v>
      </c>
      <c r="AC29" s="114">
        <v>417266</v>
      </c>
      <c r="AD29" s="114">
        <v>360308</v>
      </c>
      <c r="AE29" s="114">
        <v>77460</v>
      </c>
      <c r="AF29" s="114">
        <v>406635</v>
      </c>
      <c r="AG29" s="114">
        <v>184267</v>
      </c>
      <c r="AH29" s="113">
        <v>1445936</v>
      </c>
      <c r="AI29" s="116">
        <v>1445936</v>
      </c>
      <c r="AJ29" s="110">
        <v>0</v>
      </c>
      <c r="AK29" s="114">
        <v>0</v>
      </c>
      <c r="AL29" s="113">
        <v>0</v>
      </c>
      <c r="AM29" s="110">
        <v>0</v>
      </c>
      <c r="AN29" s="114">
        <v>0</v>
      </c>
      <c r="AO29" s="114">
        <v>0</v>
      </c>
      <c r="AP29" s="114">
        <v>0</v>
      </c>
      <c r="AQ29" s="114">
        <v>47806</v>
      </c>
      <c r="AR29" s="114">
        <v>198436</v>
      </c>
      <c r="AS29" s="113">
        <v>246242</v>
      </c>
      <c r="AT29" s="116">
        <v>246242</v>
      </c>
      <c r="AU29" s="110">
        <v>40838</v>
      </c>
      <c r="AV29" s="114">
        <v>49389</v>
      </c>
      <c r="AW29" s="113">
        <v>90227</v>
      </c>
      <c r="AX29" s="110">
        <v>0</v>
      </c>
      <c r="AY29" s="114">
        <v>405892</v>
      </c>
      <c r="AZ29" s="114">
        <v>328772</v>
      </c>
      <c r="BA29" s="114">
        <v>259161</v>
      </c>
      <c r="BB29" s="114">
        <v>52018</v>
      </c>
      <c r="BC29" s="114">
        <v>230456</v>
      </c>
      <c r="BD29" s="113">
        <v>1276299</v>
      </c>
      <c r="BE29" s="116">
        <v>1366526</v>
      </c>
      <c r="BF29" s="110">
        <v>0</v>
      </c>
      <c r="BG29" s="114">
        <v>46791</v>
      </c>
      <c r="BH29" s="112">
        <v>46791</v>
      </c>
      <c r="BI29" s="111">
        <v>0</v>
      </c>
      <c r="BJ29" s="114">
        <v>51422</v>
      </c>
      <c r="BK29" s="114">
        <v>31416</v>
      </c>
      <c r="BL29" s="114">
        <v>0</v>
      </c>
      <c r="BM29" s="114">
        <v>69865</v>
      </c>
      <c r="BN29" s="114">
        <v>0</v>
      </c>
      <c r="BO29" s="113">
        <v>152703</v>
      </c>
      <c r="BP29" s="116">
        <v>199494</v>
      </c>
      <c r="BQ29" s="110">
        <v>25920</v>
      </c>
      <c r="BR29" s="114">
        <v>45184</v>
      </c>
      <c r="BS29" s="113">
        <v>71104</v>
      </c>
      <c r="BT29" s="110">
        <v>0</v>
      </c>
      <c r="BU29" s="114">
        <v>180280</v>
      </c>
      <c r="BV29" s="114">
        <v>108632</v>
      </c>
      <c r="BW29" s="114">
        <v>127608</v>
      </c>
      <c r="BX29" s="114">
        <v>46936</v>
      </c>
      <c r="BY29" s="114">
        <v>57712</v>
      </c>
      <c r="BZ29" s="113">
        <v>521168</v>
      </c>
      <c r="CA29" s="116">
        <v>592272</v>
      </c>
      <c r="CB29" s="110">
        <v>57240</v>
      </c>
      <c r="CC29" s="114">
        <v>105314</v>
      </c>
      <c r="CD29" s="113">
        <v>162554</v>
      </c>
      <c r="CE29" s="110">
        <v>0</v>
      </c>
      <c r="CF29" s="114">
        <v>644254</v>
      </c>
      <c r="CG29" s="114">
        <v>805479</v>
      </c>
      <c r="CH29" s="114">
        <v>650035</v>
      </c>
      <c r="CI29" s="114">
        <v>29700</v>
      </c>
      <c r="CJ29" s="114">
        <v>0</v>
      </c>
      <c r="CK29" s="113">
        <v>2129468</v>
      </c>
      <c r="CL29" s="116">
        <v>2292022</v>
      </c>
      <c r="CM29" s="110">
        <v>0</v>
      </c>
      <c r="CN29" s="114">
        <v>0</v>
      </c>
      <c r="CO29" s="113">
        <v>0</v>
      </c>
      <c r="CP29" s="111">
        <v>0</v>
      </c>
      <c r="CQ29" s="114">
        <v>536592</v>
      </c>
      <c r="CR29" s="114">
        <v>430551</v>
      </c>
      <c r="CS29" s="114">
        <v>548207</v>
      </c>
      <c r="CT29" s="114">
        <v>29700</v>
      </c>
      <c r="CU29" s="114">
        <v>0</v>
      </c>
      <c r="CV29" s="113">
        <v>1545050</v>
      </c>
      <c r="CW29" s="116">
        <v>1545050</v>
      </c>
      <c r="CX29" s="110">
        <v>57240</v>
      </c>
      <c r="CY29" s="114">
        <v>105314</v>
      </c>
      <c r="CZ29" s="113">
        <v>162554</v>
      </c>
      <c r="DA29" s="110">
        <v>0</v>
      </c>
      <c r="DB29" s="114">
        <v>107662</v>
      </c>
      <c r="DC29" s="114">
        <v>374928</v>
      </c>
      <c r="DD29" s="114">
        <v>101828</v>
      </c>
      <c r="DE29" s="114">
        <v>0</v>
      </c>
      <c r="DF29" s="114">
        <v>0</v>
      </c>
      <c r="DG29" s="113">
        <v>584418</v>
      </c>
      <c r="DH29" s="116">
        <v>746972</v>
      </c>
      <c r="DI29" s="110">
        <v>0</v>
      </c>
      <c r="DJ29" s="114">
        <v>0</v>
      </c>
      <c r="DK29" s="112">
        <v>0</v>
      </c>
      <c r="DL29" s="111">
        <v>0</v>
      </c>
      <c r="DM29" s="114">
        <v>59368</v>
      </c>
      <c r="DN29" s="114">
        <v>0</v>
      </c>
      <c r="DO29" s="114">
        <v>61568</v>
      </c>
      <c r="DP29" s="114">
        <v>114307</v>
      </c>
      <c r="DQ29" s="114">
        <v>241052</v>
      </c>
      <c r="DR29" s="113">
        <v>476295</v>
      </c>
      <c r="DS29" s="116">
        <v>476295</v>
      </c>
      <c r="DT29" s="110">
        <v>0</v>
      </c>
      <c r="DU29" s="114">
        <v>0</v>
      </c>
      <c r="DV29" s="113">
        <v>0</v>
      </c>
      <c r="DW29" s="110">
        <v>0</v>
      </c>
      <c r="DX29" s="114">
        <v>59368</v>
      </c>
      <c r="DY29" s="114">
        <v>0</v>
      </c>
      <c r="DZ29" s="114">
        <v>61568</v>
      </c>
      <c r="EA29" s="114">
        <v>114307</v>
      </c>
      <c r="EB29" s="114">
        <v>241052</v>
      </c>
      <c r="EC29" s="113">
        <v>476295</v>
      </c>
      <c r="ED29" s="116">
        <v>476295</v>
      </c>
      <c r="EE29" s="110">
        <v>0</v>
      </c>
      <c r="EF29" s="112">
        <v>0</v>
      </c>
      <c r="EG29" s="113">
        <v>0</v>
      </c>
      <c r="EH29" s="110">
        <v>0</v>
      </c>
      <c r="EI29" s="114">
        <v>0</v>
      </c>
      <c r="EJ29" s="114">
        <v>0</v>
      </c>
      <c r="EK29" s="114">
        <v>0</v>
      </c>
      <c r="EL29" s="114">
        <v>0</v>
      </c>
      <c r="EM29" s="114">
        <v>0</v>
      </c>
      <c r="EN29" s="112">
        <v>0</v>
      </c>
      <c r="EO29" s="116">
        <v>0</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8"/>
      <c r="FE29" s="114">
        <v>0</v>
      </c>
      <c r="FF29" s="114">
        <v>0</v>
      </c>
      <c r="FG29" s="114">
        <v>0</v>
      </c>
      <c r="FH29" s="114">
        <v>0</v>
      </c>
      <c r="FI29" s="114">
        <v>0</v>
      </c>
      <c r="FJ29" s="113">
        <v>0</v>
      </c>
      <c r="FK29" s="116">
        <v>0</v>
      </c>
      <c r="FL29" s="110">
        <v>30800</v>
      </c>
      <c r="FM29" s="114">
        <v>13680</v>
      </c>
      <c r="FN29" s="113">
        <v>44480</v>
      </c>
      <c r="FO29" s="110">
        <v>0</v>
      </c>
      <c r="FP29" s="114">
        <v>100336</v>
      </c>
      <c r="FQ29" s="114">
        <v>158168</v>
      </c>
      <c r="FR29" s="114">
        <v>139952</v>
      </c>
      <c r="FS29" s="114">
        <v>88536</v>
      </c>
      <c r="FT29" s="114">
        <v>78936</v>
      </c>
      <c r="FU29" s="113">
        <v>565928</v>
      </c>
      <c r="FV29" s="116">
        <v>610408</v>
      </c>
      <c r="FW29" s="115">
        <v>30800</v>
      </c>
      <c r="FX29" s="114">
        <v>13680</v>
      </c>
      <c r="FY29" s="112">
        <v>44480</v>
      </c>
      <c r="FZ29" s="111">
        <v>0</v>
      </c>
      <c r="GA29" s="114">
        <v>100336</v>
      </c>
      <c r="GB29" s="114">
        <v>158168</v>
      </c>
      <c r="GC29" s="114">
        <v>128072</v>
      </c>
      <c r="GD29" s="114">
        <v>88536</v>
      </c>
      <c r="GE29" s="114">
        <v>78936</v>
      </c>
      <c r="GF29" s="113">
        <v>554048</v>
      </c>
      <c r="GG29" s="319">
        <v>598528</v>
      </c>
      <c r="GH29" s="115">
        <v>0</v>
      </c>
      <c r="GI29" s="114">
        <v>0</v>
      </c>
      <c r="GJ29" s="112">
        <v>0</v>
      </c>
      <c r="GK29" s="111">
        <v>0</v>
      </c>
      <c r="GL29" s="114">
        <v>0</v>
      </c>
      <c r="GM29" s="114">
        <v>0</v>
      </c>
      <c r="GN29" s="114">
        <v>11880</v>
      </c>
      <c r="GO29" s="114">
        <v>0</v>
      </c>
      <c r="GP29" s="114">
        <v>0</v>
      </c>
      <c r="GQ29" s="113">
        <v>11880</v>
      </c>
      <c r="GR29" s="116">
        <v>11880</v>
      </c>
      <c r="GS29" s="110">
        <v>0</v>
      </c>
      <c r="GT29" s="114">
        <v>0</v>
      </c>
      <c r="GU29" s="113">
        <v>0</v>
      </c>
      <c r="GV29" s="110">
        <v>0</v>
      </c>
      <c r="GW29" s="114">
        <v>0</v>
      </c>
      <c r="GX29" s="114">
        <v>0</v>
      </c>
      <c r="GY29" s="114">
        <v>0</v>
      </c>
      <c r="GZ29" s="114">
        <v>0</v>
      </c>
      <c r="HA29" s="114">
        <v>0</v>
      </c>
      <c r="HB29" s="112">
        <v>0</v>
      </c>
      <c r="HC29" s="116">
        <v>0</v>
      </c>
      <c r="HD29" s="110">
        <v>159004</v>
      </c>
      <c r="HE29" s="114">
        <v>89677</v>
      </c>
      <c r="HF29" s="112">
        <v>248681</v>
      </c>
      <c r="HG29" s="111">
        <v>0</v>
      </c>
      <c r="HH29" s="114">
        <v>1119723</v>
      </c>
      <c r="HI29" s="114">
        <v>528911</v>
      </c>
      <c r="HJ29" s="114">
        <v>395135</v>
      </c>
      <c r="HK29" s="114">
        <v>214107</v>
      </c>
      <c r="HL29" s="114">
        <v>227878</v>
      </c>
      <c r="HM29" s="113">
        <v>2485754</v>
      </c>
      <c r="HN29" s="109">
        <v>2734435</v>
      </c>
      <c r="HO29" s="329"/>
      <c r="HP29" s="330"/>
      <c r="HQ29" s="331"/>
      <c r="HR29" s="332"/>
      <c r="HS29" s="330"/>
      <c r="HT29" s="330"/>
      <c r="HU29" s="330"/>
      <c r="HV29" s="330"/>
      <c r="HW29" s="330"/>
      <c r="HX29" s="333"/>
      <c r="HY29" s="334"/>
      <c r="HZ29" s="131">
        <v>0</v>
      </c>
      <c r="IA29" s="132">
        <v>0</v>
      </c>
      <c r="IB29" s="133">
        <v>0</v>
      </c>
      <c r="IC29" s="146">
        <v>0</v>
      </c>
      <c r="ID29" s="132">
        <v>215574</v>
      </c>
      <c r="IE29" s="147">
        <v>166792</v>
      </c>
      <c r="IF29" s="133">
        <v>1025505</v>
      </c>
      <c r="IG29" s="132">
        <v>0</v>
      </c>
      <c r="IH29" s="133">
        <v>246652</v>
      </c>
      <c r="II29" s="148">
        <v>1654523</v>
      </c>
      <c r="IJ29" s="139">
        <v>1654523</v>
      </c>
      <c r="IK29" s="232">
        <v>0</v>
      </c>
      <c r="IL29" s="236">
        <v>0</v>
      </c>
      <c r="IM29" s="237">
        <v>0</v>
      </c>
      <c r="IN29" s="140"/>
      <c r="IO29" s="119">
        <v>0</v>
      </c>
      <c r="IP29" s="119">
        <v>0</v>
      </c>
      <c r="IQ29" s="119">
        <v>155540</v>
      </c>
      <c r="IR29" s="119">
        <v>0</v>
      </c>
      <c r="IS29" s="119">
        <v>0</v>
      </c>
      <c r="IT29" s="141">
        <v>155540</v>
      </c>
      <c r="IU29" s="321">
        <v>155540</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107193</v>
      </c>
      <c r="JL29" s="119">
        <v>0</v>
      </c>
      <c r="JM29" s="119">
        <v>260566</v>
      </c>
      <c r="JN29" s="119">
        <v>0</v>
      </c>
      <c r="JO29" s="119">
        <v>0</v>
      </c>
      <c r="JP29" s="120">
        <v>367759</v>
      </c>
      <c r="JQ29" s="321">
        <v>367759</v>
      </c>
      <c r="JR29" s="142">
        <v>0</v>
      </c>
      <c r="JS29" s="119">
        <v>0</v>
      </c>
      <c r="JT29" s="141">
        <v>0</v>
      </c>
      <c r="JU29" s="118">
        <v>0</v>
      </c>
      <c r="JV29" s="119">
        <v>0</v>
      </c>
      <c r="JW29" s="119">
        <v>0</v>
      </c>
      <c r="JX29" s="119">
        <v>135173</v>
      </c>
      <c r="JY29" s="119">
        <v>0</v>
      </c>
      <c r="JZ29" s="119">
        <v>0</v>
      </c>
      <c r="KA29" s="120">
        <v>135173</v>
      </c>
      <c r="KB29" s="321">
        <v>135173</v>
      </c>
      <c r="KC29" s="234">
        <v>0</v>
      </c>
      <c r="KD29" s="230">
        <v>0</v>
      </c>
      <c r="KE29" s="120">
        <v>0</v>
      </c>
      <c r="KF29" s="118">
        <v>0</v>
      </c>
      <c r="KG29" s="119">
        <v>108381</v>
      </c>
      <c r="KH29" s="119">
        <v>166792</v>
      </c>
      <c r="KI29" s="119">
        <v>0</v>
      </c>
      <c r="KJ29" s="119">
        <v>0</v>
      </c>
      <c r="KK29" s="119">
        <v>0</v>
      </c>
      <c r="KL29" s="120">
        <v>275173</v>
      </c>
      <c r="KM29" s="143">
        <v>275173</v>
      </c>
      <c r="KN29" s="232">
        <v>0</v>
      </c>
      <c r="KO29" s="236">
        <v>0</v>
      </c>
      <c r="KP29" s="237">
        <v>0</v>
      </c>
      <c r="KQ29" s="140"/>
      <c r="KR29" s="119">
        <v>0</v>
      </c>
      <c r="KS29" s="119">
        <v>0</v>
      </c>
      <c r="KT29" s="119">
        <v>474226</v>
      </c>
      <c r="KU29" s="119">
        <v>0</v>
      </c>
      <c r="KV29" s="119">
        <v>246652</v>
      </c>
      <c r="KW29" s="120">
        <v>720878</v>
      </c>
      <c r="KX29" s="321">
        <v>720878</v>
      </c>
      <c r="KY29" s="142">
        <v>0</v>
      </c>
      <c r="KZ29" s="119">
        <v>0</v>
      </c>
      <c r="LA29" s="120">
        <v>0</v>
      </c>
      <c r="LB29" s="145">
        <v>0</v>
      </c>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1">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0</v>
      </c>
      <c r="MK29" s="119">
        <v>0</v>
      </c>
      <c r="ML29" s="119">
        <v>991458</v>
      </c>
      <c r="MM29" s="119">
        <v>2196767</v>
      </c>
      <c r="MN29" s="119">
        <v>798111</v>
      </c>
      <c r="MO29" s="120">
        <v>3986336</v>
      </c>
      <c r="MP29" s="143">
        <v>3986336</v>
      </c>
      <c r="MQ29" s="142">
        <v>0</v>
      </c>
      <c r="MR29" s="119">
        <v>0</v>
      </c>
      <c r="MS29" s="120">
        <v>0</v>
      </c>
      <c r="MT29" s="145"/>
      <c r="MU29" s="119">
        <v>0</v>
      </c>
      <c r="MV29" s="119">
        <v>0</v>
      </c>
      <c r="MW29" s="119">
        <v>0</v>
      </c>
      <c r="MX29" s="119">
        <v>1119768</v>
      </c>
      <c r="MY29" s="119">
        <v>798111</v>
      </c>
      <c r="MZ29" s="120">
        <v>1917879</v>
      </c>
      <c r="NA29" s="143">
        <v>1917879</v>
      </c>
      <c r="NB29" s="142">
        <v>0</v>
      </c>
      <c r="NC29" s="119">
        <v>0</v>
      </c>
      <c r="ND29" s="120">
        <v>0</v>
      </c>
      <c r="NE29" s="145"/>
      <c r="NF29" s="119">
        <v>0</v>
      </c>
      <c r="NG29" s="119">
        <v>0</v>
      </c>
      <c r="NH29" s="119">
        <v>991458</v>
      </c>
      <c r="NI29" s="119">
        <v>1076999</v>
      </c>
      <c r="NJ29" s="119">
        <v>0</v>
      </c>
      <c r="NK29" s="120">
        <v>2068457</v>
      </c>
      <c r="NL29" s="321">
        <v>2068457</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313802</v>
      </c>
      <c r="OJ29" s="119">
        <v>350035</v>
      </c>
      <c r="OK29" s="141">
        <v>663837</v>
      </c>
      <c r="OL29" s="118">
        <v>0</v>
      </c>
      <c r="OM29" s="119">
        <v>3194115</v>
      </c>
      <c r="ON29" s="119">
        <v>2488478</v>
      </c>
      <c r="OO29" s="119">
        <v>3727882</v>
      </c>
      <c r="OP29" s="119">
        <v>3266677</v>
      </c>
      <c r="OQ29" s="119">
        <v>2263500</v>
      </c>
      <c r="OR29" s="120">
        <v>14940652</v>
      </c>
      <c r="OS29" s="143">
        <v>15604489</v>
      </c>
    </row>
    <row r="30" spans="2:409" ht="20.25" customHeight="1" x14ac:dyDescent="0.2">
      <c r="B30" s="126" t="s">
        <v>25</v>
      </c>
      <c r="C30" s="110">
        <v>115961</v>
      </c>
      <c r="D30" s="114">
        <v>245642</v>
      </c>
      <c r="E30" s="113">
        <v>361603</v>
      </c>
      <c r="F30" s="109">
        <v>0</v>
      </c>
      <c r="G30" s="114">
        <v>1847912</v>
      </c>
      <c r="H30" s="114">
        <v>588062</v>
      </c>
      <c r="I30" s="114">
        <v>1237337</v>
      </c>
      <c r="J30" s="114">
        <v>1429194</v>
      </c>
      <c r="K30" s="114">
        <v>248347</v>
      </c>
      <c r="L30" s="173">
        <v>5350852</v>
      </c>
      <c r="M30" s="116">
        <v>5712455</v>
      </c>
      <c r="N30" s="110">
        <v>43497</v>
      </c>
      <c r="O30" s="114">
        <v>116557</v>
      </c>
      <c r="P30" s="113">
        <v>160054</v>
      </c>
      <c r="Q30" s="110">
        <v>0</v>
      </c>
      <c r="R30" s="114">
        <v>270608</v>
      </c>
      <c r="S30" s="114">
        <v>194629</v>
      </c>
      <c r="T30" s="114">
        <v>558365</v>
      </c>
      <c r="U30" s="114">
        <v>159310</v>
      </c>
      <c r="V30" s="114">
        <v>202971</v>
      </c>
      <c r="W30" s="113">
        <v>1385883</v>
      </c>
      <c r="X30" s="116">
        <v>1545937</v>
      </c>
      <c r="Y30" s="110">
        <v>0</v>
      </c>
      <c r="Z30" s="114">
        <v>0</v>
      </c>
      <c r="AA30" s="113">
        <v>0</v>
      </c>
      <c r="AB30" s="110">
        <v>0</v>
      </c>
      <c r="AC30" s="114">
        <v>109317</v>
      </c>
      <c r="AD30" s="114">
        <v>104190</v>
      </c>
      <c r="AE30" s="114">
        <v>376921</v>
      </c>
      <c r="AF30" s="114">
        <v>5564</v>
      </c>
      <c r="AG30" s="114">
        <v>0</v>
      </c>
      <c r="AH30" s="113">
        <v>595992</v>
      </c>
      <c r="AI30" s="116">
        <v>595992</v>
      </c>
      <c r="AJ30" s="110">
        <v>0</v>
      </c>
      <c r="AK30" s="114">
        <v>0</v>
      </c>
      <c r="AL30" s="113">
        <v>0</v>
      </c>
      <c r="AM30" s="110">
        <v>0</v>
      </c>
      <c r="AN30" s="114">
        <v>0</v>
      </c>
      <c r="AO30" s="114">
        <v>0</v>
      </c>
      <c r="AP30" s="114">
        <v>57052</v>
      </c>
      <c r="AQ30" s="114">
        <v>58622</v>
      </c>
      <c r="AR30" s="114">
        <v>102702</v>
      </c>
      <c r="AS30" s="113">
        <v>218376</v>
      </c>
      <c r="AT30" s="116">
        <v>218376</v>
      </c>
      <c r="AU30" s="110">
        <v>33897</v>
      </c>
      <c r="AV30" s="114">
        <v>67845</v>
      </c>
      <c r="AW30" s="113">
        <v>101742</v>
      </c>
      <c r="AX30" s="110">
        <v>0</v>
      </c>
      <c r="AY30" s="114">
        <v>83771</v>
      </c>
      <c r="AZ30" s="114">
        <v>86295</v>
      </c>
      <c r="BA30" s="114">
        <v>70858</v>
      </c>
      <c r="BB30" s="114">
        <v>35348</v>
      </c>
      <c r="BC30" s="114">
        <v>46660</v>
      </c>
      <c r="BD30" s="113">
        <v>322932</v>
      </c>
      <c r="BE30" s="116">
        <v>424674</v>
      </c>
      <c r="BF30" s="110">
        <v>0</v>
      </c>
      <c r="BG30" s="114">
        <v>41592</v>
      </c>
      <c r="BH30" s="112">
        <v>41592</v>
      </c>
      <c r="BI30" s="111">
        <v>0</v>
      </c>
      <c r="BJ30" s="114">
        <v>0</v>
      </c>
      <c r="BK30" s="114">
        <v>0</v>
      </c>
      <c r="BL30" s="114">
        <v>27134</v>
      </c>
      <c r="BM30" s="114">
        <v>0</v>
      </c>
      <c r="BN30" s="114">
        <v>48841</v>
      </c>
      <c r="BO30" s="113">
        <v>75975</v>
      </c>
      <c r="BP30" s="116">
        <v>117567</v>
      </c>
      <c r="BQ30" s="110">
        <v>9600</v>
      </c>
      <c r="BR30" s="114">
        <v>7120</v>
      </c>
      <c r="BS30" s="113">
        <v>16720</v>
      </c>
      <c r="BT30" s="110">
        <v>0</v>
      </c>
      <c r="BU30" s="114">
        <v>77520</v>
      </c>
      <c r="BV30" s="114">
        <v>4144</v>
      </c>
      <c r="BW30" s="114">
        <v>26400</v>
      </c>
      <c r="BX30" s="114">
        <v>59776</v>
      </c>
      <c r="BY30" s="114">
        <v>4768</v>
      </c>
      <c r="BZ30" s="113">
        <v>172608</v>
      </c>
      <c r="CA30" s="116">
        <v>189328</v>
      </c>
      <c r="CB30" s="110">
        <v>58688</v>
      </c>
      <c r="CC30" s="114">
        <v>0</v>
      </c>
      <c r="CD30" s="113">
        <v>58688</v>
      </c>
      <c r="CE30" s="110">
        <v>0</v>
      </c>
      <c r="CF30" s="114">
        <v>673889</v>
      </c>
      <c r="CG30" s="114">
        <v>276747</v>
      </c>
      <c r="CH30" s="114">
        <v>183889</v>
      </c>
      <c r="CI30" s="114">
        <v>561591</v>
      </c>
      <c r="CJ30" s="114">
        <v>0</v>
      </c>
      <c r="CK30" s="113">
        <v>1696116</v>
      </c>
      <c r="CL30" s="116">
        <v>1754804</v>
      </c>
      <c r="CM30" s="110">
        <v>0</v>
      </c>
      <c r="CN30" s="114">
        <v>0</v>
      </c>
      <c r="CO30" s="113">
        <v>0</v>
      </c>
      <c r="CP30" s="111">
        <v>0</v>
      </c>
      <c r="CQ30" s="114">
        <v>567946</v>
      </c>
      <c r="CR30" s="114">
        <v>96724</v>
      </c>
      <c r="CS30" s="114">
        <v>155438</v>
      </c>
      <c r="CT30" s="114">
        <v>447584</v>
      </c>
      <c r="CU30" s="114">
        <v>0</v>
      </c>
      <c r="CV30" s="113">
        <v>1267692</v>
      </c>
      <c r="CW30" s="116">
        <v>1267692</v>
      </c>
      <c r="CX30" s="110">
        <v>58688</v>
      </c>
      <c r="CY30" s="114">
        <v>0</v>
      </c>
      <c r="CZ30" s="113">
        <v>58688</v>
      </c>
      <c r="DA30" s="110">
        <v>0</v>
      </c>
      <c r="DB30" s="114">
        <v>105943</v>
      </c>
      <c r="DC30" s="114">
        <v>180023</v>
      </c>
      <c r="DD30" s="114">
        <v>28451</v>
      </c>
      <c r="DE30" s="114">
        <v>114007</v>
      </c>
      <c r="DF30" s="114">
        <v>0</v>
      </c>
      <c r="DG30" s="113">
        <v>428424</v>
      </c>
      <c r="DH30" s="116">
        <v>487112</v>
      </c>
      <c r="DI30" s="110">
        <v>0</v>
      </c>
      <c r="DJ30" s="114">
        <v>0</v>
      </c>
      <c r="DK30" s="112">
        <v>0</v>
      </c>
      <c r="DL30" s="111">
        <v>0</v>
      </c>
      <c r="DM30" s="114">
        <v>60161</v>
      </c>
      <c r="DN30" s="114">
        <v>28974</v>
      </c>
      <c r="DO30" s="114">
        <v>192159</v>
      </c>
      <c r="DP30" s="114">
        <v>0</v>
      </c>
      <c r="DQ30" s="114">
        <v>0</v>
      </c>
      <c r="DR30" s="113">
        <v>281294</v>
      </c>
      <c r="DS30" s="116">
        <v>281294</v>
      </c>
      <c r="DT30" s="110">
        <v>0</v>
      </c>
      <c r="DU30" s="114">
        <v>0</v>
      </c>
      <c r="DV30" s="113">
        <v>0</v>
      </c>
      <c r="DW30" s="110">
        <v>0</v>
      </c>
      <c r="DX30" s="114">
        <v>17867</v>
      </c>
      <c r="DY30" s="114">
        <v>28974</v>
      </c>
      <c r="DZ30" s="114">
        <v>110432</v>
      </c>
      <c r="EA30" s="114">
        <v>0</v>
      </c>
      <c r="EB30" s="114">
        <v>0</v>
      </c>
      <c r="EC30" s="113">
        <v>157273</v>
      </c>
      <c r="ED30" s="116">
        <v>157273</v>
      </c>
      <c r="EE30" s="110">
        <v>0</v>
      </c>
      <c r="EF30" s="112">
        <v>0</v>
      </c>
      <c r="EG30" s="113">
        <v>0</v>
      </c>
      <c r="EH30" s="110">
        <v>0</v>
      </c>
      <c r="EI30" s="114">
        <v>42294</v>
      </c>
      <c r="EJ30" s="114">
        <v>0</v>
      </c>
      <c r="EK30" s="114">
        <v>81727</v>
      </c>
      <c r="EL30" s="114">
        <v>0</v>
      </c>
      <c r="EM30" s="114">
        <v>0</v>
      </c>
      <c r="EN30" s="112">
        <v>124021</v>
      </c>
      <c r="EO30" s="116">
        <v>124021</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8"/>
      <c r="FE30" s="114">
        <v>0</v>
      </c>
      <c r="FF30" s="114">
        <v>0</v>
      </c>
      <c r="FG30" s="114">
        <v>0</v>
      </c>
      <c r="FH30" s="114">
        <v>0</v>
      </c>
      <c r="FI30" s="114">
        <v>0</v>
      </c>
      <c r="FJ30" s="113">
        <v>0</v>
      </c>
      <c r="FK30" s="116">
        <v>0</v>
      </c>
      <c r="FL30" s="110">
        <v>13776</v>
      </c>
      <c r="FM30" s="114">
        <v>38480</v>
      </c>
      <c r="FN30" s="113">
        <v>52256</v>
      </c>
      <c r="FO30" s="110">
        <v>0</v>
      </c>
      <c r="FP30" s="114">
        <v>68928</v>
      </c>
      <c r="FQ30" s="114">
        <v>87712</v>
      </c>
      <c r="FR30" s="114">
        <v>99952</v>
      </c>
      <c r="FS30" s="114">
        <v>69264</v>
      </c>
      <c r="FT30" s="114">
        <v>45376</v>
      </c>
      <c r="FU30" s="113">
        <v>371232</v>
      </c>
      <c r="FV30" s="116">
        <v>423488</v>
      </c>
      <c r="FW30" s="115">
        <v>13776</v>
      </c>
      <c r="FX30" s="114">
        <v>19280</v>
      </c>
      <c r="FY30" s="112">
        <v>33056</v>
      </c>
      <c r="FZ30" s="111">
        <v>0</v>
      </c>
      <c r="GA30" s="114">
        <v>56128</v>
      </c>
      <c r="GB30" s="114">
        <v>87712</v>
      </c>
      <c r="GC30" s="114">
        <v>99952</v>
      </c>
      <c r="GD30" s="114">
        <v>69264</v>
      </c>
      <c r="GE30" s="114">
        <v>45376</v>
      </c>
      <c r="GF30" s="113">
        <v>358432</v>
      </c>
      <c r="GG30" s="319">
        <v>391488</v>
      </c>
      <c r="GH30" s="115">
        <v>0</v>
      </c>
      <c r="GI30" s="114">
        <v>19200</v>
      </c>
      <c r="GJ30" s="112">
        <v>19200</v>
      </c>
      <c r="GK30" s="111">
        <v>0</v>
      </c>
      <c r="GL30" s="114">
        <v>12800</v>
      </c>
      <c r="GM30" s="114">
        <v>0</v>
      </c>
      <c r="GN30" s="114">
        <v>0</v>
      </c>
      <c r="GO30" s="114">
        <v>0</v>
      </c>
      <c r="GP30" s="114">
        <v>0</v>
      </c>
      <c r="GQ30" s="113">
        <v>12800</v>
      </c>
      <c r="GR30" s="116">
        <v>32000</v>
      </c>
      <c r="GS30" s="110">
        <v>0</v>
      </c>
      <c r="GT30" s="114">
        <v>0</v>
      </c>
      <c r="GU30" s="113">
        <v>0</v>
      </c>
      <c r="GV30" s="110">
        <v>0</v>
      </c>
      <c r="GW30" s="114">
        <v>0</v>
      </c>
      <c r="GX30" s="114">
        <v>0</v>
      </c>
      <c r="GY30" s="114">
        <v>0</v>
      </c>
      <c r="GZ30" s="114">
        <v>0</v>
      </c>
      <c r="HA30" s="114">
        <v>0</v>
      </c>
      <c r="HB30" s="112">
        <v>0</v>
      </c>
      <c r="HC30" s="116">
        <v>0</v>
      </c>
      <c r="HD30" s="110">
        <v>0</v>
      </c>
      <c r="HE30" s="114">
        <v>90605</v>
      </c>
      <c r="HF30" s="112">
        <v>90605</v>
      </c>
      <c r="HG30" s="111">
        <v>0</v>
      </c>
      <c r="HH30" s="114">
        <v>774326</v>
      </c>
      <c r="HI30" s="114">
        <v>0</v>
      </c>
      <c r="HJ30" s="114">
        <v>202972</v>
      </c>
      <c r="HK30" s="114">
        <v>639029</v>
      </c>
      <c r="HL30" s="114">
        <v>0</v>
      </c>
      <c r="HM30" s="113">
        <v>1616327</v>
      </c>
      <c r="HN30" s="109">
        <v>1706932</v>
      </c>
      <c r="HO30" s="329"/>
      <c r="HP30" s="330"/>
      <c r="HQ30" s="331"/>
      <c r="HR30" s="332"/>
      <c r="HS30" s="330"/>
      <c r="HT30" s="330"/>
      <c r="HU30" s="330"/>
      <c r="HV30" s="330"/>
      <c r="HW30" s="330"/>
      <c r="HX30" s="333"/>
      <c r="HY30" s="334"/>
      <c r="HZ30" s="150">
        <v>0</v>
      </c>
      <c r="IA30" s="135">
        <v>0</v>
      </c>
      <c r="IB30" s="150">
        <v>0</v>
      </c>
      <c r="IC30" s="134">
        <v>0</v>
      </c>
      <c r="ID30" s="135">
        <v>266830</v>
      </c>
      <c r="IE30" s="136">
        <v>0</v>
      </c>
      <c r="IF30" s="137">
        <v>0</v>
      </c>
      <c r="IG30" s="135">
        <v>0</v>
      </c>
      <c r="IH30" s="137">
        <v>0</v>
      </c>
      <c r="II30" s="138">
        <v>266830</v>
      </c>
      <c r="IJ30" s="150">
        <v>266830</v>
      </c>
      <c r="IK30" s="232">
        <v>0</v>
      </c>
      <c r="IL30" s="236">
        <v>0</v>
      </c>
      <c r="IM30" s="237">
        <v>0</v>
      </c>
      <c r="IN30" s="140"/>
      <c r="IO30" s="119">
        <v>0</v>
      </c>
      <c r="IP30" s="119">
        <v>0</v>
      </c>
      <c r="IQ30" s="119">
        <v>0</v>
      </c>
      <c r="IR30" s="119">
        <v>0</v>
      </c>
      <c r="IS30" s="119">
        <v>0</v>
      </c>
      <c r="IT30" s="141">
        <v>0</v>
      </c>
      <c r="IU30" s="321">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266830</v>
      </c>
      <c r="JL30" s="119">
        <v>0</v>
      </c>
      <c r="JM30" s="119">
        <v>0</v>
      </c>
      <c r="JN30" s="119">
        <v>0</v>
      </c>
      <c r="JO30" s="119">
        <v>0</v>
      </c>
      <c r="JP30" s="120">
        <v>266830</v>
      </c>
      <c r="JQ30" s="321">
        <v>266830</v>
      </c>
      <c r="JR30" s="142">
        <v>0</v>
      </c>
      <c r="JS30" s="119">
        <v>0</v>
      </c>
      <c r="JT30" s="141">
        <v>0</v>
      </c>
      <c r="JU30" s="118">
        <v>0</v>
      </c>
      <c r="JV30" s="119">
        <v>0</v>
      </c>
      <c r="JW30" s="119">
        <v>0</v>
      </c>
      <c r="JX30" s="119">
        <v>0</v>
      </c>
      <c r="JY30" s="119">
        <v>0</v>
      </c>
      <c r="JZ30" s="119">
        <v>0</v>
      </c>
      <c r="KA30" s="120">
        <v>0</v>
      </c>
      <c r="KB30" s="321">
        <v>0</v>
      </c>
      <c r="KC30" s="234">
        <v>0</v>
      </c>
      <c r="KD30" s="230">
        <v>0</v>
      </c>
      <c r="KE30" s="120">
        <v>0</v>
      </c>
      <c r="KF30" s="118">
        <v>0</v>
      </c>
      <c r="KG30" s="119">
        <v>0</v>
      </c>
      <c r="KH30" s="119">
        <v>0</v>
      </c>
      <c r="KI30" s="119">
        <v>0</v>
      </c>
      <c r="KJ30" s="119">
        <v>0</v>
      </c>
      <c r="KK30" s="119">
        <v>0</v>
      </c>
      <c r="KL30" s="120">
        <v>0</v>
      </c>
      <c r="KM30" s="143">
        <v>0</v>
      </c>
      <c r="KN30" s="232">
        <v>0</v>
      </c>
      <c r="KO30" s="236">
        <v>0</v>
      </c>
      <c r="KP30" s="237">
        <v>0</v>
      </c>
      <c r="KQ30" s="140"/>
      <c r="KR30" s="119">
        <v>0</v>
      </c>
      <c r="KS30" s="119">
        <v>0</v>
      </c>
      <c r="KT30" s="119">
        <v>0</v>
      </c>
      <c r="KU30" s="119">
        <v>0</v>
      </c>
      <c r="KV30" s="119">
        <v>0</v>
      </c>
      <c r="KW30" s="120">
        <v>0</v>
      </c>
      <c r="KX30" s="321">
        <v>0</v>
      </c>
      <c r="KY30" s="142">
        <v>0</v>
      </c>
      <c r="KZ30" s="119">
        <v>0</v>
      </c>
      <c r="LA30" s="120">
        <v>0</v>
      </c>
      <c r="LB30" s="145">
        <v>0</v>
      </c>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1">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0</v>
      </c>
      <c r="MK30" s="119">
        <v>207871</v>
      </c>
      <c r="ML30" s="119">
        <v>1796318</v>
      </c>
      <c r="MM30" s="119">
        <v>1589723</v>
      </c>
      <c r="MN30" s="119">
        <v>680755</v>
      </c>
      <c r="MO30" s="120">
        <v>4274667</v>
      </c>
      <c r="MP30" s="143">
        <v>4274667</v>
      </c>
      <c r="MQ30" s="142">
        <v>0</v>
      </c>
      <c r="MR30" s="119">
        <v>0</v>
      </c>
      <c r="MS30" s="120">
        <v>0</v>
      </c>
      <c r="MT30" s="145"/>
      <c r="MU30" s="119">
        <v>0</v>
      </c>
      <c r="MV30" s="119">
        <v>207871</v>
      </c>
      <c r="MW30" s="119">
        <v>1530879</v>
      </c>
      <c r="MX30" s="119">
        <v>1416697</v>
      </c>
      <c r="MY30" s="119">
        <v>261659</v>
      </c>
      <c r="MZ30" s="120">
        <v>3417106</v>
      </c>
      <c r="NA30" s="143">
        <v>3417106</v>
      </c>
      <c r="NB30" s="142">
        <v>0</v>
      </c>
      <c r="NC30" s="119">
        <v>0</v>
      </c>
      <c r="ND30" s="120">
        <v>0</v>
      </c>
      <c r="NE30" s="145"/>
      <c r="NF30" s="119">
        <v>0</v>
      </c>
      <c r="NG30" s="119">
        <v>0</v>
      </c>
      <c r="NH30" s="119">
        <v>265439</v>
      </c>
      <c r="NI30" s="119">
        <v>173026</v>
      </c>
      <c r="NJ30" s="119">
        <v>419096</v>
      </c>
      <c r="NK30" s="120">
        <v>857561</v>
      </c>
      <c r="NL30" s="321">
        <v>857561</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0</v>
      </c>
      <c r="OF30" s="119">
        <v>0</v>
      </c>
      <c r="OG30" s="120">
        <v>0</v>
      </c>
      <c r="OH30" s="121">
        <v>0</v>
      </c>
      <c r="OI30" s="142">
        <v>115961</v>
      </c>
      <c r="OJ30" s="119">
        <v>245642</v>
      </c>
      <c r="OK30" s="141">
        <v>361603</v>
      </c>
      <c r="OL30" s="118">
        <v>0</v>
      </c>
      <c r="OM30" s="119">
        <v>2114742</v>
      </c>
      <c r="ON30" s="119">
        <v>795933</v>
      </c>
      <c r="OO30" s="119">
        <v>3033655</v>
      </c>
      <c r="OP30" s="119">
        <v>3018917</v>
      </c>
      <c r="OQ30" s="119">
        <v>929102</v>
      </c>
      <c r="OR30" s="120">
        <v>9892349</v>
      </c>
      <c r="OS30" s="143">
        <v>10253952</v>
      </c>
    </row>
    <row r="31" spans="2:409" ht="20.25" customHeight="1" x14ac:dyDescent="0.2">
      <c r="B31" s="126" t="s">
        <v>26</v>
      </c>
      <c r="C31" s="110">
        <v>43048</v>
      </c>
      <c r="D31" s="114">
        <v>84086</v>
      </c>
      <c r="E31" s="113">
        <v>127134</v>
      </c>
      <c r="F31" s="109">
        <v>0</v>
      </c>
      <c r="G31" s="114">
        <v>881878</v>
      </c>
      <c r="H31" s="114">
        <v>2271023</v>
      </c>
      <c r="I31" s="114">
        <v>1515276</v>
      </c>
      <c r="J31" s="114">
        <v>831204</v>
      </c>
      <c r="K31" s="114">
        <v>714100</v>
      </c>
      <c r="L31" s="173">
        <v>6213481</v>
      </c>
      <c r="M31" s="116">
        <v>6340615</v>
      </c>
      <c r="N31" s="110">
        <v>12416</v>
      </c>
      <c r="O31" s="114">
        <v>0</v>
      </c>
      <c r="P31" s="113">
        <v>12416</v>
      </c>
      <c r="Q31" s="110">
        <v>0</v>
      </c>
      <c r="R31" s="114">
        <v>235340</v>
      </c>
      <c r="S31" s="114">
        <v>728631</v>
      </c>
      <c r="T31" s="114">
        <v>734933</v>
      </c>
      <c r="U31" s="114">
        <v>225257</v>
      </c>
      <c r="V31" s="114">
        <v>310355</v>
      </c>
      <c r="W31" s="113">
        <v>2234516</v>
      </c>
      <c r="X31" s="116">
        <v>2246932</v>
      </c>
      <c r="Y31" s="110">
        <v>0</v>
      </c>
      <c r="Z31" s="114">
        <v>0</v>
      </c>
      <c r="AA31" s="113">
        <v>0</v>
      </c>
      <c r="AB31" s="110">
        <v>0</v>
      </c>
      <c r="AC31" s="114">
        <v>162553</v>
      </c>
      <c r="AD31" s="114">
        <v>461759</v>
      </c>
      <c r="AE31" s="114">
        <v>400461</v>
      </c>
      <c r="AF31" s="114">
        <v>72631</v>
      </c>
      <c r="AG31" s="114">
        <v>98627</v>
      </c>
      <c r="AH31" s="113">
        <v>1196031</v>
      </c>
      <c r="AI31" s="116">
        <v>1196031</v>
      </c>
      <c r="AJ31" s="110">
        <v>0</v>
      </c>
      <c r="AK31" s="114">
        <v>0</v>
      </c>
      <c r="AL31" s="113">
        <v>0</v>
      </c>
      <c r="AM31" s="110">
        <v>0</v>
      </c>
      <c r="AN31" s="114">
        <v>0</v>
      </c>
      <c r="AO31" s="114">
        <v>0</v>
      </c>
      <c r="AP31" s="114">
        <v>23368</v>
      </c>
      <c r="AQ31" s="114">
        <v>46292</v>
      </c>
      <c r="AR31" s="114">
        <v>79847</v>
      </c>
      <c r="AS31" s="113">
        <v>149507</v>
      </c>
      <c r="AT31" s="116">
        <v>149507</v>
      </c>
      <c r="AU31" s="110">
        <v>0</v>
      </c>
      <c r="AV31" s="114">
        <v>0</v>
      </c>
      <c r="AW31" s="113">
        <v>0</v>
      </c>
      <c r="AX31" s="110">
        <v>0</v>
      </c>
      <c r="AY31" s="114">
        <v>48131</v>
      </c>
      <c r="AZ31" s="114">
        <v>159944</v>
      </c>
      <c r="BA31" s="114">
        <v>231824</v>
      </c>
      <c r="BB31" s="114">
        <v>75606</v>
      </c>
      <c r="BC31" s="114">
        <v>115761</v>
      </c>
      <c r="BD31" s="113">
        <v>631266</v>
      </c>
      <c r="BE31" s="116">
        <v>631266</v>
      </c>
      <c r="BF31" s="110">
        <v>0</v>
      </c>
      <c r="BG31" s="114">
        <v>0</v>
      </c>
      <c r="BH31" s="112">
        <v>0</v>
      </c>
      <c r="BI31" s="111">
        <v>0</v>
      </c>
      <c r="BJ31" s="114">
        <v>0</v>
      </c>
      <c r="BK31" s="114">
        <v>0</v>
      </c>
      <c r="BL31" s="114">
        <v>0</v>
      </c>
      <c r="BM31" s="114">
        <v>0</v>
      </c>
      <c r="BN31" s="114">
        <v>0</v>
      </c>
      <c r="BO31" s="113">
        <v>0</v>
      </c>
      <c r="BP31" s="116">
        <v>0</v>
      </c>
      <c r="BQ31" s="110">
        <v>12416</v>
      </c>
      <c r="BR31" s="114">
        <v>0</v>
      </c>
      <c r="BS31" s="113">
        <v>12416</v>
      </c>
      <c r="BT31" s="110">
        <v>0</v>
      </c>
      <c r="BU31" s="114">
        <v>24656</v>
      </c>
      <c r="BV31" s="114">
        <v>106928</v>
      </c>
      <c r="BW31" s="114">
        <v>79280</v>
      </c>
      <c r="BX31" s="114">
        <v>30728</v>
      </c>
      <c r="BY31" s="114">
        <v>16120</v>
      </c>
      <c r="BZ31" s="113">
        <v>257712</v>
      </c>
      <c r="CA31" s="116">
        <v>270128</v>
      </c>
      <c r="CB31" s="110">
        <v>20552</v>
      </c>
      <c r="CC31" s="114">
        <v>0</v>
      </c>
      <c r="CD31" s="113">
        <v>20552</v>
      </c>
      <c r="CE31" s="110">
        <v>0</v>
      </c>
      <c r="CF31" s="114">
        <v>246916</v>
      </c>
      <c r="CG31" s="114">
        <v>770952</v>
      </c>
      <c r="CH31" s="114">
        <v>514093</v>
      </c>
      <c r="CI31" s="114">
        <v>72982</v>
      </c>
      <c r="CJ31" s="114">
        <v>325345</v>
      </c>
      <c r="CK31" s="113">
        <v>1930288</v>
      </c>
      <c r="CL31" s="116">
        <v>1950840</v>
      </c>
      <c r="CM31" s="110">
        <v>0</v>
      </c>
      <c r="CN31" s="114">
        <v>0</v>
      </c>
      <c r="CO31" s="113">
        <v>0</v>
      </c>
      <c r="CP31" s="111">
        <v>0</v>
      </c>
      <c r="CQ31" s="114">
        <v>212356</v>
      </c>
      <c r="CR31" s="114">
        <v>605171</v>
      </c>
      <c r="CS31" s="114">
        <v>344154</v>
      </c>
      <c r="CT31" s="114">
        <v>51629</v>
      </c>
      <c r="CU31" s="114">
        <v>325345</v>
      </c>
      <c r="CV31" s="113">
        <v>1538655</v>
      </c>
      <c r="CW31" s="116">
        <v>1538655</v>
      </c>
      <c r="CX31" s="110">
        <v>20552</v>
      </c>
      <c r="CY31" s="114">
        <v>0</v>
      </c>
      <c r="CZ31" s="113">
        <v>20552</v>
      </c>
      <c r="DA31" s="110">
        <v>0</v>
      </c>
      <c r="DB31" s="114">
        <v>34560</v>
      </c>
      <c r="DC31" s="114">
        <v>165781</v>
      </c>
      <c r="DD31" s="114">
        <v>169939</v>
      </c>
      <c r="DE31" s="114">
        <v>21353</v>
      </c>
      <c r="DF31" s="114">
        <v>0</v>
      </c>
      <c r="DG31" s="113">
        <v>391633</v>
      </c>
      <c r="DH31" s="116">
        <v>412185</v>
      </c>
      <c r="DI31" s="110">
        <v>0</v>
      </c>
      <c r="DJ31" s="114">
        <v>0</v>
      </c>
      <c r="DK31" s="112">
        <v>0</v>
      </c>
      <c r="DL31" s="111">
        <v>0</v>
      </c>
      <c r="DM31" s="114">
        <v>0</v>
      </c>
      <c r="DN31" s="114">
        <v>250529</v>
      </c>
      <c r="DO31" s="114">
        <v>34146</v>
      </c>
      <c r="DP31" s="114">
        <v>60987</v>
      </c>
      <c r="DQ31" s="114">
        <v>0</v>
      </c>
      <c r="DR31" s="113">
        <v>345662</v>
      </c>
      <c r="DS31" s="116">
        <v>345662</v>
      </c>
      <c r="DT31" s="110">
        <v>0</v>
      </c>
      <c r="DU31" s="114">
        <v>0</v>
      </c>
      <c r="DV31" s="113">
        <v>0</v>
      </c>
      <c r="DW31" s="110">
        <v>0</v>
      </c>
      <c r="DX31" s="114">
        <v>0</v>
      </c>
      <c r="DY31" s="114">
        <v>250529</v>
      </c>
      <c r="DZ31" s="114">
        <v>34146</v>
      </c>
      <c r="EA31" s="114">
        <v>60987</v>
      </c>
      <c r="EB31" s="114">
        <v>0</v>
      </c>
      <c r="EC31" s="113">
        <v>345662</v>
      </c>
      <c r="ED31" s="116">
        <v>345662</v>
      </c>
      <c r="EE31" s="110">
        <v>0</v>
      </c>
      <c r="EF31" s="112">
        <v>0</v>
      </c>
      <c r="EG31" s="113">
        <v>0</v>
      </c>
      <c r="EH31" s="110">
        <v>0</v>
      </c>
      <c r="EI31" s="114">
        <v>0</v>
      </c>
      <c r="EJ31" s="114">
        <v>0</v>
      </c>
      <c r="EK31" s="114">
        <v>0</v>
      </c>
      <c r="EL31" s="114">
        <v>0</v>
      </c>
      <c r="EM31" s="114">
        <v>0</v>
      </c>
      <c r="EN31" s="112">
        <v>0</v>
      </c>
      <c r="EO31" s="116">
        <v>0</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8"/>
      <c r="FE31" s="114">
        <v>0</v>
      </c>
      <c r="FF31" s="114">
        <v>0</v>
      </c>
      <c r="FG31" s="114">
        <v>0</v>
      </c>
      <c r="FH31" s="114">
        <v>0</v>
      </c>
      <c r="FI31" s="114">
        <v>0</v>
      </c>
      <c r="FJ31" s="113">
        <v>0</v>
      </c>
      <c r="FK31" s="116">
        <v>0</v>
      </c>
      <c r="FL31" s="110">
        <v>10080</v>
      </c>
      <c r="FM31" s="114">
        <v>84086</v>
      </c>
      <c r="FN31" s="113">
        <v>94166</v>
      </c>
      <c r="FO31" s="110">
        <v>0</v>
      </c>
      <c r="FP31" s="114">
        <v>82320</v>
      </c>
      <c r="FQ31" s="114">
        <v>159264</v>
      </c>
      <c r="FR31" s="114">
        <v>232104</v>
      </c>
      <c r="FS31" s="114">
        <v>262208</v>
      </c>
      <c r="FT31" s="114">
        <v>78400</v>
      </c>
      <c r="FU31" s="113">
        <v>814296</v>
      </c>
      <c r="FV31" s="116">
        <v>908462</v>
      </c>
      <c r="FW31" s="115">
        <v>10080</v>
      </c>
      <c r="FX31" s="114">
        <v>15424</v>
      </c>
      <c r="FY31" s="112">
        <v>25504</v>
      </c>
      <c r="FZ31" s="111">
        <v>0</v>
      </c>
      <c r="GA31" s="114">
        <v>82320</v>
      </c>
      <c r="GB31" s="114">
        <v>159264</v>
      </c>
      <c r="GC31" s="114">
        <v>232104</v>
      </c>
      <c r="GD31" s="114">
        <v>102208</v>
      </c>
      <c r="GE31" s="114">
        <v>78400</v>
      </c>
      <c r="GF31" s="113">
        <v>654296</v>
      </c>
      <c r="GG31" s="319">
        <v>679800</v>
      </c>
      <c r="GH31" s="115">
        <v>0</v>
      </c>
      <c r="GI31" s="114">
        <v>0</v>
      </c>
      <c r="GJ31" s="112">
        <v>0</v>
      </c>
      <c r="GK31" s="111">
        <v>0</v>
      </c>
      <c r="GL31" s="114">
        <v>0</v>
      </c>
      <c r="GM31" s="114">
        <v>0</v>
      </c>
      <c r="GN31" s="114">
        <v>0</v>
      </c>
      <c r="GO31" s="114">
        <v>0</v>
      </c>
      <c r="GP31" s="114">
        <v>0</v>
      </c>
      <c r="GQ31" s="113">
        <v>0</v>
      </c>
      <c r="GR31" s="116">
        <v>0</v>
      </c>
      <c r="GS31" s="110">
        <v>0</v>
      </c>
      <c r="GT31" s="114">
        <v>68662</v>
      </c>
      <c r="GU31" s="113">
        <v>68662</v>
      </c>
      <c r="GV31" s="110">
        <v>0</v>
      </c>
      <c r="GW31" s="114">
        <v>0</v>
      </c>
      <c r="GX31" s="114">
        <v>0</v>
      </c>
      <c r="GY31" s="114">
        <v>0</v>
      </c>
      <c r="GZ31" s="114">
        <v>160000</v>
      </c>
      <c r="HA31" s="114">
        <v>0</v>
      </c>
      <c r="HB31" s="112">
        <v>160000</v>
      </c>
      <c r="HC31" s="116">
        <v>228662</v>
      </c>
      <c r="HD31" s="110">
        <v>0</v>
      </c>
      <c r="HE31" s="114">
        <v>0</v>
      </c>
      <c r="HF31" s="112">
        <v>0</v>
      </c>
      <c r="HG31" s="111">
        <v>0</v>
      </c>
      <c r="HH31" s="114">
        <v>317302</v>
      </c>
      <c r="HI31" s="114">
        <v>361647</v>
      </c>
      <c r="HJ31" s="114">
        <v>0</v>
      </c>
      <c r="HK31" s="114">
        <v>209770</v>
      </c>
      <c r="HL31" s="114">
        <v>0</v>
      </c>
      <c r="HM31" s="113">
        <v>888719</v>
      </c>
      <c r="HN31" s="109">
        <v>888719</v>
      </c>
      <c r="HO31" s="329"/>
      <c r="HP31" s="330"/>
      <c r="HQ31" s="331"/>
      <c r="HR31" s="332"/>
      <c r="HS31" s="330"/>
      <c r="HT31" s="330"/>
      <c r="HU31" s="330"/>
      <c r="HV31" s="330"/>
      <c r="HW31" s="330"/>
      <c r="HX31" s="333"/>
      <c r="HY31" s="334"/>
      <c r="HZ31" s="131">
        <v>0</v>
      </c>
      <c r="IA31" s="132">
        <v>0</v>
      </c>
      <c r="IB31" s="133">
        <v>0</v>
      </c>
      <c r="IC31" s="146">
        <v>0</v>
      </c>
      <c r="ID31" s="132">
        <v>63993</v>
      </c>
      <c r="IE31" s="147">
        <v>198594</v>
      </c>
      <c r="IF31" s="133">
        <v>317471</v>
      </c>
      <c r="IG31" s="132">
        <v>250488</v>
      </c>
      <c r="IH31" s="133">
        <v>155972</v>
      </c>
      <c r="II31" s="148">
        <v>986518</v>
      </c>
      <c r="IJ31" s="139">
        <v>986518</v>
      </c>
      <c r="IK31" s="232">
        <v>0</v>
      </c>
      <c r="IL31" s="236">
        <v>0</v>
      </c>
      <c r="IM31" s="237">
        <v>0</v>
      </c>
      <c r="IN31" s="140"/>
      <c r="IO31" s="119">
        <v>0</v>
      </c>
      <c r="IP31" s="119">
        <v>0</v>
      </c>
      <c r="IQ31" s="119">
        <v>0</v>
      </c>
      <c r="IR31" s="119">
        <v>0</v>
      </c>
      <c r="IS31" s="119">
        <v>0</v>
      </c>
      <c r="IT31" s="141">
        <v>0</v>
      </c>
      <c r="IU31" s="321">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63993</v>
      </c>
      <c r="JL31" s="119">
        <v>198594</v>
      </c>
      <c r="JM31" s="119">
        <v>65003</v>
      </c>
      <c r="JN31" s="119">
        <v>0</v>
      </c>
      <c r="JO31" s="119">
        <v>155972</v>
      </c>
      <c r="JP31" s="120">
        <v>483562</v>
      </c>
      <c r="JQ31" s="321">
        <v>483562</v>
      </c>
      <c r="JR31" s="142">
        <v>0</v>
      </c>
      <c r="JS31" s="119">
        <v>0</v>
      </c>
      <c r="JT31" s="141">
        <v>0</v>
      </c>
      <c r="JU31" s="118">
        <v>0</v>
      </c>
      <c r="JV31" s="119">
        <v>0</v>
      </c>
      <c r="JW31" s="119">
        <v>0</v>
      </c>
      <c r="JX31" s="119">
        <v>0</v>
      </c>
      <c r="JY31" s="119">
        <v>0</v>
      </c>
      <c r="JZ31" s="119">
        <v>0</v>
      </c>
      <c r="KA31" s="120">
        <v>0</v>
      </c>
      <c r="KB31" s="321">
        <v>0</v>
      </c>
      <c r="KC31" s="234">
        <v>0</v>
      </c>
      <c r="KD31" s="230">
        <v>0</v>
      </c>
      <c r="KE31" s="120">
        <v>0</v>
      </c>
      <c r="KF31" s="118">
        <v>0</v>
      </c>
      <c r="KG31" s="119">
        <v>0</v>
      </c>
      <c r="KH31" s="119">
        <v>0</v>
      </c>
      <c r="KI31" s="119">
        <v>0</v>
      </c>
      <c r="KJ31" s="119">
        <v>0</v>
      </c>
      <c r="KK31" s="119">
        <v>0</v>
      </c>
      <c r="KL31" s="120">
        <v>0</v>
      </c>
      <c r="KM31" s="143">
        <v>0</v>
      </c>
      <c r="KN31" s="232">
        <v>0</v>
      </c>
      <c r="KO31" s="236">
        <v>0</v>
      </c>
      <c r="KP31" s="237">
        <v>0</v>
      </c>
      <c r="KQ31" s="140"/>
      <c r="KR31" s="119">
        <v>0</v>
      </c>
      <c r="KS31" s="119">
        <v>0</v>
      </c>
      <c r="KT31" s="119">
        <v>252468</v>
      </c>
      <c r="KU31" s="119">
        <v>250488</v>
      </c>
      <c r="KV31" s="119">
        <v>0</v>
      </c>
      <c r="KW31" s="120">
        <v>502956</v>
      </c>
      <c r="KX31" s="321">
        <v>502956</v>
      </c>
      <c r="KY31" s="142">
        <v>0</v>
      </c>
      <c r="KZ31" s="119">
        <v>0</v>
      </c>
      <c r="LA31" s="120">
        <v>0</v>
      </c>
      <c r="LB31" s="145">
        <v>0</v>
      </c>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21">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0</v>
      </c>
      <c r="MK31" s="119">
        <v>0</v>
      </c>
      <c r="ML31" s="119">
        <v>182641</v>
      </c>
      <c r="MM31" s="119">
        <v>1746307</v>
      </c>
      <c r="MN31" s="119">
        <v>276360</v>
      </c>
      <c r="MO31" s="120">
        <v>2205308</v>
      </c>
      <c r="MP31" s="143">
        <v>2205308</v>
      </c>
      <c r="MQ31" s="142">
        <v>0</v>
      </c>
      <c r="MR31" s="119">
        <v>0</v>
      </c>
      <c r="MS31" s="120">
        <v>0</v>
      </c>
      <c r="MT31" s="145"/>
      <c r="MU31" s="119">
        <v>0</v>
      </c>
      <c r="MV31" s="119">
        <v>0</v>
      </c>
      <c r="MW31" s="119">
        <v>0</v>
      </c>
      <c r="MX31" s="119">
        <v>1075744</v>
      </c>
      <c r="MY31" s="119">
        <v>0</v>
      </c>
      <c r="MZ31" s="120">
        <v>1075744</v>
      </c>
      <c r="NA31" s="143">
        <v>1075744</v>
      </c>
      <c r="NB31" s="142">
        <v>0</v>
      </c>
      <c r="NC31" s="119">
        <v>0</v>
      </c>
      <c r="ND31" s="120">
        <v>0</v>
      </c>
      <c r="NE31" s="145"/>
      <c r="NF31" s="119">
        <v>0</v>
      </c>
      <c r="NG31" s="119">
        <v>0</v>
      </c>
      <c r="NH31" s="119">
        <v>182641</v>
      </c>
      <c r="NI31" s="119">
        <v>670563</v>
      </c>
      <c r="NJ31" s="119">
        <v>276360</v>
      </c>
      <c r="NK31" s="120">
        <v>1129564</v>
      </c>
      <c r="NL31" s="321">
        <v>1129564</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43048</v>
      </c>
      <c r="OJ31" s="119">
        <v>84086</v>
      </c>
      <c r="OK31" s="141">
        <v>127134</v>
      </c>
      <c r="OL31" s="118">
        <v>0</v>
      </c>
      <c r="OM31" s="119">
        <v>945871</v>
      </c>
      <c r="ON31" s="119">
        <v>2469617</v>
      </c>
      <c r="OO31" s="119">
        <v>2015388</v>
      </c>
      <c r="OP31" s="119">
        <v>2827999</v>
      </c>
      <c r="OQ31" s="119">
        <v>1146432</v>
      </c>
      <c r="OR31" s="120">
        <v>9405307</v>
      </c>
      <c r="OS31" s="143">
        <v>9532441</v>
      </c>
    </row>
    <row r="32" spans="2:409" ht="20.25" customHeight="1" x14ac:dyDescent="0.2">
      <c r="B32" s="126" t="s">
        <v>27</v>
      </c>
      <c r="C32" s="110">
        <v>27272</v>
      </c>
      <c r="D32" s="114">
        <v>435748</v>
      </c>
      <c r="E32" s="113">
        <v>463020</v>
      </c>
      <c r="F32" s="109">
        <v>0</v>
      </c>
      <c r="G32" s="114">
        <v>967824</v>
      </c>
      <c r="H32" s="114">
        <v>1503819</v>
      </c>
      <c r="I32" s="114">
        <v>2115009</v>
      </c>
      <c r="J32" s="114">
        <v>1409117</v>
      </c>
      <c r="K32" s="114">
        <v>811459</v>
      </c>
      <c r="L32" s="173">
        <v>6807228</v>
      </c>
      <c r="M32" s="116">
        <v>7270248</v>
      </c>
      <c r="N32" s="110">
        <v>18872</v>
      </c>
      <c r="O32" s="114">
        <v>91360</v>
      </c>
      <c r="P32" s="113">
        <v>110232</v>
      </c>
      <c r="Q32" s="110">
        <v>0</v>
      </c>
      <c r="R32" s="114">
        <v>289316</v>
      </c>
      <c r="S32" s="114">
        <v>353151</v>
      </c>
      <c r="T32" s="114">
        <v>907612</v>
      </c>
      <c r="U32" s="114">
        <v>598004</v>
      </c>
      <c r="V32" s="114">
        <v>301983</v>
      </c>
      <c r="W32" s="113">
        <v>2450066</v>
      </c>
      <c r="X32" s="116">
        <v>2560298</v>
      </c>
      <c r="Y32" s="110">
        <v>0</v>
      </c>
      <c r="Z32" s="114">
        <v>0</v>
      </c>
      <c r="AA32" s="113">
        <v>0</v>
      </c>
      <c r="AB32" s="110">
        <v>0</v>
      </c>
      <c r="AC32" s="114">
        <v>65736</v>
      </c>
      <c r="AD32" s="114">
        <v>9527</v>
      </c>
      <c r="AE32" s="114">
        <v>688098</v>
      </c>
      <c r="AF32" s="114">
        <v>383207</v>
      </c>
      <c r="AG32" s="114">
        <v>0</v>
      </c>
      <c r="AH32" s="113">
        <v>1146568</v>
      </c>
      <c r="AI32" s="116">
        <v>1146568</v>
      </c>
      <c r="AJ32" s="110">
        <v>0</v>
      </c>
      <c r="AK32" s="114">
        <v>0</v>
      </c>
      <c r="AL32" s="113">
        <v>0</v>
      </c>
      <c r="AM32" s="110">
        <v>0</v>
      </c>
      <c r="AN32" s="114">
        <v>0</v>
      </c>
      <c r="AO32" s="114">
        <v>0</v>
      </c>
      <c r="AP32" s="114">
        <v>0</v>
      </c>
      <c r="AQ32" s="114">
        <v>45080</v>
      </c>
      <c r="AR32" s="114">
        <v>103492</v>
      </c>
      <c r="AS32" s="113">
        <v>148572</v>
      </c>
      <c r="AT32" s="116">
        <v>148572</v>
      </c>
      <c r="AU32" s="110">
        <v>18872</v>
      </c>
      <c r="AV32" s="114">
        <v>76304</v>
      </c>
      <c r="AW32" s="113">
        <v>95176</v>
      </c>
      <c r="AX32" s="110">
        <v>0</v>
      </c>
      <c r="AY32" s="114">
        <v>205732</v>
      </c>
      <c r="AZ32" s="114">
        <v>169718</v>
      </c>
      <c r="BA32" s="114">
        <v>129066</v>
      </c>
      <c r="BB32" s="114">
        <v>113973</v>
      </c>
      <c r="BC32" s="114">
        <v>157963</v>
      </c>
      <c r="BD32" s="113">
        <v>776452</v>
      </c>
      <c r="BE32" s="116">
        <v>871628</v>
      </c>
      <c r="BF32" s="110">
        <v>0</v>
      </c>
      <c r="BG32" s="114">
        <v>0</v>
      </c>
      <c r="BH32" s="112">
        <v>0</v>
      </c>
      <c r="BI32" s="111">
        <v>0</v>
      </c>
      <c r="BJ32" s="114">
        <v>0</v>
      </c>
      <c r="BK32" s="114">
        <v>85978</v>
      </c>
      <c r="BL32" s="114">
        <v>0</v>
      </c>
      <c r="BM32" s="114">
        <v>0</v>
      </c>
      <c r="BN32" s="114">
        <v>0</v>
      </c>
      <c r="BO32" s="113">
        <v>85978</v>
      </c>
      <c r="BP32" s="116">
        <v>85978</v>
      </c>
      <c r="BQ32" s="110">
        <v>0</v>
      </c>
      <c r="BR32" s="114">
        <v>15056</v>
      </c>
      <c r="BS32" s="113">
        <v>15056</v>
      </c>
      <c r="BT32" s="110">
        <v>0</v>
      </c>
      <c r="BU32" s="114">
        <v>17848</v>
      </c>
      <c r="BV32" s="114">
        <v>87928</v>
      </c>
      <c r="BW32" s="114">
        <v>90448</v>
      </c>
      <c r="BX32" s="114">
        <v>55744</v>
      </c>
      <c r="BY32" s="114">
        <v>40528</v>
      </c>
      <c r="BZ32" s="113">
        <v>292496</v>
      </c>
      <c r="CA32" s="116">
        <v>307552</v>
      </c>
      <c r="CB32" s="110">
        <v>0</v>
      </c>
      <c r="CC32" s="114">
        <v>155196</v>
      </c>
      <c r="CD32" s="113">
        <v>155196</v>
      </c>
      <c r="CE32" s="110">
        <v>0</v>
      </c>
      <c r="CF32" s="114">
        <v>397654</v>
      </c>
      <c r="CG32" s="114">
        <v>633536</v>
      </c>
      <c r="CH32" s="114">
        <v>556280</v>
      </c>
      <c r="CI32" s="114">
        <v>292510</v>
      </c>
      <c r="CJ32" s="114">
        <v>172271</v>
      </c>
      <c r="CK32" s="113">
        <v>2052251</v>
      </c>
      <c r="CL32" s="116">
        <v>2207447</v>
      </c>
      <c r="CM32" s="110">
        <v>0</v>
      </c>
      <c r="CN32" s="114">
        <v>0</v>
      </c>
      <c r="CO32" s="113">
        <v>0</v>
      </c>
      <c r="CP32" s="111">
        <v>0</v>
      </c>
      <c r="CQ32" s="114">
        <v>316180</v>
      </c>
      <c r="CR32" s="114">
        <v>430220</v>
      </c>
      <c r="CS32" s="114">
        <v>511085</v>
      </c>
      <c r="CT32" s="114">
        <v>292510</v>
      </c>
      <c r="CU32" s="114">
        <v>172271</v>
      </c>
      <c r="CV32" s="113">
        <v>1722266</v>
      </c>
      <c r="CW32" s="116">
        <v>1722266</v>
      </c>
      <c r="CX32" s="110">
        <v>0</v>
      </c>
      <c r="CY32" s="114">
        <v>155196</v>
      </c>
      <c r="CZ32" s="113">
        <v>155196</v>
      </c>
      <c r="DA32" s="110">
        <v>0</v>
      </c>
      <c r="DB32" s="114">
        <v>81474</v>
      </c>
      <c r="DC32" s="114">
        <v>203316</v>
      </c>
      <c r="DD32" s="114">
        <v>45195</v>
      </c>
      <c r="DE32" s="114">
        <v>0</v>
      </c>
      <c r="DF32" s="114">
        <v>0</v>
      </c>
      <c r="DG32" s="113">
        <v>329985</v>
      </c>
      <c r="DH32" s="116">
        <v>485181</v>
      </c>
      <c r="DI32" s="110">
        <v>0</v>
      </c>
      <c r="DJ32" s="114">
        <v>0</v>
      </c>
      <c r="DK32" s="112">
        <v>0</v>
      </c>
      <c r="DL32" s="111">
        <v>0</v>
      </c>
      <c r="DM32" s="114">
        <v>59608</v>
      </c>
      <c r="DN32" s="114">
        <v>0</v>
      </c>
      <c r="DO32" s="114">
        <v>104893</v>
      </c>
      <c r="DP32" s="114">
        <v>0</v>
      </c>
      <c r="DQ32" s="114">
        <v>27849</v>
      </c>
      <c r="DR32" s="113">
        <v>192350</v>
      </c>
      <c r="DS32" s="116">
        <v>192350</v>
      </c>
      <c r="DT32" s="110">
        <v>0</v>
      </c>
      <c r="DU32" s="114">
        <v>0</v>
      </c>
      <c r="DV32" s="113">
        <v>0</v>
      </c>
      <c r="DW32" s="110">
        <v>0</v>
      </c>
      <c r="DX32" s="114">
        <v>0</v>
      </c>
      <c r="DY32" s="114">
        <v>0</v>
      </c>
      <c r="DZ32" s="114">
        <v>104893</v>
      </c>
      <c r="EA32" s="114">
        <v>0</v>
      </c>
      <c r="EB32" s="114">
        <v>27849</v>
      </c>
      <c r="EC32" s="113">
        <v>132742</v>
      </c>
      <c r="ED32" s="116">
        <v>132742</v>
      </c>
      <c r="EE32" s="110">
        <v>0</v>
      </c>
      <c r="EF32" s="112">
        <v>0</v>
      </c>
      <c r="EG32" s="113">
        <v>0</v>
      </c>
      <c r="EH32" s="110">
        <v>0</v>
      </c>
      <c r="EI32" s="114">
        <v>59608</v>
      </c>
      <c r="EJ32" s="114">
        <v>0</v>
      </c>
      <c r="EK32" s="114">
        <v>0</v>
      </c>
      <c r="EL32" s="114">
        <v>0</v>
      </c>
      <c r="EM32" s="114">
        <v>0</v>
      </c>
      <c r="EN32" s="112">
        <v>59608</v>
      </c>
      <c r="EO32" s="116">
        <v>59608</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8"/>
      <c r="FE32" s="114">
        <v>0</v>
      </c>
      <c r="FF32" s="114">
        <v>0</v>
      </c>
      <c r="FG32" s="114">
        <v>0</v>
      </c>
      <c r="FH32" s="114">
        <v>0</v>
      </c>
      <c r="FI32" s="114">
        <v>0</v>
      </c>
      <c r="FJ32" s="113">
        <v>0</v>
      </c>
      <c r="FK32" s="116">
        <v>0</v>
      </c>
      <c r="FL32" s="110">
        <v>8400</v>
      </c>
      <c r="FM32" s="114">
        <v>94936</v>
      </c>
      <c r="FN32" s="113">
        <v>103336</v>
      </c>
      <c r="FO32" s="110">
        <v>0</v>
      </c>
      <c r="FP32" s="114">
        <v>62800</v>
      </c>
      <c r="FQ32" s="114">
        <v>161928</v>
      </c>
      <c r="FR32" s="114">
        <v>160400</v>
      </c>
      <c r="FS32" s="114">
        <v>72240</v>
      </c>
      <c r="FT32" s="114">
        <v>80360</v>
      </c>
      <c r="FU32" s="113">
        <v>537728</v>
      </c>
      <c r="FV32" s="116">
        <v>641064</v>
      </c>
      <c r="FW32" s="115">
        <v>8400</v>
      </c>
      <c r="FX32" s="114">
        <v>43280</v>
      </c>
      <c r="FY32" s="112">
        <v>51680</v>
      </c>
      <c r="FZ32" s="111">
        <v>0</v>
      </c>
      <c r="GA32" s="114">
        <v>62800</v>
      </c>
      <c r="GB32" s="114">
        <v>161928</v>
      </c>
      <c r="GC32" s="114">
        <v>160400</v>
      </c>
      <c r="GD32" s="114">
        <v>72240</v>
      </c>
      <c r="GE32" s="114">
        <v>80360</v>
      </c>
      <c r="GF32" s="113">
        <v>537728</v>
      </c>
      <c r="GG32" s="319">
        <v>589408</v>
      </c>
      <c r="GH32" s="115">
        <v>0</v>
      </c>
      <c r="GI32" s="114">
        <v>0</v>
      </c>
      <c r="GJ32" s="112">
        <v>0</v>
      </c>
      <c r="GK32" s="111">
        <v>0</v>
      </c>
      <c r="GL32" s="114">
        <v>0</v>
      </c>
      <c r="GM32" s="114">
        <v>0</v>
      </c>
      <c r="GN32" s="114">
        <v>0</v>
      </c>
      <c r="GO32" s="114">
        <v>0</v>
      </c>
      <c r="GP32" s="114">
        <v>0</v>
      </c>
      <c r="GQ32" s="113">
        <v>0</v>
      </c>
      <c r="GR32" s="116">
        <v>0</v>
      </c>
      <c r="GS32" s="110">
        <v>0</v>
      </c>
      <c r="GT32" s="114">
        <v>51656</v>
      </c>
      <c r="GU32" s="113">
        <v>51656</v>
      </c>
      <c r="GV32" s="110">
        <v>0</v>
      </c>
      <c r="GW32" s="114">
        <v>0</v>
      </c>
      <c r="GX32" s="114">
        <v>0</v>
      </c>
      <c r="GY32" s="114">
        <v>0</v>
      </c>
      <c r="GZ32" s="114">
        <v>0</v>
      </c>
      <c r="HA32" s="114">
        <v>0</v>
      </c>
      <c r="HB32" s="112">
        <v>0</v>
      </c>
      <c r="HC32" s="116">
        <v>51656</v>
      </c>
      <c r="HD32" s="110">
        <v>0</v>
      </c>
      <c r="HE32" s="114">
        <v>94256</v>
      </c>
      <c r="HF32" s="112">
        <v>94256</v>
      </c>
      <c r="HG32" s="111">
        <v>0</v>
      </c>
      <c r="HH32" s="114">
        <v>158446</v>
      </c>
      <c r="HI32" s="114">
        <v>355204</v>
      </c>
      <c r="HJ32" s="114">
        <v>385824</v>
      </c>
      <c r="HK32" s="114">
        <v>446363</v>
      </c>
      <c r="HL32" s="114">
        <v>228996</v>
      </c>
      <c r="HM32" s="113">
        <v>1574833</v>
      </c>
      <c r="HN32" s="109">
        <v>1669089</v>
      </c>
      <c r="HO32" s="329"/>
      <c r="HP32" s="330"/>
      <c r="HQ32" s="331"/>
      <c r="HR32" s="332"/>
      <c r="HS32" s="330"/>
      <c r="HT32" s="330"/>
      <c r="HU32" s="330"/>
      <c r="HV32" s="330"/>
      <c r="HW32" s="330"/>
      <c r="HX32" s="333"/>
      <c r="HY32" s="334"/>
      <c r="HZ32" s="150">
        <v>0</v>
      </c>
      <c r="IA32" s="135">
        <v>0</v>
      </c>
      <c r="IB32" s="150">
        <v>0</v>
      </c>
      <c r="IC32" s="134">
        <v>0</v>
      </c>
      <c r="ID32" s="135">
        <v>238303</v>
      </c>
      <c r="IE32" s="136">
        <v>630448</v>
      </c>
      <c r="IF32" s="137">
        <v>875106</v>
      </c>
      <c r="IG32" s="135">
        <v>246676</v>
      </c>
      <c r="IH32" s="137">
        <v>265836</v>
      </c>
      <c r="II32" s="138">
        <v>2256369</v>
      </c>
      <c r="IJ32" s="150">
        <v>2256369</v>
      </c>
      <c r="IK32" s="232">
        <v>0</v>
      </c>
      <c r="IL32" s="236">
        <v>0</v>
      </c>
      <c r="IM32" s="237">
        <v>0</v>
      </c>
      <c r="IN32" s="140"/>
      <c r="IO32" s="119">
        <v>0</v>
      </c>
      <c r="IP32" s="119">
        <v>0</v>
      </c>
      <c r="IQ32" s="119">
        <v>172056</v>
      </c>
      <c r="IR32" s="119">
        <v>0</v>
      </c>
      <c r="IS32" s="119">
        <v>0</v>
      </c>
      <c r="IT32" s="141">
        <v>172056</v>
      </c>
      <c r="IU32" s="321">
        <v>172056</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46895</v>
      </c>
      <c r="JL32" s="119">
        <v>0</v>
      </c>
      <c r="JM32" s="119">
        <v>0</v>
      </c>
      <c r="JN32" s="119">
        <v>0</v>
      </c>
      <c r="JO32" s="119">
        <v>0</v>
      </c>
      <c r="JP32" s="120">
        <v>46895</v>
      </c>
      <c r="JQ32" s="321">
        <v>46895</v>
      </c>
      <c r="JR32" s="142">
        <v>0</v>
      </c>
      <c r="JS32" s="119">
        <v>0</v>
      </c>
      <c r="JT32" s="141">
        <v>0</v>
      </c>
      <c r="JU32" s="118">
        <v>0</v>
      </c>
      <c r="JV32" s="119">
        <v>191408</v>
      </c>
      <c r="JW32" s="119">
        <v>149848</v>
      </c>
      <c r="JX32" s="119">
        <v>0</v>
      </c>
      <c r="JY32" s="119">
        <v>0</v>
      </c>
      <c r="JZ32" s="119">
        <v>0</v>
      </c>
      <c r="KA32" s="120">
        <v>341256</v>
      </c>
      <c r="KB32" s="321">
        <v>341256</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0</v>
      </c>
      <c r="KS32" s="119">
        <v>480600</v>
      </c>
      <c r="KT32" s="119">
        <v>245872</v>
      </c>
      <c r="KU32" s="119">
        <v>0</v>
      </c>
      <c r="KV32" s="119">
        <v>0</v>
      </c>
      <c r="KW32" s="120">
        <v>726472</v>
      </c>
      <c r="KX32" s="321">
        <v>726472</v>
      </c>
      <c r="KY32" s="142">
        <v>0</v>
      </c>
      <c r="KZ32" s="119">
        <v>0</v>
      </c>
      <c r="LA32" s="120">
        <v>0</v>
      </c>
      <c r="LB32" s="145">
        <v>0</v>
      </c>
      <c r="LC32" s="119">
        <v>0</v>
      </c>
      <c r="LD32" s="119">
        <v>0</v>
      </c>
      <c r="LE32" s="119">
        <v>0</v>
      </c>
      <c r="LF32" s="119">
        <v>0</v>
      </c>
      <c r="LG32" s="119">
        <v>0</v>
      </c>
      <c r="LH32" s="120">
        <v>0</v>
      </c>
      <c r="LI32" s="121">
        <v>0</v>
      </c>
      <c r="LJ32" s="142">
        <v>0</v>
      </c>
      <c r="LK32" s="119">
        <v>0</v>
      </c>
      <c r="LL32" s="120">
        <v>0</v>
      </c>
      <c r="LM32" s="145"/>
      <c r="LN32" s="119">
        <v>0</v>
      </c>
      <c r="LO32" s="119">
        <v>0</v>
      </c>
      <c r="LP32" s="119">
        <v>457178</v>
      </c>
      <c r="LQ32" s="119">
        <v>246676</v>
      </c>
      <c r="LR32" s="119">
        <v>265836</v>
      </c>
      <c r="LS32" s="120">
        <v>969690</v>
      </c>
      <c r="LT32" s="321">
        <v>969690</v>
      </c>
      <c r="LU32" s="142">
        <v>0</v>
      </c>
      <c r="LV32" s="119">
        <v>0</v>
      </c>
      <c r="LW32" s="120">
        <v>0</v>
      </c>
      <c r="LX32" s="145"/>
      <c r="LY32" s="119">
        <v>0</v>
      </c>
      <c r="LZ32" s="119">
        <v>0</v>
      </c>
      <c r="MA32" s="119">
        <v>0</v>
      </c>
      <c r="MB32" s="119">
        <v>0</v>
      </c>
      <c r="MC32" s="119">
        <v>0</v>
      </c>
      <c r="MD32" s="120">
        <v>0</v>
      </c>
      <c r="ME32" s="121">
        <v>0</v>
      </c>
      <c r="MF32" s="142">
        <v>0</v>
      </c>
      <c r="MG32" s="119">
        <v>0</v>
      </c>
      <c r="MH32" s="120">
        <v>0</v>
      </c>
      <c r="MI32" s="145"/>
      <c r="MJ32" s="119">
        <v>0</v>
      </c>
      <c r="MK32" s="119">
        <v>477511</v>
      </c>
      <c r="ML32" s="119">
        <v>1334805</v>
      </c>
      <c r="MM32" s="119">
        <v>1356590</v>
      </c>
      <c r="MN32" s="119">
        <v>531048</v>
      </c>
      <c r="MO32" s="120">
        <v>3699954</v>
      </c>
      <c r="MP32" s="143">
        <v>3699954</v>
      </c>
      <c r="MQ32" s="142">
        <v>0</v>
      </c>
      <c r="MR32" s="119">
        <v>0</v>
      </c>
      <c r="MS32" s="120">
        <v>0</v>
      </c>
      <c r="MT32" s="145"/>
      <c r="MU32" s="119">
        <v>0</v>
      </c>
      <c r="MV32" s="119">
        <v>231287</v>
      </c>
      <c r="MW32" s="119">
        <v>0</v>
      </c>
      <c r="MX32" s="119">
        <v>417564</v>
      </c>
      <c r="MY32" s="119">
        <v>531048</v>
      </c>
      <c r="MZ32" s="120">
        <v>1179899</v>
      </c>
      <c r="NA32" s="143">
        <v>1179899</v>
      </c>
      <c r="NB32" s="142">
        <v>0</v>
      </c>
      <c r="NC32" s="119">
        <v>0</v>
      </c>
      <c r="ND32" s="120">
        <v>0</v>
      </c>
      <c r="NE32" s="145"/>
      <c r="NF32" s="119">
        <v>0</v>
      </c>
      <c r="NG32" s="119">
        <v>246224</v>
      </c>
      <c r="NH32" s="119">
        <v>1334805</v>
      </c>
      <c r="NI32" s="119">
        <v>576601</v>
      </c>
      <c r="NJ32" s="119">
        <v>0</v>
      </c>
      <c r="NK32" s="120">
        <v>2157630</v>
      </c>
      <c r="NL32" s="321">
        <v>2157630</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362425</v>
      </c>
      <c r="OF32" s="119">
        <v>0</v>
      </c>
      <c r="OG32" s="120">
        <v>362425</v>
      </c>
      <c r="OH32" s="121">
        <v>362425</v>
      </c>
      <c r="OI32" s="142">
        <v>27272</v>
      </c>
      <c r="OJ32" s="119">
        <v>435748</v>
      </c>
      <c r="OK32" s="141">
        <v>463020</v>
      </c>
      <c r="OL32" s="118">
        <v>0</v>
      </c>
      <c r="OM32" s="119">
        <v>1206127</v>
      </c>
      <c r="ON32" s="119">
        <v>2611778</v>
      </c>
      <c r="OO32" s="119">
        <v>4324920</v>
      </c>
      <c r="OP32" s="119">
        <v>3012383</v>
      </c>
      <c r="OQ32" s="119">
        <v>1608343</v>
      </c>
      <c r="OR32" s="120">
        <v>12763551</v>
      </c>
      <c r="OS32" s="143">
        <v>13226571</v>
      </c>
    </row>
    <row r="33" spans="2:409" ht="20.25" customHeight="1" x14ac:dyDescent="0.2">
      <c r="B33" s="126" t="s">
        <v>28</v>
      </c>
      <c r="C33" s="110">
        <v>0</v>
      </c>
      <c r="D33" s="114">
        <v>5600</v>
      </c>
      <c r="E33" s="113">
        <v>5600</v>
      </c>
      <c r="F33" s="109">
        <v>0</v>
      </c>
      <c r="G33" s="114">
        <v>319866</v>
      </c>
      <c r="H33" s="114">
        <v>185591</v>
      </c>
      <c r="I33" s="114">
        <v>205608</v>
      </c>
      <c r="J33" s="114">
        <v>0</v>
      </c>
      <c r="K33" s="114">
        <v>24485</v>
      </c>
      <c r="L33" s="173">
        <v>735550</v>
      </c>
      <c r="M33" s="116">
        <v>741150</v>
      </c>
      <c r="N33" s="110">
        <v>0</v>
      </c>
      <c r="O33" s="114">
        <v>0</v>
      </c>
      <c r="P33" s="113">
        <v>0</v>
      </c>
      <c r="Q33" s="110">
        <v>0</v>
      </c>
      <c r="R33" s="114">
        <v>4144</v>
      </c>
      <c r="S33" s="114">
        <v>62959</v>
      </c>
      <c r="T33" s="114">
        <v>9600</v>
      </c>
      <c r="U33" s="114">
        <v>0</v>
      </c>
      <c r="V33" s="114">
        <v>0</v>
      </c>
      <c r="W33" s="113">
        <v>76703</v>
      </c>
      <c r="X33" s="116">
        <v>76703</v>
      </c>
      <c r="Y33" s="110">
        <v>0</v>
      </c>
      <c r="Z33" s="114">
        <v>0</v>
      </c>
      <c r="AA33" s="113">
        <v>0</v>
      </c>
      <c r="AB33" s="110">
        <v>0</v>
      </c>
      <c r="AC33" s="114">
        <v>0</v>
      </c>
      <c r="AD33" s="114">
        <v>27441</v>
      </c>
      <c r="AE33" s="114">
        <v>0</v>
      </c>
      <c r="AF33" s="114">
        <v>0</v>
      </c>
      <c r="AG33" s="114">
        <v>0</v>
      </c>
      <c r="AH33" s="113">
        <v>27441</v>
      </c>
      <c r="AI33" s="116">
        <v>27441</v>
      </c>
      <c r="AJ33" s="110">
        <v>0</v>
      </c>
      <c r="AK33" s="114">
        <v>0</v>
      </c>
      <c r="AL33" s="113">
        <v>0</v>
      </c>
      <c r="AM33" s="110">
        <v>0</v>
      </c>
      <c r="AN33" s="114">
        <v>0</v>
      </c>
      <c r="AO33" s="114">
        <v>0</v>
      </c>
      <c r="AP33" s="114">
        <v>0</v>
      </c>
      <c r="AQ33" s="114">
        <v>0</v>
      </c>
      <c r="AR33" s="114">
        <v>0</v>
      </c>
      <c r="AS33" s="113">
        <v>0</v>
      </c>
      <c r="AT33" s="116">
        <v>0</v>
      </c>
      <c r="AU33" s="110">
        <v>0</v>
      </c>
      <c r="AV33" s="114">
        <v>0</v>
      </c>
      <c r="AW33" s="113">
        <v>0</v>
      </c>
      <c r="AX33" s="110">
        <v>0</v>
      </c>
      <c r="AY33" s="114">
        <v>0</v>
      </c>
      <c r="AZ33" s="114">
        <v>35518</v>
      </c>
      <c r="BA33" s="114">
        <v>0</v>
      </c>
      <c r="BB33" s="114">
        <v>0</v>
      </c>
      <c r="BC33" s="114">
        <v>0</v>
      </c>
      <c r="BD33" s="113">
        <v>35518</v>
      </c>
      <c r="BE33" s="116">
        <v>35518</v>
      </c>
      <c r="BF33" s="110">
        <v>0</v>
      </c>
      <c r="BG33" s="114">
        <v>0</v>
      </c>
      <c r="BH33" s="112">
        <v>0</v>
      </c>
      <c r="BI33" s="111">
        <v>0</v>
      </c>
      <c r="BJ33" s="114">
        <v>0</v>
      </c>
      <c r="BK33" s="114">
        <v>0</v>
      </c>
      <c r="BL33" s="114">
        <v>0</v>
      </c>
      <c r="BM33" s="114">
        <v>0</v>
      </c>
      <c r="BN33" s="114">
        <v>0</v>
      </c>
      <c r="BO33" s="113">
        <v>0</v>
      </c>
      <c r="BP33" s="116">
        <v>0</v>
      </c>
      <c r="BQ33" s="110">
        <v>0</v>
      </c>
      <c r="BR33" s="114">
        <v>0</v>
      </c>
      <c r="BS33" s="113">
        <v>0</v>
      </c>
      <c r="BT33" s="110">
        <v>0</v>
      </c>
      <c r="BU33" s="114">
        <v>4144</v>
      </c>
      <c r="BV33" s="114">
        <v>0</v>
      </c>
      <c r="BW33" s="114">
        <v>9600</v>
      </c>
      <c r="BX33" s="114">
        <v>0</v>
      </c>
      <c r="BY33" s="114">
        <v>0</v>
      </c>
      <c r="BZ33" s="113">
        <v>13744</v>
      </c>
      <c r="CA33" s="116">
        <v>13744</v>
      </c>
      <c r="CB33" s="110">
        <v>0</v>
      </c>
      <c r="CC33" s="114">
        <v>0</v>
      </c>
      <c r="CD33" s="113">
        <v>0</v>
      </c>
      <c r="CE33" s="110">
        <v>0</v>
      </c>
      <c r="CF33" s="114">
        <v>151312</v>
      </c>
      <c r="CG33" s="114">
        <v>77656</v>
      </c>
      <c r="CH33" s="114">
        <v>0</v>
      </c>
      <c r="CI33" s="114">
        <v>0</v>
      </c>
      <c r="CJ33" s="114">
        <v>0</v>
      </c>
      <c r="CK33" s="113">
        <v>228968</v>
      </c>
      <c r="CL33" s="116">
        <v>228968</v>
      </c>
      <c r="CM33" s="110">
        <v>0</v>
      </c>
      <c r="CN33" s="114">
        <v>0</v>
      </c>
      <c r="CO33" s="113">
        <v>0</v>
      </c>
      <c r="CP33" s="111">
        <v>0</v>
      </c>
      <c r="CQ33" s="114">
        <v>151312</v>
      </c>
      <c r="CR33" s="114">
        <v>0</v>
      </c>
      <c r="CS33" s="114">
        <v>0</v>
      </c>
      <c r="CT33" s="114">
        <v>0</v>
      </c>
      <c r="CU33" s="114">
        <v>0</v>
      </c>
      <c r="CV33" s="113">
        <v>151312</v>
      </c>
      <c r="CW33" s="116">
        <v>151312</v>
      </c>
      <c r="CX33" s="110">
        <v>0</v>
      </c>
      <c r="CY33" s="114">
        <v>0</v>
      </c>
      <c r="CZ33" s="113">
        <v>0</v>
      </c>
      <c r="DA33" s="110">
        <v>0</v>
      </c>
      <c r="DB33" s="114">
        <v>0</v>
      </c>
      <c r="DC33" s="114">
        <v>77656</v>
      </c>
      <c r="DD33" s="114">
        <v>0</v>
      </c>
      <c r="DE33" s="114">
        <v>0</v>
      </c>
      <c r="DF33" s="114">
        <v>0</v>
      </c>
      <c r="DG33" s="113">
        <v>77656</v>
      </c>
      <c r="DH33" s="116">
        <v>77656</v>
      </c>
      <c r="DI33" s="110">
        <v>0</v>
      </c>
      <c r="DJ33" s="114">
        <v>0</v>
      </c>
      <c r="DK33" s="112">
        <v>0</v>
      </c>
      <c r="DL33" s="111">
        <v>0</v>
      </c>
      <c r="DM33" s="114">
        <v>0</v>
      </c>
      <c r="DN33" s="114">
        <v>0</v>
      </c>
      <c r="DO33" s="114">
        <v>0</v>
      </c>
      <c r="DP33" s="114">
        <v>0</v>
      </c>
      <c r="DQ33" s="114">
        <v>24485</v>
      </c>
      <c r="DR33" s="113">
        <v>24485</v>
      </c>
      <c r="DS33" s="116">
        <v>24485</v>
      </c>
      <c r="DT33" s="110">
        <v>0</v>
      </c>
      <c r="DU33" s="114">
        <v>0</v>
      </c>
      <c r="DV33" s="113">
        <v>0</v>
      </c>
      <c r="DW33" s="110">
        <v>0</v>
      </c>
      <c r="DX33" s="114">
        <v>0</v>
      </c>
      <c r="DY33" s="114">
        <v>0</v>
      </c>
      <c r="DZ33" s="114">
        <v>0</v>
      </c>
      <c r="EA33" s="114">
        <v>0</v>
      </c>
      <c r="EB33" s="114">
        <v>24485</v>
      </c>
      <c r="EC33" s="113">
        <v>24485</v>
      </c>
      <c r="ED33" s="116">
        <v>24485</v>
      </c>
      <c r="EE33" s="110">
        <v>0</v>
      </c>
      <c r="EF33" s="112">
        <v>0</v>
      </c>
      <c r="EG33" s="113">
        <v>0</v>
      </c>
      <c r="EH33" s="110">
        <v>0</v>
      </c>
      <c r="EI33" s="114">
        <v>0</v>
      </c>
      <c r="EJ33" s="114">
        <v>0</v>
      </c>
      <c r="EK33" s="114">
        <v>0</v>
      </c>
      <c r="EL33" s="114">
        <v>0</v>
      </c>
      <c r="EM33" s="114">
        <v>0</v>
      </c>
      <c r="EN33" s="112">
        <v>0</v>
      </c>
      <c r="EO33" s="116">
        <v>0</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8"/>
      <c r="FE33" s="114">
        <v>0</v>
      </c>
      <c r="FF33" s="114">
        <v>0</v>
      </c>
      <c r="FG33" s="114">
        <v>0</v>
      </c>
      <c r="FH33" s="114">
        <v>0</v>
      </c>
      <c r="FI33" s="114">
        <v>0</v>
      </c>
      <c r="FJ33" s="113">
        <v>0</v>
      </c>
      <c r="FK33" s="116">
        <v>0</v>
      </c>
      <c r="FL33" s="110">
        <v>0</v>
      </c>
      <c r="FM33" s="114">
        <v>5600</v>
      </c>
      <c r="FN33" s="113">
        <v>5600</v>
      </c>
      <c r="FO33" s="110">
        <v>0</v>
      </c>
      <c r="FP33" s="114">
        <v>10640</v>
      </c>
      <c r="FQ33" s="114">
        <v>44976</v>
      </c>
      <c r="FR33" s="114">
        <v>0</v>
      </c>
      <c r="FS33" s="114">
        <v>0</v>
      </c>
      <c r="FT33" s="114">
        <v>0</v>
      </c>
      <c r="FU33" s="113">
        <v>55616</v>
      </c>
      <c r="FV33" s="116">
        <v>61216</v>
      </c>
      <c r="FW33" s="115">
        <v>0</v>
      </c>
      <c r="FX33" s="114">
        <v>5600</v>
      </c>
      <c r="FY33" s="112">
        <v>5600</v>
      </c>
      <c r="FZ33" s="111">
        <v>0</v>
      </c>
      <c r="GA33" s="114">
        <v>10640</v>
      </c>
      <c r="GB33" s="114">
        <v>44976</v>
      </c>
      <c r="GC33" s="114">
        <v>0</v>
      </c>
      <c r="GD33" s="114">
        <v>0</v>
      </c>
      <c r="GE33" s="114">
        <v>0</v>
      </c>
      <c r="GF33" s="113">
        <v>55616</v>
      </c>
      <c r="GG33" s="319">
        <v>61216</v>
      </c>
      <c r="GH33" s="115">
        <v>0</v>
      </c>
      <c r="GI33" s="114">
        <v>0</v>
      </c>
      <c r="GJ33" s="112">
        <v>0</v>
      </c>
      <c r="GK33" s="111">
        <v>0</v>
      </c>
      <c r="GL33" s="114">
        <v>0</v>
      </c>
      <c r="GM33" s="114">
        <v>0</v>
      </c>
      <c r="GN33" s="114">
        <v>0</v>
      </c>
      <c r="GO33" s="114">
        <v>0</v>
      </c>
      <c r="GP33" s="114">
        <v>0</v>
      </c>
      <c r="GQ33" s="113">
        <v>0</v>
      </c>
      <c r="GR33" s="116">
        <v>0</v>
      </c>
      <c r="GS33" s="110">
        <v>0</v>
      </c>
      <c r="GT33" s="114">
        <v>0</v>
      </c>
      <c r="GU33" s="113">
        <v>0</v>
      </c>
      <c r="GV33" s="110">
        <v>0</v>
      </c>
      <c r="GW33" s="114">
        <v>0</v>
      </c>
      <c r="GX33" s="114">
        <v>0</v>
      </c>
      <c r="GY33" s="114">
        <v>0</v>
      </c>
      <c r="GZ33" s="114">
        <v>0</v>
      </c>
      <c r="HA33" s="114">
        <v>0</v>
      </c>
      <c r="HB33" s="112">
        <v>0</v>
      </c>
      <c r="HC33" s="116">
        <v>0</v>
      </c>
      <c r="HD33" s="110">
        <v>0</v>
      </c>
      <c r="HE33" s="114">
        <v>0</v>
      </c>
      <c r="HF33" s="112">
        <v>0</v>
      </c>
      <c r="HG33" s="111">
        <v>0</v>
      </c>
      <c r="HH33" s="114">
        <v>153770</v>
      </c>
      <c r="HI33" s="114">
        <v>0</v>
      </c>
      <c r="HJ33" s="114">
        <v>196008</v>
      </c>
      <c r="HK33" s="114">
        <v>0</v>
      </c>
      <c r="HL33" s="114">
        <v>0</v>
      </c>
      <c r="HM33" s="113">
        <v>349778</v>
      </c>
      <c r="HN33" s="109">
        <v>349778</v>
      </c>
      <c r="HO33" s="329"/>
      <c r="HP33" s="330"/>
      <c r="HQ33" s="331"/>
      <c r="HR33" s="332"/>
      <c r="HS33" s="330"/>
      <c r="HT33" s="330"/>
      <c r="HU33" s="330"/>
      <c r="HV33" s="330"/>
      <c r="HW33" s="330"/>
      <c r="HX33" s="333"/>
      <c r="HY33" s="334"/>
      <c r="HZ33" s="131">
        <v>0</v>
      </c>
      <c r="IA33" s="132">
        <v>0</v>
      </c>
      <c r="IB33" s="133">
        <v>0</v>
      </c>
      <c r="IC33" s="146">
        <v>0</v>
      </c>
      <c r="ID33" s="132">
        <v>74696</v>
      </c>
      <c r="IE33" s="147">
        <v>41208</v>
      </c>
      <c r="IF33" s="133">
        <v>0</v>
      </c>
      <c r="IG33" s="132">
        <v>0</v>
      </c>
      <c r="IH33" s="133">
        <v>236744</v>
      </c>
      <c r="II33" s="148">
        <v>352648</v>
      </c>
      <c r="IJ33" s="139">
        <v>352648</v>
      </c>
      <c r="IK33" s="232">
        <v>0</v>
      </c>
      <c r="IL33" s="236">
        <v>0</v>
      </c>
      <c r="IM33" s="237">
        <v>0</v>
      </c>
      <c r="IN33" s="140"/>
      <c r="IO33" s="119">
        <v>0</v>
      </c>
      <c r="IP33" s="119">
        <v>0</v>
      </c>
      <c r="IQ33" s="119">
        <v>0</v>
      </c>
      <c r="IR33" s="119">
        <v>0</v>
      </c>
      <c r="IS33" s="119">
        <v>0</v>
      </c>
      <c r="IT33" s="141">
        <v>0</v>
      </c>
      <c r="IU33" s="321">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74696</v>
      </c>
      <c r="JL33" s="119">
        <v>41208</v>
      </c>
      <c r="JM33" s="119">
        <v>0</v>
      </c>
      <c r="JN33" s="119">
        <v>0</v>
      </c>
      <c r="JO33" s="119">
        <v>0</v>
      </c>
      <c r="JP33" s="120">
        <v>115904</v>
      </c>
      <c r="JQ33" s="321">
        <v>115904</v>
      </c>
      <c r="JR33" s="142">
        <v>0</v>
      </c>
      <c r="JS33" s="119">
        <v>0</v>
      </c>
      <c r="JT33" s="141">
        <v>0</v>
      </c>
      <c r="JU33" s="118">
        <v>0</v>
      </c>
      <c r="JV33" s="119">
        <v>0</v>
      </c>
      <c r="JW33" s="119">
        <v>0</v>
      </c>
      <c r="JX33" s="119">
        <v>0</v>
      </c>
      <c r="JY33" s="119">
        <v>0</v>
      </c>
      <c r="JZ33" s="119">
        <v>40480</v>
      </c>
      <c r="KA33" s="120">
        <v>40480</v>
      </c>
      <c r="KB33" s="321">
        <v>4048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0</v>
      </c>
      <c r="KT33" s="119">
        <v>0</v>
      </c>
      <c r="KU33" s="119">
        <v>0</v>
      </c>
      <c r="KV33" s="119">
        <v>196264</v>
      </c>
      <c r="KW33" s="120">
        <v>196264</v>
      </c>
      <c r="KX33" s="321">
        <v>196264</v>
      </c>
      <c r="KY33" s="142">
        <v>0</v>
      </c>
      <c r="KZ33" s="119">
        <v>0</v>
      </c>
      <c r="LA33" s="120">
        <v>0</v>
      </c>
      <c r="LB33" s="145">
        <v>0</v>
      </c>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21">
        <v>0</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0</v>
      </c>
      <c r="MK33" s="119">
        <v>215872</v>
      </c>
      <c r="ML33" s="119">
        <v>0</v>
      </c>
      <c r="MM33" s="119">
        <v>511352</v>
      </c>
      <c r="MN33" s="119">
        <v>0</v>
      </c>
      <c r="MO33" s="120">
        <v>727224</v>
      </c>
      <c r="MP33" s="143">
        <v>727224</v>
      </c>
      <c r="MQ33" s="142">
        <v>0</v>
      </c>
      <c r="MR33" s="119">
        <v>0</v>
      </c>
      <c r="MS33" s="120">
        <v>0</v>
      </c>
      <c r="MT33" s="145"/>
      <c r="MU33" s="119">
        <v>0</v>
      </c>
      <c r="MV33" s="119">
        <v>0</v>
      </c>
      <c r="MW33" s="119">
        <v>0</v>
      </c>
      <c r="MX33" s="119">
        <v>225816</v>
      </c>
      <c r="MY33" s="119">
        <v>0</v>
      </c>
      <c r="MZ33" s="120">
        <v>225816</v>
      </c>
      <c r="NA33" s="143">
        <v>225816</v>
      </c>
      <c r="NB33" s="142">
        <v>0</v>
      </c>
      <c r="NC33" s="119">
        <v>0</v>
      </c>
      <c r="ND33" s="120">
        <v>0</v>
      </c>
      <c r="NE33" s="145"/>
      <c r="NF33" s="119">
        <v>0</v>
      </c>
      <c r="NG33" s="119">
        <v>215872</v>
      </c>
      <c r="NH33" s="119">
        <v>0</v>
      </c>
      <c r="NI33" s="119">
        <v>285536</v>
      </c>
      <c r="NJ33" s="119">
        <v>0</v>
      </c>
      <c r="NK33" s="120">
        <v>501408</v>
      </c>
      <c r="NL33" s="321">
        <v>501408</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0</v>
      </c>
      <c r="OJ33" s="119">
        <v>5600</v>
      </c>
      <c r="OK33" s="141">
        <v>5600</v>
      </c>
      <c r="OL33" s="118">
        <v>0</v>
      </c>
      <c r="OM33" s="119">
        <v>394562</v>
      </c>
      <c r="ON33" s="119">
        <v>442671</v>
      </c>
      <c r="OO33" s="119">
        <v>205608</v>
      </c>
      <c r="OP33" s="119">
        <v>511352</v>
      </c>
      <c r="OQ33" s="119">
        <v>261229</v>
      </c>
      <c r="OR33" s="120">
        <v>1815422</v>
      </c>
      <c r="OS33" s="143">
        <v>1821022</v>
      </c>
    </row>
    <row r="34" spans="2:409" ht="20.25" customHeight="1" x14ac:dyDescent="0.2">
      <c r="B34" s="126" t="s">
        <v>29</v>
      </c>
      <c r="C34" s="110">
        <v>12000</v>
      </c>
      <c r="D34" s="114">
        <v>14688</v>
      </c>
      <c r="E34" s="113">
        <v>26688</v>
      </c>
      <c r="F34" s="109">
        <v>0</v>
      </c>
      <c r="G34" s="114">
        <v>517598</v>
      </c>
      <c r="H34" s="114">
        <v>448691</v>
      </c>
      <c r="I34" s="114">
        <v>206722</v>
      </c>
      <c r="J34" s="114">
        <v>337512</v>
      </c>
      <c r="K34" s="114">
        <v>303326</v>
      </c>
      <c r="L34" s="173">
        <v>1813849</v>
      </c>
      <c r="M34" s="116">
        <v>1840537</v>
      </c>
      <c r="N34" s="110">
        <v>0</v>
      </c>
      <c r="O34" s="114">
        <v>14688</v>
      </c>
      <c r="P34" s="113">
        <v>14688</v>
      </c>
      <c r="Q34" s="110">
        <v>0</v>
      </c>
      <c r="R34" s="114">
        <v>222806</v>
      </c>
      <c r="S34" s="114">
        <v>39728</v>
      </c>
      <c r="T34" s="114">
        <v>37064</v>
      </c>
      <c r="U34" s="114">
        <v>187736</v>
      </c>
      <c r="V34" s="114">
        <v>99928</v>
      </c>
      <c r="W34" s="113">
        <v>587262</v>
      </c>
      <c r="X34" s="116">
        <v>601950</v>
      </c>
      <c r="Y34" s="110">
        <v>0</v>
      </c>
      <c r="Z34" s="114">
        <v>0</v>
      </c>
      <c r="AA34" s="113">
        <v>0</v>
      </c>
      <c r="AB34" s="110">
        <v>0</v>
      </c>
      <c r="AC34" s="114">
        <v>169270</v>
      </c>
      <c r="AD34" s="114">
        <v>0</v>
      </c>
      <c r="AE34" s="114">
        <v>0</v>
      </c>
      <c r="AF34" s="114">
        <v>168128</v>
      </c>
      <c r="AG34" s="114">
        <v>0</v>
      </c>
      <c r="AH34" s="113">
        <v>337398</v>
      </c>
      <c r="AI34" s="116">
        <v>337398</v>
      </c>
      <c r="AJ34" s="110">
        <v>0</v>
      </c>
      <c r="AK34" s="114">
        <v>0</v>
      </c>
      <c r="AL34" s="113">
        <v>0</v>
      </c>
      <c r="AM34" s="110">
        <v>0</v>
      </c>
      <c r="AN34" s="114">
        <v>0</v>
      </c>
      <c r="AO34" s="114">
        <v>0</v>
      </c>
      <c r="AP34" s="114">
        <v>0</v>
      </c>
      <c r="AQ34" s="114">
        <v>0</v>
      </c>
      <c r="AR34" s="114">
        <v>64888</v>
      </c>
      <c r="AS34" s="113">
        <v>64888</v>
      </c>
      <c r="AT34" s="116">
        <v>64888</v>
      </c>
      <c r="AU34" s="110">
        <v>0</v>
      </c>
      <c r="AV34" s="114">
        <v>14688</v>
      </c>
      <c r="AW34" s="113">
        <v>14688</v>
      </c>
      <c r="AX34" s="110">
        <v>0</v>
      </c>
      <c r="AY34" s="114">
        <v>0</v>
      </c>
      <c r="AZ34" s="114">
        <v>0</v>
      </c>
      <c r="BA34" s="114">
        <v>25920</v>
      </c>
      <c r="BB34" s="114">
        <v>19608</v>
      </c>
      <c r="BC34" s="114">
        <v>30272</v>
      </c>
      <c r="BD34" s="113">
        <v>75800</v>
      </c>
      <c r="BE34" s="116">
        <v>90488</v>
      </c>
      <c r="BF34" s="110">
        <v>0</v>
      </c>
      <c r="BG34" s="114">
        <v>0</v>
      </c>
      <c r="BH34" s="112">
        <v>0</v>
      </c>
      <c r="BI34" s="111">
        <v>0</v>
      </c>
      <c r="BJ34" s="114">
        <v>53536</v>
      </c>
      <c r="BK34" s="114">
        <v>0</v>
      </c>
      <c r="BL34" s="114">
        <v>0</v>
      </c>
      <c r="BM34" s="114">
        <v>0</v>
      </c>
      <c r="BN34" s="114">
        <v>0</v>
      </c>
      <c r="BO34" s="113">
        <v>53536</v>
      </c>
      <c r="BP34" s="116">
        <v>53536</v>
      </c>
      <c r="BQ34" s="110">
        <v>0</v>
      </c>
      <c r="BR34" s="114">
        <v>0</v>
      </c>
      <c r="BS34" s="113">
        <v>0</v>
      </c>
      <c r="BT34" s="110">
        <v>0</v>
      </c>
      <c r="BU34" s="114">
        <v>0</v>
      </c>
      <c r="BV34" s="114">
        <v>39728</v>
      </c>
      <c r="BW34" s="114">
        <v>11144</v>
      </c>
      <c r="BX34" s="114">
        <v>0</v>
      </c>
      <c r="BY34" s="114">
        <v>4768</v>
      </c>
      <c r="BZ34" s="113">
        <v>55640</v>
      </c>
      <c r="CA34" s="116">
        <v>55640</v>
      </c>
      <c r="CB34" s="110">
        <v>0</v>
      </c>
      <c r="CC34" s="114">
        <v>0</v>
      </c>
      <c r="CD34" s="113">
        <v>0</v>
      </c>
      <c r="CE34" s="110">
        <v>0</v>
      </c>
      <c r="CF34" s="114">
        <v>283512</v>
      </c>
      <c r="CG34" s="114">
        <v>45416</v>
      </c>
      <c r="CH34" s="114">
        <v>116994</v>
      </c>
      <c r="CI34" s="114">
        <v>80216</v>
      </c>
      <c r="CJ34" s="114">
        <v>62440</v>
      </c>
      <c r="CK34" s="113">
        <v>588578</v>
      </c>
      <c r="CL34" s="116">
        <v>588578</v>
      </c>
      <c r="CM34" s="110">
        <v>0</v>
      </c>
      <c r="CN34" s="114">
        <v>0</v>
      </c>
      <c r="CO34" s="113">
        <v>0</v>
      </c>
      <c r="CP34" s="111">
        <v>0</v>
      </c>
      <c r="CQ34" s="114">
        <v>246656</v>
      </c>
      <c r="CR34" s="114">
        <v>45416</v>
      </c>
      <c r="CS34" s="114">
        <v>78272</v>
      </c>
      <c r="CT34" s="114">
        <v>0</v>
      </c>
      <c r="CU34" s="114">
        <v>62440</v>
      </c>
      <c r="CV34" s="113">
        <v>432784</v>
      </c>
      <c r="CW34" s="116">
        <v>432784</v>
      </c>
      <c r="CX34" s="110">
        <v>0</v>
      </c>
      <c r="CY34" s="114">
        <v>0</v>
      </c>
      <c r="CZ34" s="113">
        <v>0</v>
      </c>
      <c r="DA34" s="110">
        <v>0</v>
      </c>
      <c r="DB34" s="114">
        <v>36856</v>
      </c>
      <c r="DC34" s="114">
        <v>0</v>
      </c>
      <c r="DD34" s="114">
        <v>38722</v>
      </c>
      <c r="DE34" s="114">
        <v>80216</v>
      </c>
      <c r="DF34" s="114">
        <v>0</v>
      </c>
      <c r="DG34" s="113">
        <v>155794</v>
      </c>
      <c r="DH34" s="116">
        <v>155794</v>
      </c>
      <c r="DI34" s="110">
        <v>0</v>
      </c>
      <c r="DJ34" s="114">
        <v>0</v>
      </c>
      <c r="DK34" s="112">
        <v>0</v>
      </c>
      <c r="DL34" s="111">
        <v>0</v>
      </c>
      <c r="DM34" s="114">
        <v>0</v>
      </c>
      <c r="DN34" s="114">
        <v>0</v>
      </c>
      <c r="DO34" s="114">
        <v>16904</v>
      </c>
      <c r="DP34" s="114">
        <v>0</v>
      </c>
      <c r="DQ34" s="114">
        <v>72734</v>
      </c>
      <c r="DR34" s="113">
        <v>89638</v>
      </c>
      <c r="DS34" s="116">
        <v>89638</v>
      </c>
      <c r="DT34" s="110">
        <v>0</v>
      </c>
      <c r="DU34" s="114">
        <v>0</v>
      </c>
      <c r="DV34" s="113">
        <v>0</v>
      </c>
      <c r="DW34" s="110">
        <v>0</v>
      </c>
      <c r="DX34" s="114">
        <v>0</v>
      </c>
      <c r="DY34" s="114">
        <v>0</v>
      </c>
      <c r="DZ34" s="114">
        <v>16904</v>
      </c>
      <c r="EA34" s="114">
        <v>0</v>
      </c>
      <c r="EB34" s="114">
        <v>72734</v>
      </c>
      <c r="EC34" s="113">
        <v>89638</v>
      </c>
      <c r="ED34" s="116">
        <v>89638</v>
      </c>
      <c r="EE34" s="110">
        <v>0</v>
      </c>
      <c r="EF34" s="112">
        <v>0</v>
      </c>
      <c r="EG34" s="113">
        <v>0</v>
      </c>
      <c r="EH34" s="110">
        <v>0</v>
      </c>
      <c r="EI34" s="114">
        <v>0</v>
      </c>
      <c r="EJ34" s="114">
        <v>0</v>
      </c>
      <c r="EK34" s="114">
        <v>0</v>
      </c>
      <c r="EL34" s="114">
        <v>0</v>
      </c>
      <c r="EM34" s="114">
        <v>0</v>
      </c>
      <c r="EN34" s="112">
        <v>0</v>
      </c>
      <c r="EO34" s="116">
        <v>0</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8"/>
      <c r="FE34" s="114">
        <v>0</v>
      </c>
      <c r="FF34" s="114">
        <v>0</v>
      </c>
      <c r="FG34" s="114">
        <v>0</v>
      </c>
      <c r="FH34" s="114">
        <v>0</v>
      </c>
      <c r="FI34" s="114">
        <v>0</v>
      </c>
      <c r="FJ34" s="113">
        <v>0</v>
      </c>
      <c r="FK34" s="116">
        <v>0</v>
      </c>
      <c r="FL34" s="110">
        <v>12000</v>
      </c>
      <c r="FM34" s="114">
        <v>0</v>
      </c>
      <c r="FN34" s="113">
        <v>12000</v>
      </c>
      <c r="FO34" s="110">
        <v>0</v>
      </c>
      <c r="FP34" s="114">
        <v>11280</v>
      </c>
      <c r="FQ34" s="114">
        <v>11760</v>
      </c>
      <c r="FR34" s="114">
        <v>35760</v>
      </c>
      <c r="FS34" s="114">
        <v>69560</v>
      </c>
      <c r="FT34" s="114">
        <v>68224</v>
      </c>
      <c r="FU34" s="113">
        <v>196584</v>
      </c>
      <c r="FV34" s="116">
        <v>208584</v>
      </c>
      <c r="FW34" s="115">
        <v>12000</v>
      </c>
      <c r="FX34" s="114">
        <v>0</v>
      </c>
      <c r="FY34" s="112">
        <v>12000</v>
      </c>
      <c r="FZ34" s="111">
        <v>0</v>
      </c>
      <c r="GA34" s="114">
        <v>11280</v>
      </c>
      <c r="GB34" s="114">
        <v>11760</v>
      </c>
      <c r="GC34" s="114">
        <v>35760</v>
      </c>
      <c r="GD34" s="114">
        <v>39992</v>
      </c>
      <c r="GE34" s="114">
        <v>68224</v>
      </c>
      <c r="GF34" s="113">
        <v>167016</v>
      </c>
      <c r="GG34" s="319">
        <v>179016</v>
      </c>
      <c r="GH34" s="115">
        <v>0</v>
      </c>
      <c r="GI34" s="114">
        <v>0</v>
      </c>
      <c r="GJ34" s="112">
        <v>0</v>
      </c>
      <c r="GK34" s="111">
        <v>0</v>
      </c>
      <c r="GL34" s="114">
        <v>0</v>
      </c>
      <c r="GM34" s="114">
        <v>0</v>
      </c>
      <c r="GN34" s="114">
        <v>0</v>
      </c>
      <c r="GO34" s="114">
        <v>29568</v>
      </c>
      <c r="GP34" s="114">
        <v>0</v>
      </c>
      <c r="GQ34" s="113">
        <v>29568</v>
      </c>
      <c r="GR34" s="116">
        <v>29568</v>
      </c>
      <c r="GS34" s="110">
        <v>0</v>
      </c>
      <c r="GT34" s="114">
        <v>0</v>
      </c>
      <c r="GU34" s="113">
        <v>0</v>
      </c>
      <c r="GV34" s="110">
        <v>0</v>
      </c>
      <c r="GW34" s="114">
        <v>0</v>
      </c>
      <c r="GX34" s="114">
        <v>0</v>
      </c>
      <c r="GY34" s="114">
        <v>0</v>
      </c>
      <c r="GZ34" s="114">
        <v>0</v>
      </c>
      <c r="HA34" s="114">
        <v>0</v>
      </c>
      <c r="HB34" s="112">
        <v>0</v>
      </c>
      <c r="HC34" s="116">
        <v>0</v>
      </c>
      <c r="HD34" s="110">
        <v>0</v>
      </c>
      <c r="HE34" s="114">
        <v>0</v>
      </c>
      <c r="HF34" s="112">
        <v>0</v>
      </c>
      <c r="HG34" s="111">
        <v>0</v>
      </c>
      <c r="HH34" s="114">
        <v>0</v>
      </c>
      <c r="HI34" s="114">
        <v>351787</v>
      </c>
      <c r="HJ34" s="114">
        <v>0</v>
      </c>
      <c r="HK34" s="114">
        <v>0</v>
      </c>
      <c r="HL34" s="114">
        <v>0</v>
      </c>
      <c r="HM34" s="113">
        <v>351787</v>
      </c>
      <c r="HN34" s="109">
        <v>351787</v>
      </c>
      <c r="HO34" s="329"/>
      <c r="HP34" s="330"/>
      <c r="HQ34" s="331"/>
      <c r="HR34" s="332"/>
      <c r="HS34" s="330"/>
      <c r="HT34" s="330"/>
      <c r="HU34" s="330"/>
      <c r="HV34" s="330"/>
      <c r="HW34" s="330"/>
      <c r="HX34" s="333"/>
      <c r="HY34" s="334"/>
      <c r="HZ34" s="150">
        <v>0</v>
      </c>
      <c r="IA34" s="135">
        <v>0</v>
      </c>
      <c r="IB34" s="150">
        <v>0</v>
      </c>
      <c r="IC34" s="134">
        <v>0</v>
      </c>
      <c r="ID34" s="135">
        <v>151936</v>
      </c>
      <c r="IE34" s="136">
        <v>14128</v>
      </c>
      <c r="IF34" s="137">
        <v>0</v>
      </c>
      <c r="IG34" s="135">
        <v>255984</v>
      </c>
      <c r="IH34" s="137">
        <v>0</v>
      </c>
      <c r="II34" s="138">
        <v>422048</v>
      </c>
      <c r="IJ34" s="150">
        <v>422048</v>
      </c>
      <c r="IK34" s="232">
        <v>0</v>
      </c>
      <c r="IL34" s="236">
        <v>0</v>
      </c>
      <c r="IM34" s="237">
        <v>0</v>
      </c>
      <c r="IN34" s="140"/>
      <c r="IO34" s="119">
        <v>0</v>
      </c>
      <c r="IP34" s="119">
        <v>0</v>
      </c>
      <c r="IQ34" s="119">
        <v>0</v>
      </c>
      <c r="IR34" s="119">
        <v>0</v>
      </c>
      <c r="IS34" s="119">
        <v>0</v>
      </c>
      <c r="IT34" s="141">
        <v>0</v>
      </c>
      <c r="IU34" s="321">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151936</v>
      </c>
      <c r="JL34" s="119">
        <v>14128</v>
      </c>
      <c r="JM34" s="119">
        <v>0</v>
      </c>
      <c r="JN34" s="119">
        <v>0</v>
      </c>
      <c r="JO34" s="119">
        <v>0</v>
      </c>
      <c r="JP34" s="120">
        <v>166064</v>
      </c>
      <c r="JQ34" s="321">
        <v>166064</v>
      </c>
      <c r="JR34" s="142">
        <v>0</v>
      </c>
      <c r="JS34" s="119">
        <v>0</v>
      </c>
      <c r="JT34" s="141">
        <v>0</v>
      </c>
      <c r="JU34" s="118">
        <v>0</v>
      </c>
      <c r="JV34" s="119">
        <v>0</v>
      </c>
      <c r="JW34" s="119">
        <v>0</v>
      </c>
      <c r="JX34" s="119">
        <v>0</v>
      </c>
      <c r="JY34" s="119">
        <v>0</v>
      </c>
      <c r="JZ34" s="119">
        <v>0</v>
      </c>
      <c r="KA34" s="120">
        <v>0</v>
      </c>
      <c r="KB34" s="321">
        <v>0</v>
      </c>
      <c r="KC34" s="234">
        <v>0</v>
      </c>
      <c r="KD34" s="230">
        <v>0</v>
      </c>
      <c r="KE34" s="120">
        <v>0</v>
      </c>
      <c r="KF34" s="118">
        <v>0</v>
      </c>
      <c r="KG34" s="119">
        <v>0</v>
      </c>
      <c r="KH34" s="119">
        <v>0</v>
      </c>
      <c r="KI34" s="119">
        <v>0</v>
      </c>
      <c r="KJ34" s="119">
        <v>0</v>
      </c>
      <c r="KK34" s="119">
        <v>0</v>
      </c>
      <c r="KL34" s="120">
        <v>0</v>
      </c>
      <c r="KM34" s="143">
        <v>0</v>
      </c>
      <c r="KN34" s="232">
        <v>0</v>
      </c>
      <c r="KO34" s="236">
        <v>0</v>
      </c>
      <c r="KP34" s="237">
        <v>0</v>
      </c>
      <c r="KQ34" s="140"/>
      <c r="KR34" s="119">
        <v>0</v>
      </c>
      <c r="KS34" s="119">
        <v>0</v>
      </c>
      <c r="KT34" s="119">
        <v>0</v>
      </c>
      <c r="KU34" s="119">
        <v>0</v>
      </c>
      <c r="KV34" s="119">
        <v>0</v>
      </c>
      <c r="KW34" s="120">
        <v>0</v>
      </c>
      <c r="KX34" s="321">
        <v>0</v>
      </c>
      <c r="KY34" s="142">
        <v>0</v>
      </c>
      <c r="KZ34" s="119">
        <v>0</v>
      </c>
      <c r="LA34" s="120">
        <v>0</v>
      </c>
      <c r="LB34" s="145">
        <v>0</v>
      </c>
      <c r="LC34" s="119">
        <v>0</v>
      </c>
      <c r="LD34" s="119">
        <v>0</v>
      </c>
      <c r="LE34" s="119">
        <v>0</v>
      </c>
      <c r="LF34" s="119">
        <v>0</v>
      </c>
      <c r="LG34" s="119">
        <v>0</v>
      </c>
      <c r="LH34" s="120">
        <v>0</v>
      </c>
      <c r="LI34" s="121">
        <v>0</v>
      </c>
      <c r="LJ34" s="142">
        <v>0</v>
      </c>
      <c r="LK34" s="119">
        <v>0</v>
      </c>
      <c r="LL34" s="120">
        <v>0</v>
      </c>
      <c r="LM34" s="145"/>
      <c r="LN34" s="119">
        <v>0</v>
      </c>
      <c r="LO34" s="119">
        <v>0</v>
      </c>
      <c r="LP34" s="119">
        <v>0</v>
      </c>
      <c r="LQ34" s="119">
        <v>255984</v>
      </c>
      <c r="LR34" s="119">
        <v>0</v>
      </c>
      <c r="LS34" s="120">
        <v>255984</v>
      </c>
      <c r="LT34" s="321">
        <v>255984</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0</v>
      </c>
      <c r="MK34" s="119">
        <v>0</v>
      </c>
      <c r="ML34" s="119">
        <v>207168</v>
      </c>
      <c r="MM34" s="119">
        <v>0</v>
      </c>
      <c r="MN34" s="119">
        <v>382328</v>
      </c>
      <c r="MO34" s="120">
        <v>589496</v>
      </c>
      <c r="MP34" s="143">
        <v>589496</v>
      </c>
      <c r="MQ34" s="142">
        <v>0</v>
      </c>
      <c r="MR34" s="119">
        <v>0</v>
      </c>
      <c r="MS34" s="120">
        <v>0</v>
      </c>
      <c r="MT34" s="145"/>
      <c r="MU34" s="119">
        <v>0</v>
      </c>
      <c r="MV34" s="119">
        <v>0</v>
      </c>
      <c r="MW34" s="119">
        <v>207168</v>
      </c>
      <c r="MX34" s="119">
        <v>0</v>
      </c>
      <c r="MY34" s="119">
        <v>382328</v>
      </c>
      <c r="MZ34" s="120">
        <v>589496</v>
      </c>
      <c r="NA34" s="143">
        <v>589496</v>
      </c>
      <c r="NB34" s="142">
        <v>0</v>
      </c>
      <c r="NC34" s="119">
        <v>0</v>
      </c>
      <c r="ND34" s="120">
        <v>0</v>
      </c>
      <c r="NE34" s="145"/>
      <c r="NF34" s="119">
        <v>0</v>
      </c>
      <c r="NG34" s="119">
        <v>0</v>
      </c>
      <c r="NH34" s="119">
        <v>0</v>
      </c>
      <c r="NI34" s="119">
        <v>0</v>
      </c>
      <c r="NJ34" s="119">
        <v>0</v>
      </c>
      <c r="NK34" s="120">
        <v>0</v>
      </c>
      <c r="NL34" s="321">
        <v>0</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12000</v>
      </c>
      <c r="OJ34" s="119">
        <v>14688</v>
      </c>
      <c r="OK34" s="141">
        <v>26688</v>
      </c>
      <c r="OL34" s="118">
        <v>0</v>
      </c>
      <c r="OM34" s="119">
        <v>669534</v>
      </c>
      <c r="ON34" s="119">
        <v>462819</v>
      </c>
      <c r="OO34" s="119">
        <v>413890</v>
      </c>
      <c r="OP34" s="119">
        <v>593496</v>
      </c>
      <c r="OQ34" s="119">
        <v>685654</v>
      </c>
      <c r="OR34" s="120">
        <v>2825393</v>
      </c>
      <c r="OS34" s="143">
        <v>2852081</v>
      </c>
    </row>
    <row r="35" spans="2:409" ht="20.25" customHeight="1" x14ac:dyDescent="0.2">
      <c r="B35" s="126" t="s">
        <v>30</v>
      </c>
      <c r="C35" s="110">
        <v>7600</v>
      </c>
      <c r="D35" s="114">
        <v>800</v>
      </c>
      <c r="E35" s="174">
        <v>8400</v>
      </c>
      <c r="F35" s="175">
        <v>0</v>
      </c>
      <c r="G35" s="176">
        <v>422433</v>
      </c>
      <c r="H35" s="176">
        <v>74989</v>
      </c>
      <c r="I35" s="176">
        <v>80216</v>
      </c>
      <c r="J35" s="176">
        <v>472584</v>
      </c>
      <c r="K35" s="176">
        <v>139656</v>
      </c>
      <c r="L35" s="177">
        <v>1189878</v>
      </c>
      <c r="M35" s="116">
        <v>1198278</v>
      </c>
      <c r="N35" s="110">
        <v>0</v>
      </c>
      <c r="O35" s="114">
        <v>0</v>
      </c>
      <c r="P35" s="113">
        <v>0</v>
      </c>
      <c r="Q35" s="110">
        <v>0</v>
      </c>
      <c r="R35" s="114">
        <v>152600</v>
      </c>
      <c r="S35" s="114">
        <v>61389</v>
      </c>
      <c r="T35" s="114">
        <v>25400</v>
      </c>
      <c r="U35" s="114">
        <v>270152</v>
      </c>
      <c r="V35" s="114">
        <v>123056</v>
      </c>
      <c r="W35" s="113">
        <v>632597</v>
      </c>
      <c r="X35" s="116">
        <v>632597</v>
      </c>
      <c r="Y35" s="110">
        <v>0</v>
      </c>
      <c r="Z35" s="114">
        <v>0</v>
      </c>
      <c r="AA35" s="113">
        <v>0</v>
      </c>
      <c r="AB35" s="110">
        <v>0</v>
      </c>
      <c r="AC35" s="114">
        <v>114160</v>
      </c>
      <c r="AD35" s="114">
        <v>59101</v>
      </c>
      <c r="AE35" s="114">
        <v>25400</v>
      </c>
      <c r="AF35" s="114">
        <v>77824</v>
      </c>
      <c r="AG35" s="114">
        <v>42520</v>
      </c>
      <c r="AH35" s="113">
        <v>319005</v>
      </c>
      <c r="AI35" s="116">
        <v>319005</v>
      </c>
      <c r="AJ35" s="110">
        <v>0</v>
      </c>
      <c r="AK35" s="114">
        <v>0</v>
      </c>
      <c r="AL35" s="113">
        <v>0</v>
      </c>
      <c r="AM35" s="110">
        <v>0</v>
      </c>
      <c r="AN35" s="114">
        <v>0</v>
      </c>
      <c r="AO35" s="114">
        <v>0</v>
      </c>
      <c r="AP35" s="114">
        <v>0</v>
      </c>
      <c r="AQ35" s="114">
        <v>101432</v>
      </c>
      <c r="AR35" s="114">
        <v>45080</v>
      </c>
      <c r="AS35" s="113">
        <v>146512</v>
      </c>
      <c r="AT35" s="116">
        <v>146512</v>
      </c>
      <c r="AU35" s="110">
        <v>0</v>
      </c>
      <c r="AV35" s="114">
        <v>0</v>
      </c>
      <c r="AW35" s="113">
        <v>0</v>
      </c>
      <c r="AX35" s="110">
        <v>0</v>
      </c>
      <c r="AY35" s="114">
        <v>28840</v>
      </c>
      <c r="AZ35" s="114">
        <v>0</v>
      </c>
      <c r="BA35" s="114">
        <v>0</v>
      </c>
      <c r="BB35" s="114">
        <v>59680</v>
      </c>
      <c r="BC35" s="114">
        <v>35456</v>
      </c>
      <c r="BD35" s="113">
        <v>123976</v>
      </c>
      <c r="BE35" s="116">
        <v>123976</v>
      </c>
      <c r="BF35" s="110">
        <v>0</v>
      </c>
      <c r="BG35" s="114">
        <v>0</v>
      </c>
      <c r="BH35" s="112">
        <v>0</v>
      </c>
      <c r="BI35" s="111">
        <v>0</v>
      </c>
      <c r="BJ35" s="114">
        <v>0</v>
      </c>
      <c r="BK35" s="114">
        <v>0</v>
      </c>
      <c r="BL35" s="114">
        <v>0</v>
      </c>
      <c r="BM35" s="114">
        <v>0</v>
      </c>
      <c r="BN35" s="114">
        <v>0</v>
      </c>
      <c r="BO35" s="113">
        <v>0</v>
      </c>
      <c r="BP35" s="116">
        <v>0</v>
      </c>
      <c r="BQ35" s="110">
        <v>0</v>
      </c>
      <c r="BR35" s="114">
        <v>0</v>
      </c>
      <c r="BS35" s="113">
        <v>0</v>
      </c>
      <c r="BT35" s="110">
        <v>0</v>
      </c>
      <c r="BU35" s="114">
        <v>9600</v>
      </c>
      <c r="BV35" s="114">
        <v>2288</v>
      </c>
      <c r="BW35" s="114">
        <v>0</v>
      </c>
      <c r="BX35" s="114">
        <v>31216</v>
      </c>
      <c r="BY35" s="114">
        <v>0</v>
      </c>
      <c r="BZ35" s="113">
        <v>43104</v>
      </c>
      <c r="CA35" s="116">
        <v>43104</v>
      </c>
      <c r="CB35" s="110">
        <v>0</v>
      </c>
      <c r="CC35" s="114">
        <v>0</v>
      </c>
      <c r="CD35" s="113">
        <v>0</v>
      </c>
      <c r="CE35" s="110">
        <v>0</v>
      </c>
      <c r="CF35" s="114">
        <v>80946</v>
      </c>
      <c r="CG35" s="114">
        <v>0</v>
      </c>
      <c r="CH35" s="114">
        <v>0</v>
      </c>
      <c r="CI35" s="114">
        <v>107712</v>
      </c>
      <c r="CJ35" s="114">
        <v>0</v>
      </c>
      <c r="CK35" s="113">
        <v>188658</v>
      </c>
      <c r="CL35" s="116">
        <v>188658</v>
      </c>
      <c r="CM35" s="110">
        <v>0</v>
      </c>
      <c r="CN35" s="114">
        <v>0</v>
      </c>
      <c r="CO35" s="113">
        <v>0</v>
      </c>
      <c r="CP35" s="111">
        <v>0</v>
      </c>
      <c r="CQ35" s="114">
        <v>32282</v>
      </c>
      <c r="CR35" s="114">
        <v>0</v>
      </c>
      <c r="CS35" s="114">
        <v>0</v>
      </c>
      <c r="CT35" s="114">
        <v>107712</v>
      </c>
      <c r="CU35" s="114">
        <v>0</v>
      </c>
      <c r="CV35" s="113">
        <v>139994</v>
      </c>
      <c r="CW35" s="116">
        <v>139994</v>
      </c>
      <c r="CX35" s="110">
        <v>0</v>
      </c>
      <c r="CY35" s="114">
        <v>0</v>
      </c>
      <c r="CZ35" s="113">
        <v>0</v>
      </c>
      <c r="DA35" s="110">
        <v>0</v>
      </c>
      <c r="DB35" s="114">
        <v>48664</v>
      </c>
      <c r="DC35" s="114">
        <v>0</v>
      </c>
      <c r="DD35" s="114">
        <v>0</v>
      </c>
      <c r="DE35" s="114">
        <v>0</v>
      </c>
      <c r="DF35" s="114">
        <v>0</v>
      </c>
      <c r="DG35" s="113">
        <v>48664</v>
      </c>
      <c r="DH35" s="116">
        <v>48664</v>
      </c>
      <c r="DI35" s="110">
        <v>0</v>
      </c>
      <c r="DJ35" s="114">
        <v>0</v>
      </c>
      <c r="DK35" s="112">
        <v>0</v>
      </c>
      <c r="DL35" s="111">
        <v>0</v>
      </c>
      <c r="DM35" s="114">
        <v>29801</v>
      </c>
      <c r="DN35" s="114">
        <v>0</v>
      </c>
      <c r="DO35" s="114">
        <v>0</v>
      </c>
      <c r="DP35" s="114">
        <v>32992</v>
      </c>
      <c r="DQ35" s="114">
        <v>0</v>
      </c>
      <c r="DR35" s="113">
        <v>62793</v>
      </c>
      <c r="DS35" s="116">
        <v>62793</v>
      </c>
      <c r="DT35" s="110">
        <v>0</v>
      </c>
      <c r="DU35" s="114">
        <v>0</v>
      </c>
      <c r="DV35" s="113">
        <v>0</v>
      </c>
      <c r="DW35" s="110">
        <v>0</v>
      </c>
      <c r="DX35" s="114">
        <v>29801</v>
      </c>
      <c r="DY35" s="114">
        <v>0</v>
      </c>
      <c r="DZ35" s="114">
        <v>0</v>
      </c>
      <c r="EA35" s="114">
        <v>32992</v>
      </c>
      <c r="EB35" s="114">
        <v>0</v>
      </c>
      <c r="EC35" s="113">
        <v>62793</v>
      </c>
      <c r="ED35" s="116">
        <v>62793</v>
      </c>
      <c r="EE35" s="110">
        <v>0</v>
      </c>
      <c r="EF35" s="112">
        <v>0</v>
      </c>
      <c r="EG35" s="113">
        <v>0</v>
      </c>
      <c r="EH35" s="110">
        <v>0</v>
      </c>
      <c r="EI35" s="114">
        <v>0</v>
      </c>
      <c r="EJ35" s="114">
        <v>0</v>
      </c>
      <c r="EK35" s="114">
        <v>0</v>
      </c>
      <c r="EL35" s="114">
        <v>0</v>
      </c>
      <c r="EM35" s="114">
        <v>0</v>
      </c>
      <c r="EN35" s="112">
        <v>0</v>
      </c>
      <c r="EO35" s="116">
        <v>0</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8"/>
      <c r="FE35" s="114">
        <v>0</v>
      </c>
      <c r="FF35" s="114">
        <v>0</v>
      </c>
      <c r="FG35" s="114">
        <v>0</v>
      </c>
      <c r="FH35" s="114">
        <v>0</v>
      </c>
      <c r="FI35" s="114">
        <v>0</v>
      </c>
      <c r="FJ35" s="113">
        <v>0</v>
      </c>
      <c r="FK35" s="116">
        <v>0</v>
      </c>
      <c r="FL35" s="110">
        <v>7600</v>
      </c>
      <c r="FM35" s="114">
        <v>800</v>
      </c>
      <c r="FN35" s="113">
        <v>8400</v>
      </c>
      <c r="FO35" s="110">
        <v>0</v>
      </c>
      <c r="FP35" s="114">
        <v>640</v>
      </c>
      <c r="FQ35" s="114">
        <v>13600</v>
      </c>
      <c r="FR35" s="114">
        <v>54816</v>
      </c>
      <c r="FS35" s="114">
        <v>61728</v>
      </c>
      <c r="FT35" s="114">
        <v>16600</v>
      </c>
      <c r="FU35" s="113">
        <v>147384</v>
      </c>
      <c r="FV35" s="116">
        <v>155784</v>
      </c>
      <c r="FW35" s="115">
        <v>7600</v>
      </c>
      <c r="FX35" s="114">
        <v>800</v>
      </c>
      <c r="FY35" s="112">
        <v>8400</v>
      </c>
      <c r="FZ35" s="111">
        <v>0</v>
      </c>
      <c r="GA35" s="114">
        <v>640</v>
      </c>
      <c r="GB35" s="114">
        <v>13600</v>
      </c>
      <c r="GC35" s="114">
        <v>31056</v>
      </c>
      <c r="GD35" s="114">
        <v>61728</v>
      </c>
      <c r="GE35" s="114">
        <v>16600</v>
      </c>
      <c r="GF35" s="113">
        <v>123624</v>
      </c>
      <c r="GG35" s="319">
        <v>132024</v>
      </c>
      <c r="GH35" s="115">
        <v>0</v>
      </c>
      <c r="GI35" s="114">
        <v>0</v>
      </c>
      <c r="GJ35" s="112">
        <v>0</v>
      </c>
      <c r="GK35" s="111">
        <v>0</v>
      </c>
      <c r="GL35" s="114">
        <v>0</v>
      </c>
      <c r="GM35" s="114">
        <v>0</v>
      </c>
      <c r="GN35" s="114">
        <v>23760</v>
      </c>
      <c r="GO35" s="114">
        <v>0</v>
      </c>
      <c r="GP35" s="114">
        <v>0</v>
      </c>
      <c r="GQ35" s="113">
        <v>23760</v>
      </c>
      <c r="GR35" s="116">
        <v>23760</v>
      </c>
      <c r="GS35" s="110">
        <v>0</v>
      </c>
      <c r="GT35" s="114">
        <v>0</v>
      </c>
      <c r="GU35" s="113">
        <v>0</v>
      </c>
      <c r="GV35" s="110">
        <v>0</v>
      </c>
      <c r="GW35" s="114">
        <v>0</v>
      </c>
      <c r="GX35" s="114">
        <v>0</v>
      </c>
      <c r="GY35" s="114">
        <v>0</v>
      </c>
      <c r="GZ35" s="114">
        <v>0</v>
      </c>
      <c r="HA35" s="114">
        <v>0</v>
      </c>
      <c r="HB35" s="112">
        <v>0</v>
      </c>
      <c r="HC35" s="116">
        <v>0</v>
      </c>
      <c r="HD35" s="110">
        <v>0</v>
      </c>
      <c r="HE35" s="114">
        <v>0</v>
      </c>
      <c r="HF35" s="112">
        <v>0</v>
      </c>
      <c r="HG35" s="111">
        <v>0</v>
      </c>
      <c r="HH35" s="114">
        <v>158446</v>
      </c>
      <c r="HI35" s="114">
        <v>0</v>
      </c>
      <c r="HJ35" s="114">
        <v>0</v>
      </c>
      <c r="HK35" s="114">
        <v>0</v>
      </c>
      <c r="HL35" s="114">
        <v>0</v>
      </c>
      <c r="HM35" s="113">
        <v>158446</v>
      </c>
      <c r="HN35" s="109">
        <v>158446</v>
      </c>
      <c r="HO35" s="329"/>
      <c r="HP35" s="330"/>
      <c r="HQ35" s="331"/>
      <c r="HR35" s="332"/>
      <c r="HS35" s="330"/>
      <c r="HT35" s="330"/>
      <c r="HU35" s="330"/>
      <c r="HV35" s="330"/>
      <c r="HW35" s="330"/>
      <c r="HX35" s="333"/>
      <c r="HY35" s="334"/>
      <c r="HZ35" s="131">
        <v>26231</v>
      </c>
      <c r="IA35" s="132">
        <v>0</v>
      </c>
      <c r="IB35" s="133">
        <v>26231</v>
      </c>
      <c r="IC35" s="146">
        <v>0</v>
      </c>
      <c r="ID35" s="132">
        <v>35925</v>
      </c>
      <c r="IE35" s="147">
        <v>320232</v>
      </c>
      <c r="IF35" s="133">
        <v>0</v>
      </c>
      <c r="IG35" s="132">
        <v>238488</v>
      </c>
      <c r="IH35" s="133">
        <v>0</v>
      </c>
      <c r="II35" s="148">
        <v>594645</v>
      </c>
      <c r="IJ35" s="139">
        <v>620876</v>
      </c>
      <c r="IK35" s="232">
        <v>0</v>
      </c>
      <c r="IL35" s="236">
        <v>0</v>
      </c>
      <c r="IM35" s="237">
        <v>0</v>
      </c>
      <c r="IN35" s="140"/>
      <c r="IO35" s="119">
        <v>0</v>
      </c>
      <c r="IP35" s="119">
        <v>0</v>
      </c>
      <c r="IQ35" s="119">
        <v>0</v>
      </c>
      <c r="IR35" s="119">
        <v>0</v>
      </c>
      <c r="IS35" s="119">
        <v>0</v>
      </c>
      <c r="IT35" s="141">
        <v>0</v>
      </c>
      <c r="IU35" s="321">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35925</v>
      </c>
      <c r="JL35" s="119">
        <v>121832</v>
      </c>
      <c r="JM35" s="119">
        <v>0</v>
      </c>
      <c r="JN35" s="119">
        <v>0</v>
      </c>
      <c r="JO35" s="119">
        <v>0</v>
      </c>
      <c r="JP35" s="120">
        <v>157757</v>
      </c>
      <c r="JQ35" s="321">
        <v>157757</v>
      </c>
      <c r="JR35" s="142">
        <v>26231</v>
      </c>
      <c r="JS35" s="119">
        <v>0</v>
      </c>
      <c r="JT35" s="141">
        <v>26231</v>
      </c>
      <c r="JU35" s="118">
        <v>0</v>
      </c>
      <c r="JV35" s="119">
        <v>0</v>
      </c>
      <c r="JW35" s="119">
        <v>0</v>
      </c>
      <c r="JX35" s="119">
        <v>0</v>
      </c>
      <c r="JY35" s="119">
        <v>0</v>
      </c>
      <c r="JZ35" s="119">
        <v>0</v>
      </c>
      <c r="KA35" s="120">
        <v>0</v>
      </c>
      <c r="KB35" s="321">
        <v>26231</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c r="KR35" s="119">
        <v>0</v>
      </c>
      <c r="KS35" s="119">
        <v>198400</v>
      </c>
      <c r="KT35" s="119">
        <v>0</v>
      </c>
      <c r="KU35" s="119">
        <v>238488</v>
      </c>
      <c r="KV35" s="119">
        <v>0</v>
      </c>
      <c r="KW35" s="120">
        <v>436888</v>
      </c>
      <c r="KX35" s="321">
        <v>436888</v>
      </c>
      <c r="KY35" s="142">
        <v>0</v>
      </c>
      <c r="KZ35" s="119">
        <v>0</v>
      </c>
      <c r="LA35" s="120">
        <v>0</v>
      </c>
      <c r="LB35" s="145">
        <v>0</v>
      </c>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1">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204088</v>
      </c>
      <c r="MK35" s="119">
        <v>0</v>
      </c>
      <c r="ML35" s="119">
        <v>263975</v>
      </c>
      <c r="MM35" s="119">
        <v>1515287</v>
      </c>
      <c r="MN35" s="119">
        <v>689021</v>
      </c>
      <c r="MO35" s="120">
        <v>2672371</v>
      </c>
      <c r="MP35" s="143">
        <v>2672371</v>
      </c>
      <c r="MQ35" s="142">
        <v>0</v>
      </c>
      <c r="MR35" s="119">
        <v>0</v>
      </c>
      <c r="MS35" s="120">
        <v>0</v>
      </c>
      <c r="MT35" s="145"/>
      <c r="MU35" s="119">
        <v>0</v>
      </c>
      <c r="MV35" s="119">
        <v>0</v>
      </c>
      <c r="MW35" s="119">
        <v>0</v>
      </c>
      <c r="MX35" s="119">
        <v>949936</v>
      </c>
      <c r="MY35" s="119">
        <v>0</v>
      </c>
      <c r="MZ35" s="120">
        <v>949936</v>
      </c>
      <c r="NA35" s="143">
        <v>949936</v>
      </c>
      <c r="NB35" s="142">
        <v>0</v>
      </c>
      <c r="NC35" s="119">
        <v>0</v>
      </c>
      <c r="ND35" s="120">
        <v>0</v>
      </c>
      <c r="NE35" s="145"/>
      <c r="NF35" s="119">
        <v>204088</v>
      </c>
      <c r="NG35" s="119">
        <v>0</v>
      </c>
      <c r="NH35" s="119">
        <v>263975</v>
      </c>
      <c r="NI35" s="119">
        <v>565351</v>
      </c>
      <c r="NJ35" s="119">
        <v>286521</v>
      </c>
      <c r="NK35" s="120">
        <v>1319935</v>
      </c>
      <c r="NL35" s="321">
        <v>1319935</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0</v>
      </c>
      <c r="OF35" s="119">
        <v>402500</v>
      </c>
      <c r="OG35" s="120">
        <v>402500</v>
      </c>
      <c r="OH35" s="121">
        <v>402500</v>
      </c>
      <c r="OI35" s="142">
        <v>33831</v>
      </c>
      <c r="OJ35" s="119">
        <v>800</v>
      </c>
      <c r="OK35" s="141">
        <v>34631</v>
      </c>
      <c r="OL35" s="118">
        <v>0</v>
      </c>
      <c r="OM35" s="119">
        <v>662446</v>
      </c>
      <c r="ON35" s="119">
        <v>395221</v>
      </c>
      <c r="OO35" s="119">
        <v>344191</v>
      </c>
      <c r="OP35" s="119">
        <v>2226359</v>
      </c>
      <c r="OQ35" s="119">
        <v>828677</v>
      </c>
      <c r="OR35" s="120">
        <v>4456894</v>
      </c>
      <c r="OS35" s="143">
        <v>4491525</v>
      </c>
    </row>
    <row r="36" spans="2:409" ht="20.25" customHeight="1" x14ac:dyDescent="0.2">
      <c r="B36" s="126" t="s">
        <v>31</v>
      </c>
      <c r="C36" s="110">
        <v>10624</v>
      </c>
      <c r="D36" s="114">
        <v>2400</v>
      </c>
      <c r="E36" s="113">
        <v>13024</v>
      </c>
      <c r="F36" s="109">
        <v>0</v>
      </c>
      <c r="G36" s="114">
        <v>353233</v>
      </c>
      <c r="H36" s="114">
        <v>896125</v>
      </c>
      <c r="I36" s="114">
        <v>157696</v>
      </c>
      <c r="J36" s="114">
        <v>194696</v>
      </c>
      <c r="K36" s="114">
        <v>0</v>
      </c>
      <c r="L36" s="173">
        <v>1601750</v>
      </c>
      <c r="M36" s="116">
        <v>1614774</v>
      </c>
      <c r="N36" s="110">
        <v>0</v>
      </c>
      <c r="O36" s="114">
        <v>0</v>
      </c>
      <c r="P36" s="113">
        <v>0</v>
      </c>
      <c r="Q36" s="110">
        <v>0</v>
      </c>
      <c r="R36" s="114">
        <v>184632</v>
      </c>
      <c r="S36" s="114">
        <v>125547</v>
      </c>
      <c r="T36" s="114">
        <v>119496</v>
      </c>
      <c r="U36" s="114">
        <v>82912</v>
      </c>
      <c r="V36" s="114">
        <v>0</v>
      </c>
      <c r="W36" s="113">
        <v>512587</v>
      </c>
      <c r="X36" s="116">
        <v>512587</v>
      </c>
      <c r="Y36" s="110">
        <v>0</v>
      </c>
      <c r="Z36" s="114">
        <v>0</v>
      </c>
      <c r="AA36" s="113">
        <v>0</v>
      </c>
      <c r="AB36" s="110">
        <v>0</v>
      </c>
      <c r="AC36" s="114">
        <v>68464</v>
      </c>
      <c r="AD36" s="114">
        <v>37187</v>
      </c>
      <c r="AE36" s="114">
        <v>0</v>
      </c>
      <c r="AF36" s="114">
        <v>0</v>
      </c>
      <c r="AG36" s="114">
        <v>0</v>
      </c>
      <c r="AH36" s="113">
        <v>105651</v>
      </c>
      <c r="AI36" s="116">
        <v>105651</v>
      </c>
      <c r="AJ36" s="110">
        <v>0</v>
      </c>
      <c r="AK36" s="114">
        <v>0</v>
      </c>
      <c r="AL36" s="113">
        <v>0</v>
      </c>
      <c r="AM36" s="110">
        <v>0</v>
      </c>
      <c r="AN36" s="114">
        <v>0</v>
      </c>
      <c r="AO36" s="114">
        <v>43264</v>
      </c>
      <c r="AP36" s="114">
        <v>86528</v>
      </c>
      <c r="AQ36" s="114">
        <v>0</v>
      </c>
      <c r="AR36" s="114">
        <v>0</v>
      </c>
      <c r="AS36" s="113">
        <v>129792</v>
      </c>
      <c r="AT36" s="116">
        <v>129792</v>
      </c>
      <c r="AU36" s="110">
        <v>0</v>
      </c>
      <c r="AV36" s="114">
        <v>0</v>
      </c>
      <c r="AW36" s="113">
        <v>0</v>
      </c>
      <c r="AX36" s="110">
        <v>0</v>
      </c>
      <c r="AY36" s="114">
        <v>59680</v>
      </c>
      <c r="AZ36" s="114">
        <v>0</v>
      </c>
      <c r="BA36" s="114">
        <v>28840</v>
      </c>
      <c r="BB36" s="114">
        <v>42072</v>
      </c>
      <c r="BC36" s="114">
        <v>0</v>
      </c>
      <c r="BD36" s="113">
        <v>130592</v>
      </c>
      <c r="BE36" s="116">
        <v>130592</v>
      </c>
      <c r="BF36" s="110">
        <v>0</v>
      </c>
      <c r="BG36" s="114">
        <v>0</v>
      </c>
      <c r="BH36" s="112">
        <v>0</v>
      </c>
      <c r="BI36" s="111">
        <v>0</v>
      </c>
      <c r="BJ36" s="114">
        <v>56488</v>
      </c>
      <c r="BK36" s="114">
        <v>36840</v>
      </c>
      <c r="BL36" s="114">
        <v>0</v>
      </c>
      <c r="BM36" s="114">
        <v>35384</v>
      </c>
      <c r="BN36" s="114">
        <v>0</v>
      </c>
      <c r="BO36" s="113">
        <v>128712</v>
      </c>
      <c r="BP36" s="116">
        <v>128712</v>
      </c>
      <c r="BQ36" s="110">
        <v>0</v>
      </c>
      <c r="BR36" s="114">
        <v>0</v>
      </c>
      <c r="BS36" s="113">
        <v>0</v>
      </c>
      <c r="BT36" s="110">
        <v>0</v>
      </c>
      <c r="BU36" s="114">
        <v>0</v>
      </c>
      <c r="BV36" s="114">
        <v>8256</v>
      </c>
      <c r="BW36" s="114">
        <v>4128</v>
      </c>
      <c r="BX36" s="114">
        <v>5456</v>
      </c>
      <c r="BY36" s="114">
        <v>0</v>
      </c>
      <c r="BZ36" s="113">
        <v>17840</v>
      </c>
      <c r="CA36" s="116">
        <v>17840</v>
      </c>
      <c r="CB36" s="110">
        <v>0</v>
      </c>
      <c r="CC36" s="114">
        <v>0</v>
      </c>
      <c r="CD36" s="113">
        <v>0</v>
      </c>
      <c r="CE36" s="110">
        <v>0</v>
      </c>
      <c r="CF36" s="114">
        <v>109413</v>
      </c>
      <c r="CG36" s="114">
        <v>572702</v>
      </c>
      <c r="CH36" s="114">
        <v>0</v>
      </c>
      <c r="CI36" s="114">
        <v>87944</v>
      </c>
      <c r="CJ36" s="114">
        <v>0</v>
      </c>
      <c r="CK36" s="113">
        <v>770059</v>
      </c>
      <c r="CL36" s="116">
        <v>770059</v>
      </c>
      <c r="CM36" s="110">
        <v>0</v>
      </c>
      <c r="CN36" s="114">
        <v>0</v>
      </c>
      <c r="CO36" s="113">
        <v>0</v>
      </c>
      <c r="CP36" s="111">
        <v>0</v>
      </c>
      <c r="CQ36" s="114">
        <v>109413</v>
      </c>
      <c r="CR36" s="114">
        <v>326490</v>
      </c>
      <c r="CS36" s="114">
        <v>0</v>
      </c>
      <c r="CT36" s="114">
        <v>0</v>
      </c>
      <c r="CU36" s="114">
        <v>0</v>
      </c>
      <c r="CV36" s="113">
        <v>435903</v>
      </c>
      <c r="CW36" s="116">
        <v>435903</v>
      </c>
      <c r="CX36" s="110">
        <v>0</v>
      </c>
      <c r="CY36" s="114">
        <v>0</v>
      </c>
      <c r="CZ36" s="113">
        <v>0</v>
      </c>
      <c r="DA36" s="110">
        <v>0</v>
      </c>
      <c r="DB36" s="114">
        <v>0</v>
      </c>
      <c r="DC36" s="114">
        <v>246212</v>
      </c>
      <c r="DD36" s="114">
        <v>0</v>
      </c>
      <c r="DE36" s="114">
        <v>87944</v>
      </c>
      <c r="DF36" s="114">
        <v>0</v>
      </c>
      <c r="DG36" s="113">
        <v>334156</v>
      </c>
      <c r="DH36" s="116">
        <v>334156</v>
      </c>
      <c r="DI36" s="110">
        <v>0</v>
      </c>
      <c r="DJ36" s="114">
        <v>0</v>
      </c>
      <c r="DK36" s="112">
        <v>0</v>
      </c>
      <c r="DL36" s="111">
        <v>0</v>
      </c>
      <c r="DM36" s="114">
        <v>47188</v>
      </c>
      <c r="DN36" s="114">
        <v>72724</v>
      </c>
      <c r="DO36" s="114">
        <v>0</v>
      </c>
      <c r="DP36" s="114">
        <v>0</v>
      </c>
      <c r="DQ36" s="114">
        <v>0</v>
      </c>
      <c r="DR36" s="113">
        <v>119912</v>
      </c>
      <c r="DS36" s="116">
        <v>119912</v>
      </c>
      <c r="DT36" s="110">
        <v>0</v>
      </c>
      <c r="DU36" s="114">
        <v>0</v>
      </c>
      <c r="DV36" s="113">
        <v>0</v>
      </c>
      <c r="DW36" s="110">
        <v>0</v>
      </c>
      <c r="DX36" s="114">
        <v>47188</v>
      </c>
      <c r="DY36" s="114">
        <v>72724</v>
      </c>
      <c r="DZ36" s="114">
        <v>0</v>
      </c>
      <c r="EA36" s="114">
        <v>0</v>
      </c>
      <c r="EB36" s="114">
        <v>0</v>
      </c>
      <c r="EC36" s="113">
        <v>119912</v>
      </c>
      <c r="ED36" s="116">
        <v>119912</v>
      </c>
      <c r="EE36" s="110">
        <v>0</v>
      </c>
      <c r="EF36" s="112">
        <v>0</v>
      </c>
      <c r="EG36" s="113">
        <v>0</v>
      </c>
      <c r="EH36" s="110">
        <v>0</v>
      </c>
      <c r="EI36" s="114">
        <v>0</v>
      </c>
      <c r="EJ36" s="114">
        <v>0</v>
      </c>
      <c r="EK36" s="114">
        <v>0</v>
      </c>
      <c r="EL36" s="114">
        <v>0</v>
      </c>
      <c r="EM36" s="114">
        <v>0</v>
      </c>
      <c r="EN36" s="112">
        <v>0</v>
      </c>
      <c r="EO36" s="116">
        <v>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8"/>
      <c r="FE36" s="114">
        <v>0</v>
      </c>
      <c r="FF36" s="114">
        <v>0</v>
      </c>
      <c r="FG36" s="114">
        <v>0</v>
      </c>
      <c r="FH36" s="114">
        <v>0</v>
      </c>
      <c r="FI36" s="114">
        <v>0</v>
      </c>
      <c r="FJ36" s="113">
        <v>0</v>
      </c>
      <c r="FK36" s="116">
        <v>0</v>
      </c>
      <c r="FL36" s="110">
        <v>10624</v>
      </c>
      <c r="FM36" s="114">
        <v>2400</v>
      </c>
      <c r="FN36" s="113">
        <v>13024</v>
      </c>
      <c r="FO36" s="110">
        <v>0</v>
      </c>
      <c r="FP36" s="114">
        <v>12000</v>
      </c>
      <c r="FQ36" s="114">
        <v>125152</v>
      </c>
      <c r="FR36" s="114">
        <v>38200</v>
      </c>
      <c r="FS36" s="114">
        <v>23840</v>
      </c>
      <c r="FT36" s="114">
        <v>0</v>
      </c>
      <c r="FU36" s="113">
        <v>199192</v>
      </c>
      <c r="FV36" s="116">
        <v>212216</v>
      </c>
      <c r="FW36" s="115">
        <v>10624</v>
      </c>
      <c r="FX36" s="114">
        <v>2400</v>
      </c>
      <c r="FY36" s="112">
        <v>13024</v>
      </c>
      <c r="FZ36" s="111">
        <v>0</v>
      </c>
      <c r="GA36" s="114">
        <v>12000</v>
      </c>
      <c r="GB36" s="114">
        <v>98752</v>
      </c>
      <c r="GC36" s="114">
        <v>38200</v>
      </c>
      <c r="GD36" s="114">
        <v>23840</v>
      </c>
      <c r="GE36" s="114">
        <v>0</v>
      </c>
      <c r="GF36" s="113">
        <v>172792</v>
      </c>
      <c r="GG36" s="319">
        <v>185816</v>
      </c>
      <c r="GH36" s="115">
        <v>0</v>
      </c>
      <c r="GI36" s="114">
        <v>0</v>
      </c>
      <c r="GJ36" s="112">
        <v>0</v>
      </c>
      <c r="GK36" s="111">
        <v>0</v>
      </c>
      <c r="GL36" s="114">
        <v>0</v>
      </c>
      <c r="GM36" s="114">
        <v>26400</v>
      </c>
      <c r="GN36" s="114">
        <v>0</v>
      </c>
      <c r="GO36" s="114">
        <v>0</v>
      </c>
      <c r="GP36" s="114">
        <v>0</v>
      </c>
      <c r="GQ36" s="113">
        <v>26400</v>
      </c>
      <c r="GR36" s="116">
        <v>26400</v>
      </c>
      <c r="GS36" s="110">
        <v>0</v>
      </c>
      <c r="GT36" s="114">
        <v>0</v>
      </c>
      <c r="GU36" s="113">
        <v>0</v>
      </c>
      <c r="GV36" s="110">
        <v>0</v>
      </c>
      <c r="GW36" s="114">
        <v>0</v>
      </c>
      <c r="GX36" s="114">
        <v>0</v>
      </c>
      <c r="GY36" s="114">
        <v>0</v>
      </c>
      <c r="GZ36" s="114">
        <v>0</v>
      </c>
      <c r="HA36" s="114">
        <v>0</v>
      </c>
      <c r="HB36" s="112">
        <v>0</v>
      </c>
      <c r="HC36" s="116">
        <v>0</v>
      </c>
      <c r="HD36" s="110">
        <v>0</v>
      </c>
      <c r="HE36" s="114">
        <v>0</v>
      </c>
      <c r="HF36" s="112">
        <v>0</v>
      </c>
      <c r="HG36" s="111">
        <v>0</v>
      </c>
      <c r="HH36" s="114">
        <v>0</v>
      </c>
      <c r="HI36" s="114">
        <v>0</v>
      </c>
      <c r="HJ36" s="114">
        <v>0</v>
      </c>
      <c r="HK36" s="114">
        <v>0</v>
      </c>
      <c r="HL36" s="114">
        <v>0</v>
      </c>
      <c r="HM36" s="113">
        <v>0</v>
      </c>
      <c r="HN36" s="109">
        <v>0</v>
      </c>
      <c r="HO36" s="329"/>
      <c r="HP36" s="330"/>
      <c r="HQ36" s="331"/>
      <c r="HR36" s="332"/>
      <c r="HS36" s="330"/>
      <c r="HT36" s="330"/>
      <c r="HU36" s="330"/>
      <c r="HV36" s="330"/>
      <c r="HW36" s="330"/>
      <c r="HX36" s="333"/>
      <c r="HY36" s="334"/>
      <c r="HZ36" s="150">
        <v>0</v>
      </c>
      <c r="IA36" s="135">
        <v>0</v>
      </c>
      <c r="IB36" s="150">
        <v>0</v>
      </c>
      <c r="IC36" s="134">
        <v>0</v>
      </c>
      <c r="ID36" s="135">
        <v>178226</v>
      </c>
      <c r="IE36" s="136">
        <v>250967</v>
      </c>
      <c r="IF36" s="137">
        <v>162790</v>
      </c>
      <c r="IG36" s="135">
        <v>247318</v>
      </c>
      <c r="IH36" s="137">
        <v>0</v>
      </c>
      <c r="II36" s="138">
        <v>839301</v>
      </c>
      <c r="IJ36" s="150">
        <v>839301</v>
      </c>
      <c r="IK36" s="232">
        <v>0</v>
      </c>
      <c r="IL36" s="236">
        <v>0</v>
      </c>
      <c r="IM36" s="237">
        <v>0</v>
      </c>
      <c r="IN36" s="140"/>
      <c r="IO36" s="119">
        <v>0</v>
      </c>
      <c r="IP36" s="119">
        <v>0</v>
      </c>
      <c r="IQ36" s="119">
        <v>0</v>
      </c>
      <c r="IR36" s="119">
        <v>0</v>
      </c>
      <c r="IS36" s="119">
        <v>0</v>
      </c>
      <c r="IT36" s="141">
        <v>0</v>
      </c>
      <c r="IU36" s="321">
        <v>0</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43698</v>
      </c>
      <c r="JL36" s="119">
        <v>13708</v>
      </c>
      <c r="JM36" s="119">
        <v>0</v>
      </c>
      <c r="JN36" s="119">
        <v>0</v>
      </c>
      <c r="JO36" s="119">
        <v>0</v>
      </c>
      <c r="JP36" s="120">
        <v>57406</v>
      </c>
      <c r="JQ36" s="321">
        <v>57406</v>
      </c>
      <c r="JR36" s="142">
        <v>0</v>
      </c>
      <c r="JS36" s="119">
        <v>0</v>
      </c>
      <c r="JT36" s="141">
        <v>0</v>
      </c>
      <c r="JU36" s="118">
        <v>0</v>
      </c>
      <c r="JV36" s="119">
        <v>0</v>
      </c>
      <c r="JW36" s="119">
        <v>0</v>
      </c>
      <c r="JX36" s="119">
        <v>162790</v>
      </c>
      <c r="JY36" s="119">
        <v>0</v>
      </c>
      <c r="JZ36" s="119">
        <v>0</v>
      </c>
      <c r="KA36" s="120">
        <v>162790</v>
      </c>
      <c r="KB36" s="321">
        <v>162790</v>
      </c>
      <c r="KC36" s="234">
        <v>0</v>
      </c>
      <c r="KD36" s="230">
        <v>0</v>
      </c>
      <c r="KE36" s="120">
        <v>0</v>
      </c>
      <c r="KF36" s="118">
        <v>0</v>
      </c>
      <c r="KG36" s="119">
        <v>134528</v>
      </c>
      <c r="KH36" s="119">
        <v>0</v>
      </c>
      <c r="KI36" s="119">
        <v>0</v>
      </c>
      <c r="KJ36" s="119">
        <v>0</v>
      </c>
      <c r="KK36" s="119">
        <v>0</v>
      </c>
      <c r="KL36" s="120">
        <v>134528</v>
      </c>
      <c r="KM36" s="143">
        <v>134528</v>
      </c>
      <c r="KN36" s="232">
        <v>0</v>
      </c>
      <c r="KO36" s="236">
        <v>0</v>
      </c>
      <c r="KP36" s="237">
        <v>0</v>
      </c>
      <c r="KQ36" s="140"/>
      <c r="KR36" s="119">
        <v>0</v>
      </c>
      <c r="KS36" s="119">
        <v>237259</v>
      </c>
      <c r="KT36" s="119">
        <v>0</v>
      </c>
      <c r="KU36" s="119">
        <v>247318</v>
      </c>
      <c r="KV36" s="119">
        <v>0</v>
      </c>
      <c r="KW36" s="120">
        <v>484577</v>
      </c>
      <c r="KX36" s="321">
        <v>484577</v>
      </c>
      <c r="KY36" s="142">
        <v>0</v>
      </c>
      <c r="KZ36" s="119">
        <v>0</v>
      </c>
      <c r="LA36" s="120">
        <v>0</v>
      </c>
      <c r="LB36" s="145">
        <v>0</v>
      </c>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1">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0</v>
      </c>
      <c r="MK36" s="119">
        <v>231120</v>
      </c>
      <c r="ML36" s="119">
        <v>470038</v>
      </c>
      <c r="MM36" s="119">
        <v>226235</v>
      </c>
      <c r="MN36" s="119">
        <v>259344</v>
      </c>
      <c r="MO36" s="120">
        <v>1186737</v>
      </c>
      <c r="MP36" s="143">
        <v>1186737</v>
      </c>
      <c r="MQ36" s="142">
        <v>0</v>
      </c>
      <c r="MR36" s="119">
        <v>0</v>
      </c>
      <c r="MS36" s="120">
        <v>0</v>
      </c>
      <c r="MT36" s="145"/>
      <c r="MU36" s="119">
        <v>0</v>
      </c>
      <c r="MV36" s="119">
        <v>0</v>
      </c>
      <c r="MW36" s="119">
        <v>470038</v>
      </c>
      <c r="MX36" s="119">
        <v>226235</v>
      </c>
      <c r="MY36" s="119">
        <v>0</v>
      </c>
      <c r="MZ36" s="120">
        <v>696273</v>
      </c>
      <c r="NA36" s="143">
        <v>696273</v>
      </c>
      <c r="NB36" s="142">
        <v>0</v>
      </c>
      <c r="NC36" s="119">
        <v>0</v>
      </c>
      <c r="ND36" s="120">
        <v>0</v>
      </c>
      <c r="NE36" s="145"/>
      <c r="NF36" s="119">
        <v>0</v>
      </c>
      <c r="NG36" s="119">
        <v>231120</v>
      </c>
      <c r="NH36" s="119">
        <v>0</v>
      </c>
      <c r="NI36" s="119">
        <v>0</v>
      </c>
      <c r="NJ36" s="119">
        <v>259344</v>
      </c>
      <c r="NK36" s="120">
        <v>490464</v>
      </c>
      <c r="NL36" s="321">
        <v>490464</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10624</v>
      </c>
      <c r="OJ36" s="119">
        <v>2400</v>
      </c>
      <c r="OK36" s="141">
        <v>13024</v>
      </c>
      <c r="OL36" s="118">
        <v>0</v>
      </c>
      <c r="OM36" s="119">
        <v>531459</v>
      </c>
      <c r="ON36" s="119">
        <v>1378212</v>
      </c>
      <c r="OO36" s="119">
        <v>790524</v>
      </c>
      <c r="OP36" s="119">
        <v>668249</v>
      </c>
      <c r="OQ36" s="119">
        <v>259344</v>
      </c>
      <c r="OR36" s="120">
        <v>3627788</v>
      </c>
      <c r="OS36" s="143">
        <v>3640812</v>
      </c>
    </row>
    <row r="37" spans="2:409" ht="20.25" customHeight="1" x14ac:dyDescent="0.2">
      <c r="B37" s="126" t="s">
        <v>32</v>
      </c>
      <c r="C37" s="110">
        <v>0</v>
      </c>
      <c r="D37" s="114">
        <v>121904</v>
      </c>
      <c r="E37" s="174">
        <v>121904</v>
      </c>
      <c r="F37" s="175">
        <v>0</v>
      </c>
      <c r="G37" s="176">
        <v>414440</v>
      </c>
      <c r="H37" s="176">
        <v>494216</v>
      </c>
      <c r="I37" s="176">
        <v>417159</v>
      </c>
      <c r="J37" s="176">
        <v>728032</v>
      </c>
      <c r="K37" s="176">
        <v>288310</v>
      </c>
      <c r="L37" s="177">
        <v>2342157</v>
      </c>
      <c r="M37" s="116">
        <v>2464061</v>
      </c>
      <c r="N37" s="110">
        <v>0</v>
      </c>
      <c r="O37" s="114">
        <v>22048</v>
      </c>
      <c r="P37" s="113">
        <v>22048</v>
      </c>
      <c r="Q37" s="110">
        <v>0</v>
      </c>
      <c r="R37" s="114">
        <v>58880</v>
      </c>
      <c r="S37" s="114">
        <v>208808</v>
      </c>
      <c r="T37" s="114">
        <v>139243</v>
      </c>
      <c r="U37" s="114">
        <v>293568</v>
      </c>
      <c r="V37" s="114">
        <v>0</v>
      </c>
      <c r="W37" s="113">
        <v>700499</v>
      </c>
      <c r="X37" s="116">
        <v>722547</v>
      </c>
      <c r="Y37" s="110">
        <v>0</v>
      </c>
      <c r="Z37" s="114">
        <v>0</v>
      </c>
      <c r="AA37" s="113">
        <v>0</v>
      </c>
      <c r="AB37" s="110">
        <v>0</v>
      </c>
      <c r="AC37" s="114">
        <v>8728</v>
      </c>
      <c r="AD37" s="114">
        <v>130376</v>
      </c>
      <c r="AE37" s="114">
        <v>61965</v>
      </c>
      <c r="AF37" s="114">
        <v>227544</v>
      </c>
      <c r="AG37" s="114">
        <v>0</v>
      </c>
      <c r="AH37" s="113">
        <v>428613</v>
      </c>
      <c r="AI37" s="116">
        <v>428613</v>
      </c>
      <c r="AJ37" s="110">
        <v>0</v>
      </c>
      <c r="AK37" s="114">
        <v>0</v>
      </c>
      <c r="AL37" s="113">
        <v>0</v>
      </c>
      <c r="AM37" s="110">
        <v>0</v>
      </c>
      <c r="AN37" s="114">
        <v>0</v>
      </c>
      <c r="AO37" s="114">
        <v>0</v>
      </c>
      <c r="AP37" s="114">
        <v>0</v>
      </c>
      <c r="AQ37" s="114">
        <v>0</v>
      </c>
      <c r="AR37" s="114">
        <v>0</v>
      </c>
      <c r="AS37" s="113">
        <v>0</v>
      </c>
      <c r="AT37" s="116">
        <v>0</v>
      </c>
      <c r="AU37" s="110">
        <v>0</v>
      </c>
      <c r="AV37" s="114">
        <v>18160</v>
      </c>
      <c r="AW37" s="113">
        <v>18160</v>
      </c>
      <c r="AX37" s="110">
        <v>0</v>
      </c>
      <c r="AY37" s="114">
        <v>50152</v>
      </c>
      <c r="AZ37" s="114">
        <v>0</v>
      </c>
      <c r="BA37" s="114">
        <v>46086</v>
      </c>
      <c r="BB37" s="114">
        <v>9568</v>
      </c>
      <c r="BC37" s="114">
        <v>0</v>
      </c>
      <c r="BD37" s="113">
        <v>105806</v>
      </c>
      <c r="BE37" s="116">
        <v>123966</v>
      </c>
      <c r="BF37" s="110">
        <v>0</v>
      </c>
      <c r="BG37" s="114">
        <v>0</v>
      </c>
      <c r="BH37" s="112">
        <v>0</v>
      </c>
      <c r="BI37" s="111">
        <v>0</v>
      </c>
      <c r="BJ37" s="114">
        <v>0</v>
      </c>
      <c r="BK37" s="114">
        <v>68832</v>
      </c>
      <c r="BL37" s="114">
        <v>0</v>
      </c>
      <c r="BM37" s="114">
        <v>0</v>
      </c>
      <c r="BN37" s="114">
        <v>0</v>
      </c>
      <c r="BO37" s="113">
        <v>68832</v>
      </c>
      <c r="BP37" s="116">
        <v>68832</v>
      </c>
      <c r="BQ37" s="110">
        <v>0</v>
      </c>
      <c r="BR37" s="114">
        <v>3888</v>
      </c>
      <c r="BS37" s="113">
        <v>3888</v>
      </c>
      <c r="BT37" s="110">
        <v>0</v>
      </c>
      <c r="BU37" s="114">
        <v>0</v>
      </c>
      <c r="BV37" s="114">
        <v>9600</v>
      </c>
      <c r="BW37" s="114">
        <v>31192</v>
      </c>
      <c r="BX37" s="114">
        <v>56456</v>
      </c>
      <c r="BY37" s="114">
        <v>0</v>
      </c>
      <c r="BZ37" s="113">
        <v>97248</v>
      </c>
      <c r="CA37" s="116">
        <v>101136</v>
      </c>
      <c r="CB37" s="110">
        <v>0</v>
      </c>
      <c r="CC37" s="114">
        <v>0</v>
      </c>
      <c r="CD37" s="113">
        <v>0</v>
      </c>
      <c r="CE37" s="110">
        <v>0</v>
      </c>
      <c r="CF37" s="114">
        <v>288104</v>
      </c>
      <c r="CG37" s="114">
        <v>39992</v>
      </c>
      <c r="CH37" s="114">
        <v>34242</v>
      </c>
      <c r="CI37" s="114">
        <v>0</v>
      </c>
      <c r="CJ37" s="114">
        <v>201128</v>
      </c>
      <c r="CK37" s="113">
        <v>563466</v>
      </c>
      <c r="CL37" s="116">
        <v>563466</v>
      </c>
      <c r="CM37" s="110">
        <v>0</v>
      </c>
      <c r="CN37" s="114">
        <v>0</v>
      </c>
      <c r="CO37" s="113">
        <v>0</v>
      </c>
      <c r="CP37" s="111">
        <v>0</v>
      </c>
      <c r="CQ37" s="114">
        <v>180104</v>
      </c>
      <c r="CR37" s="114">
        <v>39992</v>
      </c>
      <c r="CS37" s="114">
        <v>34242</v>
      </c>
      <c r="CT37" s="114">
        <v>0</v>
      </c>
      <c r="CU37" s="114">
        <v>118720</v>
      </c>
      <c r="CV37" s="113">
        <v>373058</v>
      </c>
      <c r="CW37" s="116">
        <v>373058</v>
      </c>
      <c r="CX37" s="110">
        <v>0</v>
      </c>
      <c r="CY37" s="114">
        <v>0</v>
      </c>
      <c r="CZ37" s="113">
        <v>0</v>
      </c>
      <c r="DA37" s="110">
        <v>0</v>
      </c>
      <c r="DB37" s="114">
        <v>108000</v>
      </c>
      <c r="DC37" s="114">
        <v>0</v>
      </c>
      <c r="DD37" s="114">
        <v>0</v>
      </c>
      <c r="DE37" s="114">
        <v>0</v>
      </c>
      <c r="DF37" s="114">
        <v>82408</v>
      </c>
      <c r="DG37" s="113">
        <v>190408</v>
      </c>
      <c r="DH37" s="116">
        <v>190408</v>
      </c>
      <c r="DI37" s="110">
        <v>0</v>
      </c>
      <c r="DJ37" s="114">
        <v>0</v>
      </c>
      <c r="DK37" s="112">
        <v>0</v>
      </c>
      <c r="DL37" s="111">
        <v>0</v>
      </c>
      <c r="DM37" s="114">
        <v>49616</v>
      </c>
      <c r="DN37" s="114">
        <v>0</v>
      </c>
      <c r="DO37" s="114">
        <v>25378</v>
      </c>
      <c r="DP37" s="114">
        <v>0</v>
      </c>
      <c r="DQ37" s="114">
        <v>55982</v>
      </c>
      <c r="DR37" s="113">
        <v>130976</v>
      </c>
      <c r="DS37" s="116">
        <v>130976</v>
      </c>
      <c r="DT37" s="110">
        <v>0</v>
      </c>
      <c r="DU37" s="114">
        <v>0</v>
      </c>
      <c r="DV37" s="113">
        <v>0</v>
      </c>
      <c r="DW37" s="110">
        <v>0</v>
      </c>
      <c r="DX37" s="114">
        <v>14408</v>
      </c>
      <c r="DY37" s="114">
        <v>0</v>
      </c>
      <c r="DZ37" s="114">
        <v>25378</v>
      </c>
      <c r="EA37" s="114">
        <v>0</v>
      </c>
      <c r="EB37" s="114">
        <v>55982</v>
      </c>
      <c r="EC37" s="113">
        <v>95768</v>
      </c>
      <c r="ED37" s="116">
        <v>95768</v>
      </c>
      <c r="EE37" s="110">
        <v>0</v>
      </c>
      <c r="EF37" s="112">
        <v>0</v>
      </c>
      <c r="EG37" s="113">
        <v>0</v>
      </c>
      <c r="EH37" s="110">
        <v>0</v>
      </c>
      <c r="EI37" s="114">
        <v>35208</v>
      </c>
      <c r="EJ37" s="114">
        <v>0</v>
      </c>
      <c r="EK37" s="114">
        <v>0</v>
      </c>
      <c r="EL37" s="114">
        <v>0</v>
      </c>
      <c r="EM37" s="114">
        <v>0</v>
      </c>
      <c r="EN37" s="112">
        <v>35208</v>
      </c>
      <c r="EO37" s="116">
        <v>35208</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8"/>
      <c r="FE37" s="114">
        <v>0</v>
      </c>
      <c r="FF37" s="114">
        <v>0</v>
      </c>
      <c r="FG37" s="114">
        <v>0</v>
      </c>
      <c r="FH37" s="114">
        <v>0</v>
      </c>
      <c r="FI37" s="114">
        <v>0</v>
      </c>
      <c r="FJ37" s="113">
        <v>0</v>
      </c>
      <c r="FK37" s="116">
        <v>0</v>
      </c>
      <c r="FL37" s="110">
        <v>0</v>
      </c>
      <c r="FM37" s="114">
        <v>12800</v>
      </c>
      <c r="FN37" s="113">
        <v>12800</v>
      </c>
      <c r="FO37" s="110">
        <v>0</v>
      </c>
      <c r="FP37" s="114">
        <v>17840</v>
      </c>
      <c r="FQ37" s="114">
        <v>76496</v>
      </c>
      <c r="FR37" s="114">
        <v>30384</v>
      </c>
      <c r="FS37" s="114">
        <v>24944</v>
      </c>
      <c r="FT37" s="114">
        <v>31200</v>
      </c>
      <c r="FU37" s="113">
        <v>180864</v>
      </c>
      <c r="FV37" s="116">
        <v>193664</v>
      </c>
      <c r="FW37" s="115">
        <v>0</v>
      </c>
      <c r="FX37" s="114">
        <v>12800</v>
      </c>
      <c r="FY37" s="112">
        <v>12800</v>
      </c>
      <c r="FZ37" s="111">
        <v>0</v>
      </c>
      <c r="GA37" s="114">
        <v>17840</v>
      </c>
      <c r="GB37" s="114">
        <v>57840</v>
      </c>
      <c r="GC37" s="114">
        <v>30384</v>
      </c>
      <c r="GD37" s="114">
        <v>24944</v>
      </c>
      <c r="GE37" s="114">
        <v>31200</v>
      </c>
      <c r="GF37" s="113">
        <v>162208</v>
      </c>
      <c r="GG37" s="319">
        <v>175008</v>
      </c>
      <c r="GH37" s="115">
        <v>0</v>
      </c>
      <c r="GI37" s="114">
        <v>0</v>
      </c>
      <c r="GJ37" s="112">
        <v>0</v>
      </c>
      <c r="GK37" s="111">
        <v>0</v>
      </c>
      <c r="GL37" s="114">
        <v>0</v>
      </c>
      <c r="GM37" s="114">
        <v>18656</v>
      </c>
      <c r="GN37" s="114">
        <v>0</v>
      </c>
      <c r="GO37" s="114">
        <v>0</v>
      </c>
      <c r="GP37" s="114">
        <v>0</v>
      </c>
      <c r="GQ37" s="113">
        <v>18656</v>
      </c>
      <c r="GR37" s="116">
        <v>18656</v>
      </c>
      <c r="GS37" s="110">
        <v>0</v>
      </c>
      <c r="GT37" s="114">
        <v>0</v>
      </c>
      <c r="GU37" s="113">
        <v>0</v>
      </c>
      <c r="GV37" s="110">
        <v>0</v>
      </c>
      <c r="GW37" s="114">
        <v>0</v>
      </c>
      <c r="GX37" s="114">
        <v>0</v>
      </c>
      <c r="GY37" s="114">
        <v>0</v>
      </c>
      <c r="GZ37" s="114">
        <v>0</v>
      </c>
      <c r="HA37" s="114">
        <v>0</v>
      </c>
      <c r="HB37" s="112">
        <v>0</v>
      </c>
      <c r="HC37" s="116">
        <v>0</v>
      </c>
      <c r="HD37" s="110">
        <v>0</v>
      </c>
      <c r="HE37" s="114">
        <v>87056</v>
      </c>
      <c r="HF37" s="112">
        <v>87056</v>
      </c>
      <c r="HG37" s="111">
        <v>0</v>
      </c>
      <c r="HH37" s="114">
        <v>0</v>
      </c>
      <c r="HI37" s="114">
        <v>168920</v>
      </c>
      <c r="HJ37" s="114">
        <v>187912</v>
      </c>
      <c r="HK37" s="114">
        <v>409520</v>
      </c>
      <c r="HL37" s="114">
        <v>0</v>
      </c>
      <c r="HM37" s="113">
        <v>766352</v>
      </c>
      <c r="HN37" s="109">
        <v>853408</v>
      </c>
      <c r="HO37" s="329"/>
      <c r="HP37" s="330"/>
      <c r="HQ37" s="331"/>
      <c r="HR37" s="332"/>
      <c r="HS37" s="330"/>
      <c r="HT37" s="330"/>
      <c r="HU37" s="330"/>
      <c r="HV37" s="330"/>
      <c r="HW37" s="330"/>
      <c r="HX37" s="333"/>
      <c r="HY37" s="334"/>
      <c r="HZ37" s="131">
        <v>0</v>
      </c>
      <c r="IA37" s="132">
        <v>0</v>
      </c>
      <c r="IB37" s="133">
        <v>0</v>
      </c>
      <c r="IC37" s="146">
        <v>0</v>
      </c>
      <c r="ID37" s="132">
        <v>87824</v>
      </c>
      <c r="IE37" s="147">
        <v>129152</v>
      </c>
      <c r="IF37" s="133">
        <v>481168</v>
      </c>
      <c r="IG37" s="132">
        <v>315536</v>
      </c>
      <c r="IH37" s="133">
        <v>0</v>
      </c>
      <c r="II37" s="148">
        <v>1013680</v>
      </c>
      <c r="IJ37" s="139">
        <v>1013680</v>
      </c>
      <c r="IK37" s="232">
        <v>0</v>
      </c>
      <c r="IL37" s="236">
        <v>0</v>
      </c>
      <c r="IM37" s="237">
        <v>0</v>
      </c>
      <c r="IN37" s="140"/>
      <c r="IO37" s="119">
        <v>0</v>
      </c>
      <c r="IP37" s="119">
        <v>0</v>
      </c>
      <c r="IQ37" s="119">
        <v>0</v>
      </c>
      <c r="IR37" s="119">
        <v>0</v>
      </c>
      <c r="IS37" s="119">
        <v>0</v>
      </c>
      <c r="IT37" s="141">
        <v>0</v>
      </c>
      <c r="IU37" s="321">
        <v>0</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87824</v>
      </c>
      <c r="JL37" s="119">
        <v>129152</v>
      </c>
      <c r="JM37" s="119">
        <v>0</v>
      </c>
      <c r="JN37" s="119">
        <v>0</v>
      </c>
      <c r="JO37" s="119">
        <v>0</v>
      </c>
      <c r="JP37" s="120">
        <v>216976</v>
      </c>
      <c r="JQ37" s="321">
        <v>216976</v>
      </c>
      <c r="JR37" s="142">
        <v>0</v>
      </c>
      <c r="JS37" s="119">
        <v>0</v>
      </c>
      <c r="JT37" s="141">
        <v>0</v>
      </c>
      <c r="JU37" s="118">
        <v>0</v>
      </c>
      <c r="JV37" s="119">
        <v>0</v>
      </c>
      <c r="JW37" s="119">
        <v>0</v>
      </c>
      <c r="JX37" s="119">
        <v>0</v>
      </c>
      <c r="JY37" s="119">
        <v>96656</v>
      </c>
      <c r="JZ37" s="119">
        <v>0</v>
      </c>
      <c r="KA37" s="120">
        <v>96656</v>
      </c>
      <c r="KB37" s="321">
        <v>96656</v>
      </c>
      <c r="KC37" s="234">
        <v>0</v>
      </c>
      <c r="KD37" s="230">
        <v>0</v>
      </c>
      <c r="KE37" s="120">
        <v>0</v>
      </c>
      <c r="KF37" s="118">
        <v>0</v>
      </c>
      <c r="KG37" s="119">
        <v>0</v>
      </c>
      <c r="KH37" s="119">
        <v>0</v>
      </c>
      <c r="KI37" s="119">
        <v>0</v>
      </c>
      <c r="KJ37" s="119">
        <v>0</v>
      </c>
      <c r="KK37" s="119">
        <v>0</v>
      </c>
      <c r="KL37" s="120">
        <v>0</v>
      </c>
      <c r="KM37" s="143">
        <v>0</v>
      </c>
      <c r="KN37" s="232">
        <v>0</v>
      </c>
      <c r="KO37" s="236">
        <v>0</v>
      </c>
      <c r="KP37" s="237">
        <v>0</v>
      </c>
      <c r="KQ37" s="140"/>
      <c r="KR37" s="119">
        <v>0</v>
      </c>
      <c r="KS37" s="119">
        <v>0</v>
      </c>
      <c r="KT37" s="119">
        <v>481168</v>
      </c>
      <c r="KU37" s="119">
        <v>0</v>
      </c>
      <c r="KV37" s="119">
        <v>0</v>
      </c>
      <c r="KW37" s="120">
        <v>481168</v>
      </c>
      <c r="KX37" s="321">
        <v>481168</v>
      </c>
      <c r="KY37" s="142">
        <v>0</v>
      </c>
      <c r="KZ37" s="119">
        <v>0</v>
      </c>
      <c r="LA37" s="120">
        <v>0</v>
      </c>
      <c r="LB37" s="145">
        <v>0</v>
      </c>
      <c r="LC37" s="119">
        <v>0</v>
      </c>
      <c r="LD37" s="119">
        <v>0</v>
      </c>
      <c r="LE37" s="119">
        <v>0</v>
      </c>
      <c r="LF37" s="119">
        <v>0</v>
      </c>
      <c r="LG37" s="119">
        <v>0</v>
      </c>
      <c r="LH37" s="120">
        <v>0</v>
      </c>
      <c r="LI37" s="121">
        <v>0</v>
      </c>
      <c r="LJ37" s="142">
        <v>0</v>
      </c>
      <c r="LK37" s="119">
        <v>0</v>
      </c>
      <c r="LL37" s="120">
        <v>0</v>
      </c>
      <c r="LM37" s="145"/>
      <c r="LN37" s="119">
        <v>0</v>
      </c>
      <c r="LO37" s="119">
        <v>0</v>
      </c>
      <c r="LP37" s="119">
        <v>0</v>
      </c>
      <c r="LQ37" s="119">
        <v>218880</v>
      </c>
      <c r="LR37" s="119">
        <v>0</v>
      </c>
      <c r="LS37" s="120">
        <v>218880</v>
      </c>
      <c r="LT37" s="321">
        <v>218880</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220776</v>
      </c>
      <c r="MK37" s="119">
        <v>0</v>
      </c>
      <c r="ML37" s="119">
        <v>483892</v>
      </c>
      <c r="MM37" s="119">
        <v>511998</v>
      </c>
      <c r="MN37" s="119">
        <v>589775</v>
      </c>
      <c r="MO37" s="120">
        <v>1806441</v>
      </c>
      <c r="MP37" s="143">
        <v>1806441</v>
      </c>
      <c r="MQ37" s="142">
        <v>0</v>
      </c>
      <c r="MR37" s="119">
        <v>0</v>
      </c>
      <c r="MS37" s="120">
        <v>0</v>
      </c>
      <c r="MT37" s="145"/>
      <c r="MU37" s="119">
        <v>0</v>
      </c>
      <c r="MV37" s="119">
        <v>0</v>
      </c>
      <c r="MW37" s="119">
        <v>0</v>
      </c>
      <c r="MX37" s="119">
        <v>511998</v>
      </c>
      <c r="MY37" s="119">
        <v>277488</v>
      </c>
      <c r="MZ37" s="120">
        <v>789486</v>
      </c>
      <c r="NA37" s="143">
        <v>789486</v>
      </c>
      <c r="NB37" s="142">
        <v>0</v>
      </c>
      <c r="NC37" s="119">
        <v>0</v>
      </c>
      <c r="ND37" s="120">
        <v>0</v>
      </c>
      <c r="NE37" s="145"/>
      <c r="NF37" s="119">
        <v>220776</v>
      </c>
      <c r="NG37" s="119">
        <v>0</v>
      </c>
      <c r="NH37" s="119">
        <v>483892</v>
      </c>
      <c r="NI37" s="119">
        <v>0</v>
      </c>
      <c r="NJ37" s="119">
        <v>312287</v>
      </c>
      <c r="NK37" s="120">
        <v>1016955</v>
      </c>
      <c r="NL37" s="321">
        <v>1016955</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0</v>
      </c>
      <c r="OJ37" s="119">
        <v>121904</v>
      </c>
      <c r="OK37" s="141">
        <v>121904</v>
      </c>
      <c r="OL37" s="118">
        <v>0</v>
      </c>
      <c r="OM37" s="119">
        <v>723040</v>
      </c>
      <c r="ON37" s="119">
        <v>623368</v>
      </c>
      <c r="OO37" s="119">
        <v>1382219</v>
      </c>
      <c r="OP37" s="119">
        <v>1555566</v>
      </c>
      <c r="OQ37" s="119">
        <v>878085</v>
      </c>
      <c r="OR37" s="120">
        <v>5162278</v>
      </c>
      <c r="OS37" s="143">
        <v>5284182</v>
      </c>
    </row>
    <row r="38" spans="2:409" ht="20.25" customHeight="1" x14ac:dyDescent="0.2">
      <c r="B38" s="126" t="s">
        <v>33</v>
      </c>
      <c r="C38" s="110">
        <v>67721</v>
      </c>
      <c r="D38" s="114">
        <v>91417</v>
      </c>
      <c r="E38" s="113">
        <v>159138</v>
      </c>
      <c r="F38" s="109">
        <v>0</v>
      </c>
      <c r="G38" s="114">
        <v>188399</v>
      </c>
      <c r="H38" s="114">
        <v>44900</v>
      </c>
      <c r="I38" s="114">
        <v>138360</v>
      </c>
      <c r="J38" s="114">
        <v>0</v>
      </c>
      <c r="K38" s="114">
        <v>0</v>
      </c>
      <c r="L38" s="173">
        <v>371659</v>
      </c>
      <c r="M38" s="116">
        <v>530797</v>
      </c>
      <c r="N38" s="110">
        <v>44754</v>
      </c>
      <c r="O38" s="114">
        <v>55429</v>
      </c>
      <c r="P38" s="113">
        <v>100183</v>
      </c>
      <c r="Q38" s="110">
        <v>0</v>
      </c>
      <c r="R38" s="114">
        <v>94368</v>
      </c>
      <c r="S38" s="114">
        <v>0</v>
      </c>
      <c r="T38" s="114">
        <v>37664</v>
      </c>
      <c r="U38" s="114">
        <v>0</v>
      </c>
      <c r="V38" s="114">
        <v>0</v>
      </c>
      <c r="W38" s="113">
        <v>132032</v>
      </c>
      <c r="X38" s="116">
        <v>232215</v>
      </c>
      <c r="Y38" s="110">
        <v>0</v>
      </c>
      <c r="Z38" s="114">
        <v>0</v>
      </c>
      <c r="AA38" s="113">
        <v>0</v>
      </c>
      <c r="AB38" s="110">
        <v>0</v>
      </c>
      <c r="AC38" s="114">
        <v>17413</v>
      </c>
      <c r="AD38" s="114">
        <v>0</v>
      </c>
      <c r="AE38" s="114">
        <v>0</v>
      </c>
      <c r="AF38" s="114">
        <v>0</v>
      </c>
      <c r="AG38" s="114">
        <v>0</v>
      </c>
      <c r="AH38" s="113">
        <v>17413</v>
      </c>
      <c r="AI38" s="116">
        <v>17413</v>
      </c>
      <c r="AJ38" s="110">
        <v>0</v>
      </c>
      <c r="AK38" s="114">
        <v>0</v>
      </c>
      <c r="AL38" s="113">
        <v>0</v>
      </c>
      <c r="AM38" s="110">
        <v>0</v>
      </c>
      <c r="AN38" s="114">
        <v>0</v>
      </c>
      <c r="AO38" s="114">
        <v>0</v>
      </c>
      <c r="AP38" s="114">
        <v>0</v>
      </c>
      <c r="AQ38" s="114">
        <v>0</v>
      </c>
      <c r="AR38" s="114">
        <v>0</v>
      </c>
      <c r="AS38" s="113">
        <v>0</v>
      </c>
      <c r="AT38" s="116">
        <v>0</v>
      </c>
      <c r="AU38" s="110">
        <v>0</v>
      </c>
      <c r="AV38" s="114">
        <v>0</v>
      </c>
      <c r="AW38" s="113">
        <v>0</v>
      </c>
      <c r="AX38" s="110">
        <v>0</v>
      </c>
      <c r="AY38" s="114">
        <v>64548</v>
      </c>
      <c r="AZ38" s="114">
        <v>0</v>
      </c>
      <c r="BA38" s="114">
        <v>0</v>
      </c>
      <c r="BB38" s="114">
        <v>0</v>
      </c>
      <c r="BC38" s="114">
        <v>0</v>
      </c>
      <c r="BD38" s="113">
        <v>64548</v>
      </c>
      <c r="BE38" s="116">
        <v>64548</v>
      </c>
      <c r="BF38" s="110">
        <v>44754</v>
      </c>
      <c r="BG38" s="114">
        <v>55429</v>
      </c>
      <c r="BH38" s="112">
        <v>100183</v>
      </c>
      <c r="BI38" s="111">
        <v>0</v>
      </c>
      <c r="BJ38" s="114">
        <v>7639</v>
      </c>
      <c r="BK38" s="114">
        <v>0</v>
      </c>
      <c r="BL38" s="114">
        <v>0</v>
      </c>
      <c r="BM38" s="114">
        <v>0</v>
      </c>
      <c r="BN38" s="114">
        <v>0</v>
      </c>
      <c r="BO38" s="113">
        <v>7639</v>
      </c>
      <c r="BP38" s="116">
        <v>107822</v>
      </c>
      <c r="BQ38" s="110">
        <v>0</v>
      </c>
      <c r="BR38" s="114">
        <v>0</v>
      </c>
      <c r="BS38" s="113">
        <v>0</v>
      </c>
      <c r="BT38" s="110">
        <v>0</v>
      </c>
      <c r="BU38" s="114">
        <v>4768</v>
      </c>
      <c r="BV38" s="114">
        <v>0</v>
      </c>
      <c r="BW38" s="114">
        <v>37664</v>
      </c>
      <c r="BX38" s="114">
        <v>0</v>
      </c>
      <c r="BY38" s="114">
        <v>0</v>
      </c>
      <c r="BZ38" s="113">
        <v>42432</v>
      </c>
      <c r="CA38" s="116">
        <v>42432</v>
      </c>
      <c r="CB38" s="110">
        <v>20567</v>
      </c>
      <c r="CC38" s="114">
        <v>35988</v>
      </c>
      <c r="CD38" s="113">
        <v>56555</v>
      </c>
      <c r="CE38" s="110">
        <v>0</v>
      </c>
      <c r="CF38" s="114">
        <v>43631</v>
      </c>
      <c r="CG38" s="114">
        <v>40604</v>
      </c>
      <c r="CH38" s="114">
        <v>0</v>
      </c>
      <c r="CI38" s="114">
        <v>0</v>
      </c>
      <c r="CJ38" s="114">
        <v>0</v>
      </c>
      <c r="CK38" s="113">
        <v>84235</v>
      </c>
      <c r="CL38" s="116">
        <v>140790</v>
      </c>
      <c r="CM38" s="110">
        <v>0</v>
      </c>
      <c r="CN38" s="114">
        <v>0</v>
      </c>
      <c r="CO38" s="113">
        <v>0</v>
      </c>
      <c r="CP38" s="111">
        <v>0</v>
      </c>
      <c r="CQ38" s="114">
        <v>25155</v>
      </c>
      <c r="CR38" s="114">
        <v>0</v>
      </c>
      <c r="CS38" s="114">
        <v>0</v>
      </c>
      <c r="CT38" s="114">
        <v>0</v>
      </c>
      <c r="CU38" s="114">
        <v>0</v>
      </c>
      <c r="CV38" s="113">
        <v>25155</v>
      </c>
      <c r="CW38" s="116">
        <v>25155</v>
      </c>
      <c r="CX38" s="110">
        <v>20567</v>
      </c>
      <c r="CY38" s="114">
        <v>35988</v>
      </c>
      <c r="CZ38" s="113">
        <v>56555</v>
      </c>
      <c r="DA38" s="110">
        <v>0</v>
      </c>
      <c r="DB38" s="114">
        <v>18476</v>
      </c>
      <c r="DC38" s="114">
        <v>40604</v>
      </c>
      <c r="DD38" s="114">
        <v>0</v>
      </c>
      <c r="DE38" s="114">
        <v>0</v>
      </c>
      <c r="DF38" s="114">
        <v>0</v>
      </c>
      <c r="DG38" s="113">
        <v>59080</v>
      </c>
      <c r="DH38" s="116">
        <v>115635</v>
      </c>
      <c r="DI38" s="110">
        <v>0</v>
      </c>
      <c r="DJ38" s="114">
        <v>0</v>
      </c>
      <c r="DK38" s="112">
        <v>0</v>
      </c>
      <c r="DL38" s="111">
        <v>0</v>
      </c>
      <c r="DM38" s="114">
        <v>0</v>
      </c>
      <c r="DN38" s="114">
        <v>0</v>
      </c>
      <c r="DO38" s="114">
        <v>69064</v>
      </c>
      <c r="DP38" s="114">
        <v>0</v>
      </c>
      <c r="DQ38" s="114">
        <v>0</v>
      </c>
      <c r="DR38" s="113">
        <v>69064</v>
      </c>
      <c r="DS38" s="116">
        <v>69064</v>
      </c>
      <c r="DT38" s="110">
        <v>0</v>
      </c>
      <c r="DU38" s="114">
        <v>0</v>
      </c>
      <c r="DV38" s="113">
        <v>0</v>
      </c>
      <c r="DW38" s="110">
        <v>0</v>
      </c>
      <c r="DX38" s="114">
        <v>0</v>
      </c>
      <c r="DY38" s="114">
        <v>0</v>
      </c>
      <c r="DZ38" s="114">
        <v>0</v>
      </c>
      <c r="EA38" s="114">
        <v>0</v>
      </c>
      <c r="EB38" s="114">
        <v>0</v>
      </c>
      <c r="EC38" s="113">
        <v>0</v>
      </c>
      <c r="ED38" s="116">
        <v>0</v>
      </c>
      <c r="EE38" s="110">
        <v>0</v>
      </c>
      <c r="EF38" s="112">
        <v>0</v>
      </c>
      <c r="EG38" s="113">
        <v>0</v>
      </c>
      <c r="EH38" s="110">
        <v>0</v>
      </c>
      <c r="EI38" s="114">
        <v>0</v>
      </c>
      <c r="EJ38" s="114">
        <v>0</v>
      </c>
      <c r="EK38" s="114">
        <v>69064</v>
      </c>
      <c r="EL38" s="114">
        <v>0</v>
      </c>
      <c r="EM38" s="114">
        <v>0</v>
      </c>
      <c r="EN38" s="112">
        <v>69064</v>
      </c>
      <c r="EO38" s="116">
        <v>69064</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8"/>
      <c r="FE38" s="114">
        <v>0</v>
      </c>
      <c r="FF38" s="114">
        <v>0</v>
      </c>
      <c r="FG38" s="114">
        <v>0</v>
      </c>
      <c r="FH38" s="114">
        <v>0</v>
      </c>
      <c r="FI38" s="114">
        <v>0</v>
      </c>
      <c r="FJ38" s="113">
        <v>0</v>
      </c>
      <c r="FK38" s="116">
        <v>0</v>
      </c>
      <c r="FL38" s="110">
        <v>2400</v>
      </c>
      <c r="FM38" s="114">
        <v>0</v>
      </c>
      <c r="FN38" s="113">
        <v>2400</v>
      </c>
      <c r="FO38" s="110">
        <v>0</v>
      </c>
      <c r="FP38" s="114">
        <v>50400</v>
      </c>
      <c r="FQ38" s="114">
        <v>4296</v>
      </c>
      <c r="FR38" s="114">
        <v>31632</v>
      </c>
      <c r="FS38" s="114">
        <v>0</v>
      </c>
      <c r="FT38" s="114">
        <v>0</v>
      </c>
      <c r="FU38" s="113">
        <v>86328</v>
      </c>
      <c r="FV38" s="116">
        <v>88728</v>
      </c>
      <c r="FW38" s="115">
        <v>2400</v>
      </c>
      <c r="FX38" s="114">
        <v>0</v>
      </c>
      <c r="FY38" s="112">
        <v>2400</v>
      </c>
      <c r="FZ38" s="111">
        <v>0</v>
      </c>
      <c r="GA38" s="114">
        <v>50400</v>
      </c>
      <c r="GB38" s="114">
        <v>4296</v>
      </c>
      <c r="GC38" s="114">
        <v>31632</v>
      </c>
      <c r="GD38" s="114">
        <v>0</v>
      </c>
      <c r="GE38" s="114">
        <v>0</v>
      </c>
      <c r="GF38" s="113">
        <v>86328</v>
      </c>
      <c r="GG38" s="319">
        <v>88728</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0</v>
      </c>
      <c r="GX38" s="114">
        <v>0</v>
      </c>
      <c r="GY38" s="114">
        <v>0</v>
      </c>
      <c r="GZ38" s="114">
        <v>0</v>
      </c>
      <c r="HA38" s="114">
        <v>0</v>
      </c>
      <c r="HB38" s="112">
        <v>0</v>
      </c>
      <c r="HC38" s="116">
        <v>0</v>
      </c>
      <c r="HD38" s="110">
        <v>0</v>
      </c>
      <c r="HE38" s="114">
        <v>0</v>
      </c>
      <c r="HF38" s="112">
        <v>0</v>
      </c>
      <c r="HG38" s="111">
        <v>0</v>
      </c>
      <c r="HH38" s="114">
        <v>0</v>
      </c>
      <c r="HI38" s="114">
        <v>0</v>
      </c>
      <c r="HJ38" s="114">
        <v>0</v>
      </c>
      <c r="HK38" s="114">
        <v>0</v>
      </c>
      <c r="HL38" s="114">
        <v>0</v>
      </c>
      <c r="HM38" s="113">
        <v>0</v>
      </c>
      <c r="HN38" s="109">
        <v>0</v>
      </c>
      <c r="HO38" s="329"/>
      <c r="HP38" s="330"/>
      <c r="HQ38" s="331"/>
      <c r="HR38" s="332"/>
      <c r="HS38" s="330"/>
      <c r="HT38" s="330"/>
      <c r="HU38" s="330"/>
      <c r="HV38" s="330"/>
      <c r="HW38" s="330"/>
      <c r="HX38" s="333"/>
      <c r="HY38" s="334"/>
      <c r="HZ38" s="150">
        <v>0</v>
      </c>
      <c r="IA38" s="135">
        <v>0</v>
      </c>
      <c r="IB38" s="150">
        <v>0</v>
      </c>
      <c r="IC38" s="146">
        <v>0</v>
      </c>
      <c r="ID38" s="132">
        <v>160600</v>
      </c>
      <c r="IE38" s="147">
        <v>0</v>
      </c>
      <c r="IF38" s="133">
        <v>474643</v>
      </c>
      <c r="IG38" s="132">
        <v>0</v>
      </c>
      <c r="IH38" s="133">
        <v>0</v>
      </c>
      <c r="II38" s="148">
        <v>635243</v>
      </c>
      <c r="IJ38" s="150">
        <v>635243</v>
      </c>
      <c r="IK38" s="232">
        <v>0</v>
      </c>
      <c r="IL38" s="236">
        <v>0</v>
      </c>
      <c r="IM38" s="237">
        <v>0</v>
      </c>
      <c r="IN38" s="140"/>
      <c r="IO38" s="119">
        <v>0</v>
      </c>
      <c r="IP38" s="119">
        <v>0</v>
      </c>
      <c r="IQ38" s="119">
        <v>0</v>
      </c>
      <c r="IR38" s="119">
        <v>0</v>
      </c>
      <c r="IS38" s="119">
        <v>0</v>
      </c>
      <c r="IT38" s="141">
        <v>0</v>
      </c>
      <c r="IU38" s="321">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17789</v>
      </c>
      <c r="JL38" s="119">
        <v>0</v>
      </c>
      <c r="JM38" s="119">
        <v>0</v>
      </c>
      <c r="JN38" s="119">
        <v>0</v>
      </c>
      <c r="JO38" s="119">
        <v>0</v>
      </c>
      <c r="JP38" s="120">
        <v>17789</v>
      </c>
      <c r="JQ38" s="321">
        <v>17789</v>
      </c>
      <c r="JR38" s="142">
        <v>0</v>
      </c>
      <c r="JS38" s="119">
        <v>0</v>
      </c>
      <c r="JT38" s="141">
        <v>0</v>
      </c>
      <c r="JU38" s="118">
        <v>0</v>
      </c>
      <c r="JV38" s="119">
        <v>0</v>
      </c>
      <c r="JW38" s="119">
        <v>0</v>
      </c>
      <c r="JX38" s="119">
        <v>0</v>
      </c>
      <c r="JY38" s="119">
        <v>0</v>
      </c>
      <c r="JZ38" s="119">
        <v>0</v>
      </c>
      <c r="KA38" s="120">
        <v>0</v>
      </c>
      <c r="KB38" s="321">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c r="KR38" s="119">
        <v>0</v>
      </c>
      <c r="KS38" s="119">
        <v>0</v>
      </c>
      <c r="KT38" s="119">
        <v>242670</v>
      </c>
      <c r="KU38" s="119">
        <v>0</v>
      </c>
      <c r="KV38" s="119">
        <v>0</v>
      </c>
      <c r="KW38" s="120">
        <v>242670</v>
      </c>
      <c r="KX38" s="321">
        <v>242670</v>
      </c>
      <c r="KY38" s="142">
        <v>0</v>
      </c>
      <c r="KZ38" s="119">
        <v>0</v>
      </c>
      <c r="LA38" s="120">
        <v>0</v>
      </c>
      <c r="LB38" s="145">
        <v>0</v>
      </c>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1">
        <v>0</v>
      </c>
      <c r="LU38" s="142">
        <v>0</v>
      </c>
      <c r="LV38" s="119">
        <v>0</v>
      </c>
      <c r="LW38" s="120">
        <v>0</v>
      </c>
      <c r="LX38" s="145"/>
      <c r="LY38" s="119">
        <v>142811</v>
      </c>
      <c r="LZ38" s="119">
        <v>0</v>
      </c>
      <c r="MA38" s="119">
        <v>231973</v>
      </c>
      <c r="MB38" s="119">
        <v>0</v>
      </c>
      <c r="MC38" s="119">
        <v>0</v>
      </c>
      <c r="MD38" s="120">
        <v>374784</v>
      </c>
      <c r="ME38" s="121">
        <v>374784</v>
      </c>
      <c r="MF38" s="142">
        <v>0</v>
      </c>
      <c r="MG38" s="119">
        <v>0</v>
      </c>
      <c r="MH38" s="120">
        <v>0</v>
      </c>
      <c r="MI38" s="145"/>
      <c r="MJ38" s="119">
        <v>0</v>
      </c>
      <c r="MK38" s="119">
        <v>0</v>
      </c>
      <c r="ML38" s="119">
        <v>309410</v>
      </c>
      <c r="MM38" s="119">
        <v>331182</v>
      </c>
      <c r="MN38" s="119">
        <v>397324</v>
      </c>
      <c r="MO38" s="120">
        <v>1037916</v>
      </c>
      <c r="MP38" s="143">
        <v>1037916</v>
      </c>
      <c r="MQ38" s="142">
        <v>0</v>
      </c>
      <c r="MR38" s="119">
        <v>0</v>
      </c>
      <c r="MS38" s="120">
        <v>0</v>
      </c>
      <c r="MT38" s="145"/>
      <c r="MU38" s="119">
        <v>0</v>
      </c>
      <c r="MV38" s="119">
        <v>0</v>
      </c>
      <c r="MW38" s="119">
        <v>0</v>
      </c>
      <c r="MX38" s="119">
        <v>0</v>
      </c>
      <c r="MY38" s="119">
        <v>68100</v>
      </c>
      <c r="MZ38" s="120">
        <v>68100</v>
      </c>
      <c r="NA38" s="143">
        <v>68100</v>
      </c>
      <c r="NB38" s="142">
        <v>0</v>
      </c>
      <c r="NC38" s="119">
        <v>0</v>
      </c>
      <c r="ND38" s="120">
        <v>0</v>
      </c>
      <c r="NE38" s="145"/>
      <c r="NF38" s="119">
        <v>0</v>
      </c>
      <c r="NG38" s="119">
        <v>0</v>
      </c>
      <c r="NH38" s="119">
        <v>0</v>
      </c>
      <c r="NI38" s="119">
        <v>0</v>
      </c>
      <c r="NJ38" s="119">
        <v>0</v>
      </c>
      <c r="NK38" s="120">
        <v>0</v>
      </c>
      <c r="NL38" s="321">
        <v>0</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0</v>
      </c>
      <c r="OD38" s="119">
        <v>309410</v>
      </c>
      <c r="OE38" s="119">
        <v>331182</v>
      </c>
      <c r="OF38" s="119">
        <v>329224</v>
      </c>
      <c r="OG38" s="120">
        <v>969816</v>
      </c>
      <c r="OH38" s="121">
        <v>969816</v>
      </c>
      <c r="OI38" s="142">
        <v>67721</v>
      </c>
      <c r="OJ38" s="119">
        <v>91417</v>
      </c>
      <c r="OK38" s="141">
        <v>159138</v>
      </c>
      <c r="OL38" s="118">
        <v>0</v>
      </c>
      <c r="OM38" s="119">
        <v>348999</v>
      </c>
      <c r="ON38" s="119">
        <v>44900</v>
      </c>
      <c r="OO38" s="119">
        <v>922413</v>
      </c>
      <c r="OP38" s="119">
        <v>331182</v>
      </c>
      <c r="OQ38" s="119">
        <v>397324</v>
      </c>
      <c r="OR38" s="120">
        <v>2044818</v>
      </c>
      <c r="OS38" s="143">
        <v>2203956</v>
      </c>
    </row>
    <row r="39" spans="2:409" ht="20.25" customHeight="1" x14ac:dyDescent="0.2">
      <c r="B39" s="126" t="s">
        <v>34</v>
      </c>
      <c r="C39" s="110">
        <v>0</v>
      </c>
      <c r="D39" s="114">
        <v>21392</v>
      </c>
      <c r="E39" s="174">
        <v>21392</v>
      </c>
      <c r="F39" s="175">
        <v>0</v>
      </c>
      <c r="G39" s="176">
        <v>59936</v>
      </c>
      <c r="H39" s="176">
        <v>309229</v>
      </c>
      <c r="I39" s="176">
        <v>236696</v>
      </c>
      <c r="J39" s="176">
        <v>0</v>
      </c>
      <c r="K39" s="176">
        <v>242160</v>
      </c>
      <c r="L39" s="177">
        <v>848021</v>
      </c>
      <c r="M39" s="116">
        <v>869413</v>
      </c>
      <c r="N39" s="110">
        <v>0</v>
      </c>
      <c r="O39" s="114">
        <v>21392</v>
      </c>
      <c r="P39" s="113">
        <v>21392</v>
      </c>
      <c r="Q39" s="110">
        <v>0</v>
      </c>
      <c r="R39" s="114">
        <v>23352</v>
      </c>
      <c r="S39" s="114">
        <v>77584</v>
      </c>
      <c r="T39" s="114">
        <v>28072</v>
      </c>
      <c r="U39" s="114">
        <v>0</v>
      </c>
      <c r="V39" s="114">
        <v>4144</v>
      </c>
      <c r="W39" s="113">
        <v>133152</v>
      </c>
      <c r="X39" s="116">
        <v>154544</v>
      </c>
      <c r="Y39" s="110">
        <v>0</v>
      </c>
      <c r="Z39" s="114">
        <v>0</v>
      </c>
      <c r="AA39" s="113">
        <v>0</v>
      </c>
      <c r="AB39" s="110">
        <v>0</v>
      </c>
      <c r="AC39" s="114">
        <v>16200</v>
      </c>
      <c r="AD39" s="114">
        <v>0</v>
      </c>
      <c r="AE39" s="114">
        <v>0</v>
      </c>
      <c r="AF39" s="114">
        <v>0</v>
      </c>
      <c r="AG39" s="114">
        <v>0</v>
      </c>
      <c r="AH39" s="113">
        <v>16200</v>
      </c>
      <c r="AI39" s="116">
        <v>16200</v>
      </c>
      <c r="AJ39" s="110">
        <v>0</v>
      </c>
      <c r="AK39" s="114">
        <v>0</v>
      </c>
      <c r="AL39" s="113">
        <v>0</v>
      </c>
      <c r="AM39" s="110">
        <v>0</v>
      </c>
      <c r="AN39" s="114">
        <v>0</v>
      </c>
      <c r="AO39" s="114">
        <v>0</v>
      </c>
      <c r="AP39" s="114">
        <v>0</v>
      </c>
      <c r="AQ39" s="114">
        <v>0</v>
      </c>
      <c r="AR39" s="114">
        <v>0</v>
      </c>
      <c r="AS39" s="113">
        <v>0</v>
      </c>
      <c r="AT39" s="116">
        <v>0</v>
      </c>
      <c r="AU39" s="110">
        <v>0</v>
      </c>
      <c r="AV39" s="114">
        <v>21392</v>
      </c>
      <c r="AW39" s="113">
        <v>21392</v>
      </c>
      <c r="AX39" s="110">
        <v>0</v>
      </c>
      <c r="AY39" s="114">
        <v>0</v>
      </c>
      <c r="AZ39" s="114">
        <v>13136</v>
      </c>
      <c r="BA39" s="114">
        <v>0</v>
      </c>
      <c r="BB39" s="114">
        <v>0</v>
      </c>
      <c r="BC39" s="114">
        <v>0</v>
      </c>
      <c r="BD39" s="113">
        <v>13136</v>
      </c>
      <c r="BE39" s="116">
        <v>34528</v>
      </c>
      <c r="BF39" s="110">
        <v>0</v>
      </c>
      <c r="BG39" s="114">
        <v>0</v>
      </c>
      <c r="BH39" s="112">
        <v>0</v>
      </c>
      <c r="BI39" s="111">
        <v>0</v>
      </c>
      <c r="BJ39" s="114">
        <v>0</v>
      </c>
      <c r="BK39" s="114">
        <v>50080</v>
      </c>
      <c r="BL39" s="114">
        <v>6448</v>
      </c>
      <c r="BM39" s="114">
        <v>0</v>
      </c>
      <c r="BN39" s="114">
        <v>0</v>
      </c>
      <c r="BO39" s="113">
        <v>56528</v>
      </c>
      <c r="BP39" s="116">
        <v>56528</v>
      </c>
      <c r="BQ39" s="110">
        <v>0</v>
      </c>
      <c r="BR39" s="114">
        <v>0</v>
      </c>
      <c r="BS39" s="113">
        <v>0</v>
      </c>
      <c r="BT39" s="110">
        <v>0</v>
      </c>
      <c r="BU39" s="114">
        <v>7152</v>
      </c>
      <c r="BV39" s="114">
        <v>14368</v>
      </c>
      <c r="BW39" s="114">
        <v>21624</v>
      </c>
      <c r="BX39" s="114">
        <v>0</v>
      </c>
      <c r="BY39" s="114">
        <v>4144</v>
      </c>
      <c r="BZ39" s="113">
        <v>47288</v>
      </c>
      <c r="CA39" s="116">
        <v>47288</v>
      </c>
      <c r="CB39" s="110">
        <v>0</v>
      </c>
      <c r="CC39" s="114">
        <v>0</v>
      </c>
      <c r="CD39" s="113">
        <v>0</v>
      </c>
      <c r="CE39" s="110">
        <v>0</v>
      </c>
      <c r="CF39" s="114">
        <v>25384</v>
      </c>
      <c r="CG39" s="114">
        <v>53264</v>
      </c>
      <c r="CH39" s="114">
        <v>0</v>
      </c>
      <c r="CI39" s="114">
        <v>0</v>
      </c>
      <c r="CJ39" s="114">
        <v>0</v>
      </c>
      <c r="CK39" s="113">
        <v>78648</v>
      </c>
      <c r="CL39" s="116">
        <v>78648</v>
      </c>
      <c r="CM39" s="110">
        <v>0</v>
      </c>
      <c r="CN39" s="114">
        <v>0</v>
      </c>
      <c r="CO39" s="113">
        <v>0</v>
      </c>
      <c r="CP39" s="111">
        <v>0</v>
      </c>
      <c r="CQ39" s="114">
        <v>0</v>
      </c>
      <c r="CR39" s="114">
        <v>0</v>
      </c>
      <c r="CS39" s="114">
        <v>0</v>
      </c>
      <c r="CT39" s="114">
        <v>0</v>
      </c>
      <c r="CU39" s="114">
        <v>0</v>
      </c>
      <c r="CV39" s="113">
        <v>0</v>
      </c>
      <c r="CW39" s="116">
        <v>0</v>
      </c>
      <c r="CX39" s="110">
        <v>0</v>
      </c>
      <c r="CY39" s="114">
        <v>0</v>
      </c>
      <c r="CZ39" s="113">
        <v>0</v>
      </c>
      <c r="DA39" s="110">
        <v>0</v>
      </c>
      <c r="DB39" s="114">
        <v>25384</v>
      </c>
      <c r="DC39" s="114">
        <v>53264</v>
      </c>
      <c r="DD39" s="114">
        <v>0</v>
      </c>
      <c r="DE39" s="114">
        <v>0</v>
      </c>
      <c r="DF39" s="114">
        <v>0</v>
      </c>
      <c r="DG39" s="113">
        <v>78648</v>
      </c>
      <c r="DH39" s="116">
        <v>78648</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8"/>
      <c r="FE39" s="114">
        <v>0</v>
      </c>
      <c r="FF39" s="114">
        <v>0</v>
      </c>
      <c r="FG39" s="114">
        <v>0</v>
      </c>
      <c r="FH39" s="114">
        <v>0</v>
      </c>
      <c r="FI39" s="114">
        <v>0</v>
      </c>
      <c r="FJ39" s="113">
        <v>0</v>
      </c>
      <c r="FK39" s="116">
        <v>0</v>
      </c>
      <c r="FL39" s="110">
        <v>0</v>
      </c>
      <c r="FM39" s="114">
        <v>0</v>
      </c>
      <c r="FN39" s="113">
        <v>0</v>
      </c>
      <c r="FO39" s="110">
        <v>0</v>
      </c>
      <c r="FP39" s="114">
        <v>11200</v>
      </c>
      <c r="FQ39" s="114">
        <v>6400</v>
      </c>
      <c r="FR39" s="114">
        <v>41264</v>
      </c>
      <c r="FS39" s="114">
        <v>0</v>
      </c>
      <c r="FT39" s="114">
        <v>0</v>
      </c>
      <c r="FU39" s="113">
        <v>58864</v>
      </c>
      <c r="FV39" s="116">
        <v>58864</v>
      </c>
      <c r="FW39" s="115">
        <v>0</v>
      </c>
      <c r="FX39" s="114">
        <v>0</v>
      </c>
      <c r="FY39" s="112">
        <v>0</v>
      </c>
      <c r="FZ39" s="111">
        <v>0</v>
      </c>
      <c r="GA39" s="114">
        <v>11200</v>
      </c>
      <c r="GB39" s="114">
        <v>6400</v>
      </c>
      <c r="GC39" s="114">
        <v>41264</v>
      </c>
      <c r="GD39" s="114">
        <v>0</v>
      </c>
      <c r="GE39" s="114">
        <v>0</v>
      </c>
      <c r="GF39" s="113">
        <v>58864</v>
      </c>
      <c r="GG39" s="319">
        <v>58864</v>
      </c>
      <c r="GH39" s="115">
        <v>0</v>
      </c>
      <c r="GI39" s="114">
        <v>0</v>
      </c>
      <c r="GJ39" s="112">
        <v>0</v>
      </c>
      <c r="GK39" s="111">
        <v>0</v>
      </c>
      <c r="GL39" s="114">
        <v>0</v>
      </c>
      <c r="GM39" s="114">
        <v>0</v>
      </c>
      <c r="GN39" s="114">
        <v>0</v>
      </c>
      <c r="GO39" s="114">
        <v>0</v>
      </c>
      <c r="GP39" s="114">
        <v>0</v>
      </c>
      <c r="GQ39" s="113">
        <v>0</v>
      </c>
      <c r="GR39" s="116">
        <v>0</v>
      </c>
      <c r="GS39" s="110">
        <v>0</v>
      </c>
      <c r="GT39" s="114">
        <v>0</v>
      </c>
      <c r="GU39" s="113">
        <v>0</v>
      </c>
      <c r="GV39" s="110">
        <v>0</v>
      </c>
      <c r="GW39" s="114">
        <v>0</v>
      </c>
      <c r="GX39" s="114">
        <v>0</v>
      </c>
      <c r="GY39" s="114">
        <v>0</v>
      </c>
      <c r="GZ39" s="114">
        <v>0</v>
      </c>
      <c r="HA39" s="114">
        <v>0</v>
      </c>
      <c r="HB39" s="112">
        <v>0</v>
      </c>
      <c r="HC39" s="116">
        <v>0</v>
      </c>
      <c r="HD39" s="110">
        <v>0</v>
      </c>
      <c r="HE39" s="114">
        <v>0</v>
      </c>
      <c r="HF39" s="112">
        <v>0</v>
      </c>
      <c r="HG39" s="111">
        <v>0</v>
      </c>
      <c r="HH39" s="114">
        <v>0</v>
      </c>
      <c r="HI39" s="114">
        <v>171981</v>
      </c>
      <c r="HJ39" s="114">
        <v>167360</v>
      </c>
      <c r="HK39" s="114">
        <v>0</v>
      </c>
      <c r="HL39" s="114">
        <v>238016</v>
      </c>
      <c r="HM39" s="113">
        <v>577357</v>
      </c>
      <c r="HN39" s="109">
        <v>577357</v>
      </c>
      <c r="HO39" s="329"/>
      <c r="HP39" s="330"/>
      <c r="HQ39" s="331"/>
      <c r="HR39" s="332"/>
      <c r="HS39" s="330"/>
      <c r="HT39" s="330"/>
      <c r="HU39" s="330"/>
      <c r="HV39" s="330"/>
      <c r="HW39" s="330"/>
      <c r="HX39" s="333"/>
      <c r="HY39" s="334"/>
      <c r="HZ39" s="131">
        <v>0</v>
      </c>
      <c r="IA39" s="132">
        <v>0</v>
      </c>
      <c r="IB39" s="133">
        <v>0</v>
      </c>
      <c r="IC39" s="146">
        <v>0</v>
      </c>
      <c r="ID39" s="132">
        <v>250280</v>
      </c>
      <c r="IE39" s="147">
        <v>0</v>
      </c>
      <c r="IF39" s="133">
        <v>241552</v>
      </c>
      <c r="IG39" s="132">
        <v>0</v>
      </c>
      <c r="IH39" s="133">
        <v>0</v>
      </c>
      <c r="II39" s="148">
        <v>491832</v>
      </c>
      <c r="IJ39" s="139">
        <v>491832</v>
      </c>
      <c r="IK39" s="232">
        <v>0</v>
      </c>
      <c r="IL39" s="236">
        <v>0</v>
      </c>
      <c r="IM39" s="237">
        <v>0</v>
      </c>
      <c r="IN39" s="140"/>
      <c r="IO39" s="119">
        <v>0</v>
      </c>
      <c r="IP39" s="119">
        <v>0</v>
      </c>
      <c r="IQ39" s="119">
        <v>0</v>
      </c>
      <c r="IR39" s="119">
        <v>0</v>
      </c>
      <c r="IS39" s="119">
        <v>0</v>
      </c>
      <c r="IT39" s="141">
        <v>0</v>
      </c>
      <c r="IU39" s="321">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139568</v>
      </c>
      <c r="JL39" s="119">
        <v>0</v>
      </c>
      <c r="JM39" s="119">
        <v>0</v>
      </c>
      <c r="JN39" s="119">
        <v>0</v>
      </c>
      <c r="JO39" s="119">
        <v>0</v>
      </c>
      <c r="JP39" s="120">
        <v>139568</v>
      </c>
      <c r="JQ39" s="321">
        <v>139568</v>
      </c>
      <c r="JR39" s="142">
        <v>0</v>
      </c>
      <c r="JS39" s="119">
        <v>0</v>
      </c>
      <c r="JT39" s="141">
        <v>0</v>
      </c>
      <c r="JU39" s="118">
        <v>0</v>
      </c>
      <c r="JV39" s="119">
        <v>0</v>
      </c>
      <c r="JW39" s="119">
        <v>0</v>
      </c>
      <c r="JX39" s="119">
        <v>0</v>
      </c>
      <c r="JY39" s="119">
        <v>0</v>
      </c>
      <c r="JZ39" s="119">
        <v>0</v>
      </c>
      <c r="KA39" s="120">
        <v>0</v>
      </c>
      <c r="KB39" s="321">
        <v>0</v>
      </c>
      <c r="KC39" s="234">
        <v>0</v>
      </c>
      <c r="KD39" s="230">
        <v>0</v>
      </c>
      <c r="KE39" s="120">
        <v>0</v>
      </c>
      <c r="KF39" s="118">
        <v>0</v>
      </c>
      <c r="KG39" s="119">
        <v>110712</v>
      </c>
      <c r="KH39" s="119">
        <v>0</v>
      </c>
      <c r="KI39" s="119">
        <v>0</v>
      </c>
      <c r="KJ39" s="119">
        <v>0</v>
      </c>
      <c r="KK39" s="119">
        <v>0</v>
      </c>
      <c r="KL39" s="120">
        <v>110712</v>
      </c>
      <c r="KM39" s="143">
        <v>110712</v>
      </c>
      <c r="KN39" s="232">
        <v>0</v>
      </c>
      <c r="KO39" s="236">
        <v>0</v>
      </c>
      <c r="KP39" s="237">
        <v>0</v>
      </c>
      <c r="KQ39" s="140"/>
      <c r="KR39" s="119">
        <v>0</v>
      </c>
      <c r="KS39" s="119">
        <v>0</v>
      </c>
      <c r="KT39" s="119">
        <v>0</v>
      </c>
      <c r="KU39" s="119">
        <v>0</v>
      </c>
      <c r="KV39" s="119">
        <v>0</v>
      </c>
      <c r="KW39" s="120">
        <v>0</v>
      </c>
      <c r="KX39" s="321">
        <v>0</v>
      </c>
      <c r="KY39" s="142">
        <v>0</v>
      </c>
      <c r="KZ39" s="119">
        <v>0</v>
      </c>
      <c r="LA39" s="120">
        <v>0</v>
      </c>
      <c r="LB39" s="145">
        <v>0</v>
      </c>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1">
        <v>0</v>
      </c>
      <c r="LU39" s="142">
        <v>0</v>
      </c>
      <c r="LV39" s="119">
        <v>0</v>
      </c>
      <c r="LW39" s="120">
        <v>0</v>
      </c>
      <c r="LX39" s="145"/>
      <c r="LY39" s="119">
        <v>0</v>
      </c>
      <c r="LZ39" s="119">
        <v>0</v>
      </c>
      <c r="MA39" s="119">
        <v>241552</v>
      </c>
      <c r="MB39" s="119">
        <v>0</v>
      </c>
      <c r="MC39" s="119">
        <v>0</v>
      </c>
      <c r="MD39" s="120">
        <v>241552</v>
      </c>
      <c r="ME39" s="121">
        <v>241552</v>
      </c>
      <c r="MF39" s="142">
        <v>0</v>
      </c>
      <c r="MG39" s="119">
        <v>0</v>
      </c>
      <c r="MH39" s="120">
        <v>0</v>
      </c>
      <c r="MI39" s="145"/>
      <c r="MJ39" s="119">
        <v>0</v>
      </c>
      <c r="MK39" s="119">
        <v>0</v>
      </c>
      <c r="ML39" s="119">
        <v>13112</v>
      </c>
      <c r="MM39" s="119">
        <v>0</v>
      </c>
      <c r="MN39" s="119">
        <v>0</v>
      </c>
      <c r="MO39" s="120">
        <v>13112</v>
      </c>
      <c r="MP39" s="143">
        <v>13112</v>
      </c>
      <c r="MQ39" s="142">
        <v>0</v>
      </c>
      <c r="MR39" s="119">
        <v>0</v>
      </c>
      <c r="MS39" s="120">
        <v>0</v>
      </c>
      <c r="MT39" s="145"/>
      <c r="MU39" s="119">
        <v>0</v>
      </c>
      <c r="MV39" s="119">
        <v>0</v>
      </c>
      <c r="MW39" s="119">
        <v>13112</v>
      </c>
      <c r="MX39" s="119">
        <v>0</v>
      </c>
      <c r="MY39" s="119">
        <v>0</v>
      </c>
      <c r="MZ39" s="120">
        <v>13112</v>
      </c>
      <c r="NA39" s="143">
        <v>13112</v>
      </c>
      <c r="NB39" s="142">
        <v>0</v>
      </c>
      <c r="NC39" s="119">
        <v>0</v>
      </c>
      <c r="ND39" s="120">
        <v>0</v>
      </c>
      <c r="NE39" s="145"/>
      <c r="NF39" s="119">
        <v>0</v>
      </c>
      <c r="NG39" s="119">
        <v>0</v>
      </c>
      <c r="NH39" s="119">
        <v>0</v>
      </c>
      <c r="NI39" s="119">
        <v>0</v>
      </c>
      <c r="NJ39" s="119">
        <v>0</v>
      </c>
      <c r="NK39" s="120">
        <v>0</v>
      </c>
      <c r="NL39" s="321">
        <v>0</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0</v>
      </c>
      <c r="OJ39" s="119">
        <v>21392</v>
      </c>
      <c r="OK39" s="141">
        <v>21392</v>
      </c>
      <c r="OL39" s="118">
        <v>0</v>
      </c>
      <c r="OM39" s="119">
        <v>310216</v>
      </c>
      <c r="ON39" s="119">
        <v>309229</v>
      </c>
      <c r="OO39" s="119">
        <v>491360</v>
      </c>
      <c r="OP39" s="119">
        <v>0</v>
      </c>
      <c r="OQ39" s="119">
        <v>242160</v>
      </c>
      <c r="OR39" s="120">
        <v>1352965</v>
      </c>
      <c r="OS39" s="143">
        <v>1374357</v>
      </c>
    </row>
    <row r="40" spans="2:409" ht="20.25" customHeight="1" x14ac:dyDescent="0.2">
      <c r="B40" s="126" t="s">
        <v>35</v>
      </c>
      <c r="C40" s="110">
        <v>304464</v>
      </c>
      <c r="D40" s="114">
        <v>13344</v>
      </c>
      <c r="E40" s="113">
        <v>317808</v>
      </c>
      <c r="F40" s="109">
        <v>0</v>
      </c>
      <c r="G40" s="114">
        <v>2110576</v>
      </c>
      <c r="H40" s="114">
        <v>854656</v>
      </c>
      <c r="I40" s="114">
        <v>807904</v>
      </c>
      <c r="J40" s="114">
        <v>633496</v>
      </c>
      <c r="K40" s="114">
        <v>585890</v>
      </c>
      <c r="L40" s="173">
        <v>4992522</v>
      </c>
      <c r="M40" s="116">
        <v>5310330</v>
      </c>
      <c r="N40" s="110">
        <v>20512</v>
      </c>
      <c r="O40" s="114">
        <v>11744</v>
      </c>
      <c r="P40" s="113">
        <v>32256</v>
      </c>
      <c r="Q40" s="110">
        <v>0</v>
      </c>
      <c r="R40" s="114">
        <v>500370</v>
      </c>
      <c r="S40" s="114">
        <v>157824</v>
      </c>
      <c r="T40" s="114">
        <v>296318</v>
      </c>
      <c r="U40" s="114">
        <v>26384</v>
      </c>
      <c r="V40" s="114">
        <v>334947</v>
      </c>
      <c r="W40" s="113">
        <v>1315843</v>
      </c>
      <c r="X40" s="116">
        <v>1348099</v>
      </c>
      <c r="Y40" s="110">
        <v>0</v>
      </c>
      <c r="Z40" s="114">
        <v>0</v>
      </c>
      <c r="AA40" s="113">
        <v>0</v>
      </c>
      <c r="AB40" s="110">
        <v>0</v>
      </c>
      <c r="AC40" s="114">
        <v>280266</v>
      </c>
      <c r="AD40" s="114">
        <v>28568</v>
      </c>
      <c r="AE40" s="114">
        <v>190702</v>
      </c>
      <c r="AF40" s="114">
        <v>0</v>
      </c>
      <c r="AG40" s="114">
        <v>205611</v>
      </c>
      <c r="AH40" s="113">
        <v>705147</v>
      </c>
      <c r="AI40" s="116">
        <v>705147</v>
      </c>
      <c r="AJ40" s="110">
        <v>0</v>
      </c>
      <c r="AK40" s="114">
        <v>0</v>
      </c>
      <c r="AL40" s="113">
        <v>0</v>
      </c>
      <c r="AM40" s="110">
        <v>0</v>
      </c>
      <c r="AN40" s="114">
        <v>0</v>
      </c>
      <c r="AO40" s="114">
        <v>0</v>
      </c>
      <c r="AP40" s="114">
        <v>0</v>
      </c>
      <c r="AQ40" s="114">
        <v>0</v>
      </c>
      <c r="AR40" s="114">
        <v>97344</v>
      </c>
      <c r="AS40" s="113">
        <v>97344</v>
      </c>
      <c r="AT40" s="116">
        <v>97344</v>
      </c>
      <c r="AU40" s="110">
        <v>0</v>
      </c>
      <c r="AV40" s="114">
        <v>0</v>
      </c>
      <c r="AW40" s="113">
        <v>0</v>
      </c>
      <c r="AX40" s="110">
        <v>0</v>
      </c>
      <c r="AY40" s="114">
        <v>92376</v>
      </c>
      <c r="AZ40" s="114">
        <v>26152</v>
      </c>
      <c r="BA40" s="114">
        <v>0</v>
      </c>
      <c r="BB40" s="114">
        <v>0</v>
      </c>
      <c r="BC40" s="114">
        <v>0</v>
      </c>
      <c r="BD40" s="113">
        <v>118528</v>
      </c>
      <c r="BE40" s="116">
        <v>118528</v>
      </c>
      <c r="BF40" s="110">
        <v>0</v>
      </c>
      <c r="BG40" s="114">
        <v>0</v>
      </c>
      <c r="BH40" s="112">
        <v>0</v>
      </c>
      <c r="BI40" s="111">
        <v>0</v>
      </c>
      <c r="BJ40" s="114">
        <v>54800</v>
      </c>
      <c r="BK40" s="114">
        <v>30592</v>
      </c>
      <c r="BL40" s="114">
        <v>49920</v>
      </c>
      <c r="BM40" s="114">
        <v>0</v>
      </c>
      <c r="BN40" s="114">
        <v>0</v>
      </c>
      <c r="BO40" s="113">
        <v>135312</v>
      </c>
      <c r="BP40" s="116">
        <v>135312</v>
      </c>
      <c r="BQ40" s="110">
        <v>20512</v>
      </c>
      <c r="BR40" s="114">
        <v>11744</v>
      </c>
      <c r="BS40" s="113">
        <v>32256</v>
      </c>
      <c r="BT40" s="110">
        <v>0</v>
      </c>
      <c r="BU40" s="114">
        <v>72928</v>
      </c>
      <c r="BV40" s="114">
        <v>72512</v>
      </c>
      <c r="BW40" s="114">
        <v>55696</v>
      </c>
      <c r="BX40" s="114">
        <v>26384</v>
      </c>
      <c r="BY40" s="114">
        <v>31992</v>
      </c>
      <c r="BZ40" s="113">
        <v>259512</v>
      </c>
      <c r="CA40" s="116">
        <v>291768</v>
      </c>
      <c r="CB40" s="110">
        <v>0</v>
      </c>
      <c r="CC40" s="114">
        <v>0</v>
      </c>
      <c r="CD40" s="113">
        <v>0</v>
      </c>
      <c r="CE40" s="110">
        <v>0</v>
      </c>
      <c r="CF40" s="114">
        <v>759432</v>
      </c>
      <c r="CG40" s="114">
        <v>350040</v>
      </c>
      <c r="CH40" s="114">
        <v>92320</v>
      </c>
      <c r="CI40" s="114">
        <v>169592</v>
      </c>
      <c r="CJ40" s="114">
        <v>0</v>
      </c>
      <c r="CK40" s="113">
        <v>1371384</v>
      </c>
      <c r="CL40" s="116">
        <v>1371384</v>
      </c>
      <c r="CM40" s="110">
        <v>0</v>
      </c>
      <c r="CN40" s="114">
        <v>0</v>
      </c>
      <c r="CO40" s="113">
        <v>0</v>
      </c>
      <c r="CP40" s="111">
        <v>0</v>
      </c>
      <c r="CQ40" s="114">
        <v>700904</v>
      </c>
      <c r="CR40" s="114">
        <v>350040</v>
      </c>
      <c r="CS40" s="114">
        <v>92320</v>
      </c>
      <c r="CT40" s="114">
        <v>0</v>
      </c>
      <c r="CU40" s="114">
        <v>0</v>
      </c>
      <c r="CV40" s="113">
        <v>1143264</v>
      </c>
      <c r="CW40" s="116">
        <v>1143264</v>
      </c>
      <c r="CX40" s="110">
        <v>0</v>
      </c>
      <c r="CY40" s="114">
        <v>0</v>
      </c>
      <c r="CZ40" s="113">
        <v>0</v>
      </c>
      <c r="DA40" s="110">
        <v>0</v>
      </c>
      <c r="DB40" s="114">
        <v>58528</v>
      </c>
      <c r="DC40" s="114">
        <v>0</v>
      </c>
      <c r="DD40" s="114">
        <v>0</v>
      </c>
      <c r="DE40" s="114">
        <v>169592</v>
      </c>
      <c r="DF40" s="114">
        <v>0</v>
      </c>
      <c r="DG40" s="113">
        <v>228120</v>
      </c>
      <c r="DH40" s="116">
        <v>228120</v>
      </c>
      <c r="DI40" s="110">
        <v>0</v>
      </c>
      <c r="DJ40" s="114">
        <v>0</v>
      </c>
      <c r="DK40" s="112">
        <v>0</v>
      </c>
      <c r="DL40" s="111">
        <v>0</v>
      </c>
      <c r="DM40" s="114">
        <v>0</v>
      </c>
      <c r="DN40" s="114">
        <v>0</v>
      </c>
      <c r="DO40" s="114">
        <v>28384</v>
      </c>
      <c r="DP40" s="114">
        <v>0</v>
      </c>
      <c r="DQ40" s="114">
        <v>0</v>
      </c>
      <c r="DR40" s="113">
        <v>28384</v>
      </c>
      <c r="DS40" s="116">
        <v>28384</v>
      </c>
      <c r="DT40" s="110">
        <v>0</v>
      </c>
      <c r="DU40" s="114">
        <v>0</v>
      </c>
      <c r="DV40" s="113">
        <v>0</v>
      </c>
      <c r="DW40" s="110">
        <v>0</v>
      </c>
      <c r="DX40" s="114">
        <v>0</v>
      </c>
      <c r="DY40" s="114">
        <v>0</v>
      </c>
      <c r="DZ40" s="114">
        <v>28384</v>
      </c>
      <c r="EA40" s="114">
        <v>0</v>
      </c>
      <c r="EB40" s="114">
        <v>0</v>
      </c>
      <c r="EC40" s="113">
        <v>28384</v>
      </c>
      <c r="ED40" s="116">
        <v>28384</v>
      </c>
      <c r="EE40" s="110">
        <v>0</v>
      </c>
      <c r="EF40" s="112">
        <v>0</v>
      </c>
      <c r="EG40" s="113">
        <v>0</v>
      </c>
      <c r="EH40" s="110">
        <v>0</v>
      </c>
      <c r="EI40" s="114">
        <v>0</v>
      </c>
      <c r="EJ40" s="114">
        <v>0</v>
      </c>
      <c r="EK40" s="114">
        <v>0</v>
      </c>
      <c r="EL40" s="114">
        <v>0</v>
      </c>
      <c r="EM40" s="114">
        <v>0</v>
      </c>
      <c r="EN40" s="112">
        <v>0</v>
      </c>
      <c r="EO40" s="116">
        <v>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8"/>
      <c r="FE40" s="114">
        <v>0</v>
      </c>
      <c r="FF40" s="114">
        <v>0</v>
      </c>
      <c r="FG40" s="114">
        <v>0</v>
      </c>
      <c r="FH40" s="114">
        <v>0</v>
      </c>
      <c r="FI40" s="114">
        <v>0</v>
      </c>
      <c r="FJ40" s="113">
        <v>0</v>
      </c>
      <c r="FK40" s="116">
        <v>0</v>
      </c>
      <c r="FL40" s="110">
        <v>119776</v>
      </c>
      <c r="FM40" s="114">
        <v>1600</v>
      </c>
      <c r="FN40" s="113">
        <v>121376</v>
      </c>
      <c r="FO40" s="110">
        <v>0</v>
      </c>
      <c r="FP40" s="114">
        <v>29520</v>
      </c>
      <c r="FQ40" s="114">
        <v>58080</v>
      </c>
      <c r="FR40" s="114">
        <v>4400</v>
      </c>
      <c r="FS40" s="114">
        <v>15120</v>
      </c>
      <c r="FT40" s="114">
        <v>8800</v>
      </c>
      <c r="FU40" s="113">
        <v>115920</v>
      </c>
      <c r="FV40" s="116">
        <v>237296</v>
      </c>
      <c r="FW40" s="115">
        <v>800</v>
      </c>
      <c r="FX40" s="114">
        <v>1600</v>
      </c>
      <c r="FY40" s="112">
        <v>2400</v>
      </c>
      <c r="FZ40" s="111">
        <v>0</v>
      </c>
      <c r="GA40" s="114">
        <v>29520</v>
      </c>
      <c r="GB40" s="114">
        <v>58080</v>
      </c>
      <c r="GC40" s="114">
        <v>4400</v>
      </c>
      <c r="GD40" s="114">
        <v>15120</v>
      </c>
      <c r="GE40" s="114">
        <v>8800</v>
      </c>
      <c r="GF40" s="113">
        <v>115920</v>
      </c>
      <c r="GG40" s="319">
        <v>118320</v>
      </c>
      <c r="GH40" s="115">
        <v>14256</v>
      </c>
      <c r="GI40" s="114">
        <v>0</v>
      </c>
      <c r="GJ40" s="112">
        <v>14256</v>
      </c>
      <c r="GK40" s="111">
        <v>0</v>
      </c>
      <c r="GL40" s="114">
        <v>0</v>
      </c>
      <c r="GM40" s="114">
        <v>0</v>
      </c>
      <c r="GN40" s="114">
        <v>0</v>
      </c>
      <c r="GO40" s="114">
        <v>0</v>
      </c>
      <c r="GP40" s="114">
        <v>0</v>
      </c>
      <c r="GQ40" s="113">
        <v>0</v>
      </c>
      <c r="GR40" s="116">
        <v>14256</v>
      </c>
      <c r="GS40" s="110">
        <v>104720</v>
      </c>
      <c r="GT40" s="114">
        <v>0</v>
      </c>
      <c r="GU40" s="113">
        <v>104720</v>
      </c>
      <c r="GV40" s="110">
        <v>0</v>
      </c>
      <c r="GW40" s="114">
        <v>0</v>
      </c>
      <c r="GX40" s="114">
        <v>0</v>
      </c>
      <c r="GY40" s="114">
        <v>0</v>
      </c>
      <c r="GZ40" s="114">
        <v>0</v>
      </c>
      <c r="HA40" s="114">
        <v>0</v>
      </c>
      <c r="HB40" s="112">
        <v>0</v>
      </c>
      <c r="HC40" s="116">
        <v>104720</v>
      </c>
      <c r="HD40" s="110">
        <v>164176</v>
      </c>
      <c r="HE40" s="114">
        <v>0</v>
      </c>
      <c r="HF40" s="112">
        <v>164176</v>
      </c>
      <c r="HG40" s="111">
        <v>0</v>
      </c>
      <c r="HH40" s="114">
        <v>821254</v>
      </c>
      <c r="HI40" s="114">
        <v>288712</v>
      </c>
      <c r="HJ40" s="114">
        <v>386482</v>
      </c>
      <c r="HK40" s="114">
        <v>422400</v>
      </c>
      <c r="HL40" s="114">
        <v>242143</v>
      </c>
      <c r="HM40" s="113">
        <v>2160991</v>
      </c>
      <c r="HN40" s="109">
        <v>2325167</v>
      </c>
      <c r="HO40" s="329"/>
      <c r="HP40" s="330"/>
      <c r="HQ40" s="331"/>
      <c r="HR40" s="332"/>
      <c r="HS40" s="330"/>
      <c r="HT40" s="330"/>
      <c r="HU40" s="330"/>
      <c r="HV40" s="330"/>
      <c r="HW40" s="330"/>
      <c r="HX40" s="333"/>
      <c r="HY40" s="334"/>
      <c r="HZ40" s="150">
        <v>0</v>
      </c>
      <c r="IA40" s="135">
        <v>0</v>
      </c>
      <c r="IB40" s="150">
        <v>0</v>
      </c>
      <c r="IC40" s="146">
        <v>0</v>
      </c>
      <c r="ID40" s="132">
        <v>0</v>
      </c>
      <c r="IE40" s="147">
        <v>461024</v>
      </c>
      <c r="IF40" s="133">
        <v>231912</v>
      </c>
      <c r="IG40" s="132">
        <v>0</v>
      </c>
      <c r="IH40" s="133">
        <v>0</v>
      </c>
      <c r="II40" s="148">
        <v>692936</v>
      </c>
      <c r="IJ40" s="150">
        <v>692936</v>
      </c>
      <c r="IK40" s="232">
        <v>0</v>
      </c>
      <c r="IL40" s="236">
        <v>0</v>
      </c>
      <c r="IM40" s="237">
        <v>0</v>
      </c>
      <c r="IN40" s="140"/>
      <c r="IO40" s="119">
        <v>0</v>
      </c>
      <c r="IP40" s="119">
        <v>60392</v>
      </c>
      <c r="IQ40" s="119">
        <v>0</v>
      </c>
      <c r="IR40" s="119">
        <v>0</v>
      </c>
      <c r="IS40" s="119">
        <v>0</v>
      </c>
      <c r="IT40" s="141">
        <v>60392</v>
      </c>
      <c r="IU40" s="321">
        <v>60392</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0</v>
      </c>
      <c r="JL40" s="119">
        <v>0</v>
      </c>
      <c r="JM40" s="119">
        <v>0</v>
      </c>
      <c r="JN40" s="119">
        <v>0</v>
      </c>
      <c r="JO40" s="119">
        <v>0</v>
      </c>
      <c r="JP40" s="120">
        <v>0</v>
      </c>
      <c r="JQ40" s="321">
        <v>0</v>
      </c>
      <c r="JR40" s="142">
        <v>0</v>
      </c>
      <c r="JS40" s="119">
        <v>0</v>
      </c>
      <c r="JT40" s="141">
        <v>0</v>
      </c>
      <c r="JU40" s="118">
        <v>0</v>
      </c>
      <c r="JV40" s="119">
        <v>0</v>
      </c>
      <c r="JW40" s="119">
        <v>0</v>
      </c>
      <c r="JX40" s="119">
        <v>0</v>
      </c>
      <c r="JY40" s="119">
        <v>0</v>
      </c>
      <c r="JZ40" s="119">
        <v>0</v>
      </c>
      <c r="KA40" s="120">
        <v>0</v>
      </c>
      <c r="KB40" s="321">
        <v>0</v>
      </c>
      <c r="KC40" s="234">
        <v>0</v>
      </c>
      <c r="KD40" s="230">
        <v>0</v>
      </c>
      <c r="KE40" s="120">
        <v>0</v>
      </c>
      <c r="KF40" s="118">
        <v>0</v>
      </c>
      <c r="KG40" s="119">
        <v>0</v>
      </c>
      <c r="KH40" s="119">
        <v>162712</v>
      </c>
      <c r="KI40" s="119">
        <v>231912</v>
      </c>
      <c r="KJ40" s="119">
        <v>0</v>
      </c>
      <c r="KK40" s="119">
        <v>0</v>
      </c>
      <c r="KL40" s="120">
        <v>394624</v>
      </c>
      <c r="KM40" s="143">
        <v>394624</v>
      </c>
      <c r="KN40" s="232">
        <v>0</v>
      </c>
      <c r="KO40" s="236">
        <v>0</v>
      </c>
      <c r="KP40" s="237">
        <v>0</v>
      </c>
      <c r="KQ40" s="140"/>
      <c r="KR40" s="119">
        <v>0</v>
      </c>
      <c r="KS40" s="119">
        <v>237920</v>
      </c>
      <c r="KT40" s="119">
        <v>0</v>
      </c>
      <c r="KU40" s="119">
        <v>0</v>
      </c>
      <c r="KV40" s="119">
        <v>0</v>
      </c>
      <c r="KW40" s="120">
        <v>237920</v>
      </c>
      <c r="KX40" s="321">
        <v>237920</v>
      </c>
      <c r="KY40" s="142">
        <v>0</v>
      </c>
      <c r="KZ40" s="119">
        <v>0</v>
      </c>
      <c r="LA40" s="120">
        <v>0</v>
      </c>
      <c r="LB40" s="145">
        <v>0</v>
      </c>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1">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265672</v>
      </c>
      <c r="MK40" s="119">
        <v>0</v>
      </c>
      <c r="ML40" s="119">
        <v>0</v>
      </c>
      <c r="MM40" s="119">
        <v>896248</v>
      </c>
      <c r="MN40" s="119">
        <v>0</v>
      </c>
      <c r="MO40" s="120">
        <v>1161920</v>
      </c>
      <c r="MP40" s="143">
        <v>1161920</v>
      </c>
      <c r="MQ40" s="142">
        <v>0</v>
      </c>
      <c r="MR40" s="119">
        <v>0</v>
      </c>
      <c r="MS40" s="120">
        <v>0</v>
      </c>
      <c r="MT40" s="145"/>
      <c r="MU40" s="119">
        <v>0</v>
      </c>
      <c r="MV40" s="119">
        <v>0</v>
      </c>
      <c r="MW40" s="119">
        <v>0</v>
      </c>
      <c r="MX40" s="119">
        <v>896248</v>
      </c>
      <c r="MY40" s="119">
        <v>0</v>
      </c>
      <c r="MZ40" s="120">
        <v>896248</v>
      </c>
      <c r="NA40" s="143">
        <v>896248</v>
      </c>
      <c r="NB40" s="142">
        <v>0</v>
      </c>
      <c r="NC40" s="119">
        <v>0</v>
      </c>
      <c r="ND40" s="120">
        <v>0</v>
      </c>
      <c r="NE40" s="145"/>
      <c r="NF40" s="119">
        <v>265672</v>
      </c>
      <c r="NG40" s="119">
        <v>0</v>
      </c>
      <c r="NH40" s="119">
        <v>0</v>
      </c>
      <c r="NI40" s="119">
        <v>0</v>
      </c>
      <c r="NJ40" s="119">
        <v>0</v>
      </c>
      <c r="NK40" s="120">
        <v>265672</v>
      </c>
      <c r="NL40" s="321">
        <v>265672</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304464</v>
      </c>
      <c r="OJ40" s="119">
        <v>13344</v>
      </c>
      <c r="OK40" s="141">
        <v>317808</v>
      </c>
      <c r="OL40" s="118">
        <v>0</v>
      </c>
      <c r="OM40" s="119">
        <v>2376248</v>
      </c>
      <c r="ON40" s="119">
        <v>1315680</v>
      </c>
      <c r="OO40" s="119">
        <v>1039816</v>
      </c>
      <c r="OP40" s="119">
        <v>1529744</v>
      </c>
      <c r="OQ40" s="119">
        <v>585890</v>
      </c>
      <c r="OR40" s="120">
        <v>6847378</v>
      </c>
      <c r="OS40" s="143">
        <v>7165186</v>
      </c>
    </row>
    <row r="41" spans="2:409" ht="20.25" customHeight="1" x14ac:dyDescent="0.2">
      <c r="B41" s="126" t="s">
        <v>36</v>
      </c>
      <c r="C41" s="110">
        <v>31984</v>
      </c>
      <c r="D41" s="114">
        <v>63026</v>
      </c>
      <c r="E41" s="113">
        <v>95010</v>
      </c>
      <c r="F41" s="109">
        <v>0</v>
      </c>
      <c r="G41" s="114">
        <v>450096</v>
      </c>
      <c r="H41" s="114">
        <v>499533</v>
      </c>
      <c r="I41" s="114">
        <v>515121</v>
      </c>
      <c r="J41" s="114">
        <v>372444</v>
      </c>
      <c r="K41" s="114">
        <v>297303</v>
      </c>
      <c r="L41" s="173">
        <v>2134497</v>
      </c>
      <c r="M41" s="116">
        <v>2229507</v>
      </c>
      <c r="N41" s="110">
        <v>2384</v>
      </c>
      <c r="O41" s="114">
        <v>0</v>
      </c>
      <c r="P41" s="113">
        <v>2384</v>
      </c>
      <c r="Q41" s="110">
        <v>0</v>
      </c>
      <c r="R41" s="114">
        <v>199879</v>
      </c>
      <c r="S41" s="114">
        <v>101422</v>
      </c>
      <c r="T41" s="114">
        <v>129453</v>
      </c>
      <c r="U41" s="114">
        <v>256001</v>
      </c>
      <c r="V41" s="114">
        <v>23968</v>
      </c>
      <c r="W41" s="113">
        <v>710723</v>
      </c>
      <c r="X41" s="116">
        <v>713107</v>
      </c>
      <c r="Y41" s="110">
        <v>0</v>
      </c>
      <c r="Z41" s="114">
        <v>0</v>
      </c>
      <c r="AA41" s="113">
        <v>0</v>
      </c>
      <c r="AB41" s="110">
        <v>0</v>
      </c>
      <c r="AC41" s="114">
        <v>115093</v>
      </c>
      <c r="AD41" s="114">
        <v>88382</v>
      </c>
      <c r="AE41" s="114">
        <v>0</v>
      </c>
      <c r="AF41" s="114">
        <v>0</v>
      </c>
      <c r="AG41" s="114">
        <v>0</v>
      </c>
      <c r="AH41" s="113">
        <v>203475</v>
      </c>
      <c r="AI41" s="116">
        <v>203475</v>
      </c>
      <c r="AJ41" s="110">
        <v>0</v>
      </c>
      <c r="AK41" s="114">
        <v>0</v>
      </c>
      <c r="AL41" s="113">
        <v>0</v>
      </c>
      <c r="AM41" s="110">
        <v>0</v>
      </c>
      <c r="AN41" s="114">
        <v>0</v>
      </c>
      <c r="AO41" s="114">
        <v>0</v>
      </c>
      <c r="AP41" s="114">
        <v>0</v>
      </c>
      <c r="AQ41" s="114">
        <v>46238</v>
      </c>
      <c r="AR41" s="114">
        <v>0</v>
      </c>
      <c r="AS41" s="113">
        <v>46238</v>
      </c>
      <c r="AT41" s="116">
        <v>46238</v>
      </c>
      <c r="AU41" s="110">
        <v>0</v>
      </c>
      <c r="AV41" s="114">
        <v>0</v>
      </c>
      <c r="AW41" s="113">
        <v>0</v>
      </c>
      <c r="AX41" s="110">
        <v>0</v>
      </c>
      <c r="AY41" s="114">
        <v>63858</v>
      </c>
      <c r="AZ41" s="114">
        <v>0</v>
      </c>
      <c r="BA41" s="114">
        <v>96037</v>
      </c>
      <c r="BB41" s="114">
        <v>205619</v>
      </c>
      <c r="BC41" s="114">
        <v>0</v>
      </c>
      <c r="BD41" s="113">
        <v>365514</v>
      </c>
      <c r="BE41" s="116">
        <v>365514</v>
      </c>
      <c r="BF41" s="110">
        <v>0</v>
      </c>
      <c r="BG41" s="114">
        <v>0</v>
      </c>
      <c r="BH41" s="112">
        <v>0</v>
      </c>
      <c r="BI41" s="111">
        <v>0</v>
      </c>
      <c r="BJ41" s="114">
        <v>0</v>
      </c>
      <c r="BK41" s="114">
        <v>0</v>
      </c>
      <c r="BL41" s="114">
        <v>0</v>
      </c>
      <c r="BM41" s="114">
        <v>0</v>
      </c>
      <c r="BN41" s="114">
        <v>0</v>
      </c>
      <c r="BO41" s="113">
        <v>0</v>
      </c>
      <c r="BP41" s="116">
        <v>0</v>
      </c>
      <c r="BQ41" s="110">
        <v>2384</v>
      </c>
      <c r="BR41" s="114">
        <v>0</v>
      </c>
      <c r="BS41" s="113">
        <v>2384</v>
      </c>
      <c r="BT41" s="110">
        <v>0</v>
      </c>
      <c r="BU41" s="114">
        <v>20928</v>
      </c>
      <c r="BV41" s="114">
        <v>13040</v>
      </c>
      <c r="BW41" s="114">
        <v>33416</v>
      </c>
      <c r="BX41" s="114">
        <v>4144</v>
      </c>
      <c r="BY41" s="114">
        <v>23968</v>
      </c>
      <c r="BZ41" s="113">
        <v>95496</v>
      </c>
      <c r="CA41" s="116">
        <v>97880</v>
      </c>
      <c r="CB41" s="110">
        <v>0</v>
      </c>
      <c r="CC41" s="114">
        <v>34578</v>
      </c>
      <c r="CD41" s="113">
        <v>34578</v>
      </c>
      <c r="CE41" s="110">
        <v>0</v>
      </c>
      <c r="CF41" s="114">
        <v>76726</v>
      </c>
      <c r="CG41" s="114">
        <v>260767</v>
      </c>
      <c r="CH41" s="114">
        <v>0</v>
      </c>
      <c r="CI41" s="114">
        <v>28364</v>
      </c>
      <c r="CJ41" s="114">
        <v>0</v>
      </c>
      <c r="CK41" s="113">
        <v>365857</v>
      </c>
      <c r="CL41" s="116">
        <v>400435</v>
      </c>
      <c r="CM41" s="110">
        <v>0</v>
      </c>
      <c r="CN41" s="114">
        <v>0</v>
      </c>
      <c r="CO41" s="113">
        <v>0</v>
      </c>
      <c r="CP41" s="111">
        <v>0</v>
      </c>
      <c r="CQ41" s="114">
        <v>76726</v>
      </c>
      <c r="CR41" s="114">
        <v>181828</v>
      </c>
      <c r="CS41" s="114">
        <v>0</v>
      </c>
      <c r="CT41" s="114">
        <v>28364</v>
      </c>
      <c r="CU41" s="114">
        <v>0</v>
      </c>
      <c r="CV41" s="113">
        <v>286918</v>
      </c>
      <c r="CW41" s="116">
        <v>286918</v>
      </c>
      <c r="CX41" s="110">
        <v>0</v>
      </c>
      <c r="CY41" s="114">
        <v>34578</v>
      </c>
      <c r="CZ41" s="113">
        <v>34578</v>
      </c>
      <c r="DA41" s="110">
        <v>0</v>
      </c>
      <c r="DB41" s="114">
        <v>0</v>
      </c>
      <c r="DC41" s="114">
        <v>78939</v>
      </c>
      <c r="DD41" s="114">
        <v>0</v>
      </c>
      <c r="DE41" s="114">
        <v>0</v>
      </c>
      <c r="DF41" s="114">
        <v>0</v>
      </c>
      <c r="DG41" s="113">
        <v>78939</v>
      </c>
      <c r="DH41" s="116">
        <v>113517</v>
      </c>
      <c r="DI41" s="110">
        <v>0</v>
      </c>
      <c r="DJ41" s="114">
        <v>0</v>
      </c>
      <c r="DK41" s="112">
        <v>0</v>
      </c>
      <c r="DL41" s="111">
        <v>0</v>
      </c>
      <c r="DM41" s="114">
        <v>144419</v>
      </c>
      <c r="DN41" s="114">
        <v>0</v>
      </c>
      <c r="DO41" s="114">
        <v>217860</v>
      </c>
      <c r="DP41" s="114">
        <v>41119</v>
      </c>
      <c r="DQ41" s="114">
        <v>0</v>
      </c>
      <c r="DR41" s="113">
        <v>403398</v>
      </c>
      <c r="DS41" s="116">
        <v>403398</v>
      </c>
      <c r="DT41" s="110">
        <v>0</v>
      </c>
      <c r="DU41" s="114">
        <v>0</v>
      </c>
      <c r="DV41" s="113">
        <v>0</v>
      </c>
      <c r="DW41" s="110">
        <v>0</v>
      </c>
      <c r="DX41" s="114">
        <v>144419</v>
      </c>
      <c r="DY41" s="114">
        <v>0</v>
      </c>
      <c r="DZ41" s="114">
        <v>217860</v>
      </c>
      <c r="EA41" s="114">
        <v>41119</v>
      </c>
      <c r="EB41" s="114">
        <v>0</v>
      </c>
      <c r="EC41" s="113">
        <v>403398</v>
      </c>
      <c r="ED41" s="116">
        <v>403398</v>
      </c>
      <c r="EE41" s="110">
        <v>0</v>
      </c>
      <c r="EF41" s="112">
        <v>0</v>
      </c>
      <c r="EG41" s="113">
        <v>0</v>
      </c>
      <c r="EH41" s="110">
        <v>0</v>
      </c>
      <c r="EI41" s="114">
        <v>0</v>
      </c>
      <c r="EJ41" s="114">
        <v>0</v>
      </c>
      <c r="EK41" s="114">
        <v>0</v>
      </c>
      <c r="EL41" s="114">
        <v>0</v>
      </c>
      <c r="EM41" s="114">
        <v>0</v>
      </c>
      <c r="EN41" s="112">
        <v>0</v>
      </c>
      <c r="EO41" s="116">
        <v>0</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8"/>
      <c r="FE41" s="114">
        <v>0</v>
      </c>
      <c r="FF41" s="114">
        <v>0</v>
      </c>
      <c r="FG41" s="114">
        <v>0</v>
      </c>
      <c r="FH41" s="114">
        <v>0</v>
      </c>
      <c r="FI41" s="114">
        <v>0</v>
      </c>
      <c r="FJ41" s="113">
        <v>0</v>
      </c>
      <c r="FK41" s="116">
        <v>0</v>
      </c>
      <c r="FL41" s="110">
        <v>29600</v>
      </c>
      <c r="FM41" s="114">
        <v>28448</v>
      </c>
      <c r="FN41" s="113">
        <v>58048</v>
      </c>
      <c r="FO41" s="110">
        <v>0</v>
      </c>
      <c r="FP41" s="114">
        <v>29072</v>
      </c>
      <c r="FQ41" s="114">
        <v>137344</v>
      </c>
      <c r="FR41" s="114">
        <v>19952</v>
      </c>
      <c r="FS41" s="114">
        <v>46960</v>
      </c>
      <c r="FT41" s="114">
        <v>35536</v>
      </c>
      <c r="FU41" s="113">
        <v>268864</v>
      </c>
      <c r="FV41" s="116">
        <v>326912</v>
      </c>
      <c r="FW41" s="115">
        <v>0</v>
      </c>
      <c r="FX41" s="114">
        <v>28448</v>
      </c>
      <c r="FY41" s="112">
        <v>28448</v>
      </c>
      <c r="FZ41" s="111">
        <v>0</v>
      </c>
      <c r="GA41" s="114">
        <v>29072</v>
      </c>
      <c r="GB41" s="114">
        <v>54944</v>
      </c>
      <c r="GC41" s="114">
        <v>19952</v>
      </c>
      <c r="GD41" s="114">
        <v>46960</v>
      </c>
      <c r="GE41" s="114">
        <v>35536</v>
      </c>
      <c r="GF41" s="113">
        <v>186464</v>
      </c>
      <c r="GG41" s="319">
        <v>214912</v>
      </c>
      <c r="GH41" s="115">
        <v>0</v>
      </c>
      <c r="GI41" s="114">
        <v>0</v>
      </c>
      <c r="GJ41" s="112">
        <v>0</v>
      </c>
      <c r="GK41" s="111">
        <v>0</v>
      </c>
      <c r="GL41" s="114">
        <v>0</v>
      </c>
      <c r="GM41" s="114">
        <v>0</v>
      </c>
      <c r="GN41" s="114">
        <v>0</v>
      </c>
      <c r="GO41" s="114">
        <v>0</v>
      </c>
      <c r="GP41" s="114">
        <v>0</v>
      </c>
      <c r="GQ41" s="113">
        <v>0</v>
      </c>
      <c r="GR41" s="116">
        <v>0</v>
      </c>
      <c r="GS41" s="110">
        <v>29600</v>
      </c>
      <c r="GT41" s="114">
        <v>0</v>
      </c>
      <c r="GU41" s="113">
        <v>29600</v>
      </c>
      <c r="GV41" s="110">
        <v>0</v>
      </c>
      <c r="GW41" s="114">
        <v>0</v>
      </c>
      <c r="GX41" s="114">
        <v>82400</v>
      </c>
      <c r="GY41" s="114">
        <v>0</v>
      </c>
      <c r="GZ41" s="114">
        <v>0</v>
      </c>
      <c r="HA41" s="114">
        <v>0</v>
      </c>
      <c r="HB41" s="112">
        <v>82400</v>
      </c>
      <c r="HC41" s="116">
        <v>112000</v>
      </c>
      <c r="HD41" s="110">
        <v>0</v>
      </c>
      <c r="HE41" s="114">
        <v>0</v>
      </c>
      <c r="HF41" s="112">
        <v>0</v>
      </c>
      <c r="HG41" s="111">
        <v>0</v>
      </c>
      <c r="HH41" s="114">
        <v>0</v>
      </c>
      <c r="HI41" s="114">
        <v>0</v>
      </c>
      <c r="HJ41" s="114">
        <v>147856</v>
      </c>
      <c r="HK41" s="114">
        <v>0</v>
      </c>
      <c r="HL41" s="114">
        <v>237799</v>
      </c>
      <c r="HM41" s="113">
        <v>385655</v>
      </c>
      <c r="HN41" s="109">
        <v>385655</v>
      </c>
      <c r="HO41" s="329"/>
      <c r="HP41" s="330"/>
      <c r="HQ41" s="331"/>
      <c r="HR41" s="332"/>
      <c r="HS41" s="330"/>
      <c r="HT41" s="330"/>
      <c r="HU41" s="330"/>
      <c r="HV41" s="330"/>
      <c r="HW41" s="330"/>
      <c r="HX41" s="333"/>
      <c r="HY41" s="334"/>
      <c r="HZ41" s="131">
        <v>0</v>
      </c>
      <c r="IA41" s="132">
        <v>0</v>
      </c>
      <c r="IB41" s="133">
        <v>0</v>
      </c>
      <c r="IC41" s="146">
        <v>0</v>
      </c>
      <c r="ID41" s="132">
        <v>64145</v>
      </c>
      <c r="IE41" s="147">
        <v>291261</v>
      </c>
      <c r="IF41" s="133">
        <v>40249</v>
      </c>
      <c r="IG41" s="132">
        <v>0</v>
      </c>
      <c r="IH41" s="133">
        <v>235340</v>
      </c>
      <c r="II41" s="148">
        <v>630995</v>
      </c>
      <c r="IJ41" s="139">
        <v>630995</v>
      </c>
      <c r="IK41" s="232">
        <v>0</v>
      </c>
      <c r="IL41" s="236">
        <v>0</v>
      </c>
      <c r="IM41" s="237">
        <v>0</v>
      </c>
      <c r="IN41" s="140"/>
      <c r="IO41" s="119">
        <v>0</v>
      </c>
      <c r="IP41" s="119">
        <v>0</v>
      </c>
      <c r="IQ41" s="119">
        <v>0</v>
      </c>
      <c r="IR41" s="119">
        <v>0</v>
      </c>
      <c r="IS41" s="119">
        <v>0</v>
      </c>
      <c r="IT41" s="141">
        <v>0</v>
      </c>
      <c r="IU41" s="321">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64145</v>
      </c>
      <c r="JL41" s="119">
        <v>48513</v>
      </c>
      <c r="JM41" s="119">
        <v>0</v>
      </c>
      <c r="JN41" s="119">
        <v>0</v>
      </c>
      <c r="JO41" s="119">
        <v>235340</v>
      </c>
      <c r="JP41" s="120">
        <v>347998</v>
      </c>
      <c r="JQ41" s="321">
        <v>347998</v>
      </c>
      <c r="JR41" s="142">
        <v>0</v>
      </c>
      <c r="JS41" s="119">
        <v>0</v>
      </c>
      <c r="JT41" s="141">
        <v>0</v>
      </c>
      <c r="JU41" s="118">
        <v>0</v>
      </c>
      <c r="JV41" s="119">
        <v>0</v>
      </c>
      <c r="JW41" s="119">
        <v>0</v>
      </c>
      <c r="JX41" s="119">
        <v>0</v>
      </c>
      <c r="JY41" s="119">
        <v>0</v>
      </c>
      <c r="JZ41" s="119">
        <v>0</v>
      </c>
      <c r="KA41" s="120">
        <v>0</v>
      </c>
      <c r="KB41" s="321">
        <v>0</v>
      </c>
      <c r="KC41" s="234">
        <v>0</v>
      </c>
      <c r="KD41" s="230">
        <v>0</v>
      </c>
      <c r="KE41" s="120">
        <v>0</v>
      </c>
      <c r="KF41" s="118">
        <v>0</v>
      </c>
      <c r="KG41" s="119">
        <v>0</v>
      </c>
      <c r="KH41" s="119">
        <v>0</v>
      </c>
      <c r="KI41" s="119">
        <v>0</v>
      </c>
      <c r="KJ41" s="119">
        <v>0</v>
      </c>
      <c r="KK41" s="119">
        <v>0</v>
      </c>
      <c r="KL41" s="120">
        <v>0</v>
      </c>
      <c r="KM41" s="143">
        <v>0</v>
      </c>
      <c r="KN41" s="232">
        <v>0</v>
      </c>
      <c r="KO41" s="236">
        <v>0</v>
      </c>
      <c r="KP41" s="237">
        <v>0</v>
      </c>
      <c r="KQ41" s="140"/>
      <c r="KR41" s="119">
        <v>0</v>
      </c>
      <c r="KS41" s="119">
        <v>242748</v>
      </c>
      <c r="KT41" s="119">
        <v>40249</v>
      </c>
      <c r="KU41" s="119">
        <v>0</v>
      </c>
      <c r="KV41" s="119">
        <v>0</v>
      </c>
      <c r="KW41" s="120">
        <v>282997</v>
      </c>
      <c r="KX41" s="321">
        <v>282997</v>
      </c>
      <c r="KY41" s="142">
        <v>0</v>
      </c>
      <c r="KZ41" s="119">
        <v>0</v>
      </c>
      <c r="LA41" s="120">
        <v>0</v>
      </c>
      <c r="LB41" s="145">
        <v>0</v>
      </c>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1">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0</v>
      </c>
      <c r="MK41" s="119">
        <v>0</v>
      </c>
      <c r="ML41" s="119">
        <v>769501</v>
      </c>
      <c r="MM41" s="119">
        <v>1109680</v>
      </c>
      <c r="MN41" s="119">
        <v>1108538</v>
      </c>
      <c r="MO41" s="120">
        <v>2987719</v>
      </c>
      <c r="MP41" s="143">
        <v>2987719</v>
      </c>
      <c r="MQ41" s="142">
        <v>0</v>
      </c>
      <c r="MR41" s="119">
        <v>0</v>
      </c>
      <c r="MS41" s="120">
        <v>0</v>
      </c>
      <c r="MT41" s="145"/>
      <c r="MU41" s="119">
        <v>0</v>
      </c>
      <c r="MV41" s="119">
        <v>0</v>
      </c>
      <c r="MW41" s="119">
        <v>0</v>
      </c>
      <c r="MX41" s="119">
        <v>992400</v>
      </c>
      <c r="MY41" s="119">
        <v>1108538</v>
      </c>
      <c r="MZ41" s="120">
        <v>2100938</v>
      </c>
      <c r="NA41" s="143">
        <v>2100938</v>
      </c>
      <c r="NB41" s="142">
        <v>0</v>
      </c>
      <c r="NC41" s="119">
        <v>0</v>
      </c>
      <c r="ND41" s="120">
        <v>0</v>
      </c>
      <c r="NE41" s="145"/>
      <c r="NF41" s="119">
        <v>0</v>
      </c>
      <c r="NG41" s="119">
        <v>0</v>
      </c>
      <c r="NH41" s="119">
        <v>769501</v>
      </c>
      <c r="NI41" s="119">
        <v>117280</v>
      </c>
      <c r="NJ41" s="119">
        <v>0</v>
      </c>
      <c r="NK41" s="120">
        <v>886781</v>
      </c>
      <c r="NL41" s="321">
        <v>886781</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31984</v>
      </c>
      <c r="OJ41" s="119">
        <v>63026</v>
      </c>
      <c r="OK41" s="141">
        <v>95010</v>
      </c>
      <c r="OL41" s="118">
        <v>0</v>
      </c>
      <c r="OM41" s="119">
        <v>514241</v>
      </c>
      <c r="ON41" s="119">
        <v>790794</v>
      </c>
      <c r="OO41" s="119">
        <v>1324871</v>
      </c>
      <c r="OP41" s="119">
        <v>1482124</v>
      </c>
      <c r="OQ41" s="119">
        <v>1641181</v>
      </c>
      <c r="OR41" s="120">
        <v>5753211</v>
      </c>
      <c r="OS41" s="143">
        <v>5848221</v>
      </c>
    </row>
    <row r="42" spans="2:409" ht="20.25" customHeight="1" thickBot="1" x14ac:dyDescent="0.25">
      <c r="B42" s="127" t="s">
        <v>37</v>
      </c>
      <c r="C42" s="117">
        <v>0</v>
      </c>
      <c r="D42" s="178">
        <v>0</v>
      </c>
      <c r="E42" s="179">
        <v>0</v>
      </c>
      <c r="F42" s="180">
        <v>0</v>
      </c>
      <c r="G42" s="178">
        <v>55717</v>
      </c>
      <c r="H42" s="178">
        <v>123485</v>
      </c>
      <c r="I42" s="178">
        <v>0</v>
      </c>
      <c r="J42" s="178">
        <v>0</v>
      </c>
      <c r="K42" s="178">
        <v>271033</v>
      </c>
      <c r="L42" s="180">
        <v>450235</v>
      </c>
      <c r="M42" s="181">
        <v>450235</v>
      </c>
      <c r="N42" s="117">
        <v>0</v>
      </c>
      <c r="O42" s="178">
        <v>0</v>
      </c>
      <c r="P42" s="179">
        <v>0</v>
      </c>
      <c r="Q42" s="117">
        <v>0</v>
      </c>
      <c r="R42" s="178">
        <v>34793</v>
      </c>
      <c r="S42" s="178">
        <v>26052</v>
      </c>
      <c r="T42" s="178">
        <v>0</v>
      </c>
      <c r="U42" s="178">
        <v>0</v>
      </c>
      <c r="V42" s="178">
        <v>19728</v>
      </c>
      <c r="W42" s="179">
        <v>80573</v>
      </c>
      <c r="X42" s="181">
        <v>80573</v>
      </c>
      <c r="Y42" s="117">
        <v>0</v>
      </c>
      <c r="Z42" s="178">
        <v>0</v>
      </c>
      <c r="AA42" s="179">
        <v>0</v>
      </c>
      <c r="AB42" s="117">
        <v>0</v>
      </c>
      <c r="AC42" s="178">
        <v>0</v>
      </c>
      <c r="AD42" s="178">
        <v>0</v>
      </c>
      <c r="AE42" s="178">
        <v>0</v>
      </c>
      <c r="AF42" s="178">
        <v>0</v>
      </c>
      <c r="AG42" s="178">
        <v>2480</v>
      </c>
      <c r="AH42" s="179">
        <v>2480</v>
      </c>
      <c r="AI42" s="181">
        <v>2480</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0</v>
      </c>
      <c r="AZ42" s="178">
        <v>0</v>
      </c>
      <c r="BA42" s="178">
        <v>0</v>
      </c>
      <c r="BB42" s="178">
        <v>0</v>
      </c>
      <c r="BC42" s="178">
        <v>0</v>
      </c>
      <c r="BD42" s="179">
        <v>0</v>
      </c>
      <c r="BE42" s="181">
        <v>0</v>
      </c>
      <c r="BF42" s="117">
        <v>0</v>
      </c>
      <c r="BG42" s="178">
        <v>0</v>
      </c>
      <c r="BH42" s="183">
        <v>0</v>
      </c>
      <c r="BI42" s="182">
        <v>0</v>
      </c>
      <c r="BJ42" s="178">
        <v>34793</v>
      </c>
      <c r="BK42" s="178">
        <v>26052</v>
      </c>
      <c r="BL42" s="178">
        <v>0</v>
      </c>
      <c r="BM42" s="178">
        <v>0</v>
      </c>
      <c r="BN42" s="178">
        <v>0</v>
      </c>
      <c r="BO42" s="179">
        <v>60845</v>
      </c>
      <c r="BP42" s="181">
        <v>60845</v>
      </c>
      <c r="BQ42" s="117">
        <v>0</v>
      </c>
      <c r="BR42" s="178">
        <v>0</v>
      </c>
      <c r="BS42" s="179">
        <v>0</v>
      </c>
      <c r="BT42" s="117">
        <v>0</v>
      </c>
      <c r="BU42" s="178">
        <v>0</v>
      </c>
      <c r="BV42" s="178">
        <v>0</v>
      </c>
      <c r="BW42" s="178">
        <v>0</v>
      </c>
      <c r="BX42" s="178">
        <v>0</v>
      </c>
      <c r="BY42" s="178">
        <v>17248</v>
      </c>
      <c r="BZ42" s="179">
        <v>17248</v>
      </c>
      <c r="CA42" s="181">
        <v>17248</v>
      </c>
      <c r="CB42" s="117">
        <v>0</v>
      </c>
      <c r="CC42" s="178">
        <v>0</v>
      </c>
      <c r="CD42" s="179">
        <v>0</v>
      </c>
      <c r="CE42" s="117">
        <v>0</v>
      </c>
      <c r="CF42" s="178">
        <v>16956</v>
      </c>
      <c r="CG42" s="178">
        <v>78425</v>
      </c>
      <c r="CH42" s="178">
        <v>0</v>
      </c>
      <c r="CI42" s="178">
        <v>0</v>
      </c>
      <c r="CJ42" s="178">
        <v>0</v>
      </c>
      <c r="CK42" s="179">
        <v>95381</v>
      </c>
      <c r="CL42" s="181">
        <v>95381</v>
      </c>
      <c r="CM42" s="117">
        <v>0</v>
      </c>
      <c r="CN42" s="178">
        <v>0</v>
      </c>
      <c r="CO42" s="179">
        <v>0</v>
      </c>
      <c r="CP42" s="182">
        <v>0</v>
      </c>
      <c r="CQ42" s="178">
        <v>16956</v>
      </c>
      <c r="CR42" s="178">
        <v>78425</v>
      </c>
      <c r="CS42" s="178">
        <v>0</v>
      </c>
      <c r="CT42" s="178">
        <v>0</v>
      </c>
      <c r="CU42" s="178">
        <v>0</v>
      </c>
      <c r="CV42" s="179">
        <v>95381</v>
      </c>
      <c r="CW42" s="181">
        <v>95381</v>
      </c>
      <c r="CX42" s="117">
        <v>0</v>
      </c>
      <c r="CY42" s="178">
        <v>0</v>
      </c>
      <c r="CZ42" s="179">
        <v>0</v>
      </c>
      <c r="DA42" s="117">
        <v>0</v>
      </c>
      <c r="DB42" s="178">
        <v>0</v>
      </c>
      <c r="DC42" s="178">
        <v>0</v>
      </c>
      <c r="DD42" s="178">
        <v>0</v>
      </c>
      <c r="DE42" s="178">
        <v>0</v>
      </c>
      <c r="DF42" s="178">
        <v>0</v>
      </c>
      <c r="DG42" s="179">
        <v>0</v>
      </c>
      <c r="DH42" s="181">
        <v>0</v>
      </c>
      <c r="DI42" s="117">
        <v>0</v>
      </c>
      <c r="DJ42" s="178">
        <v>0</v>
      </c>
      <c r="DK42" s="183">
        <v>0</v>
      </c>
      <c r="DL42" s="182">
        <v>0</v>
      </c>
      <c r="DM42" s="178">
        <v>0</v>
      </c>
      <c r="DN42" s="178">
        <v>0</v>
      </c>
      <c r="DO42" s="178">
        <v>0</v>
      </c>
      <c r="DP42" s="178">
        <v>0</v>
      </c>
      <c r="DQ42" s="178">
        <v>0</v>
      </c>
      <c r="DR42" s="179">
        <v>0</v>
      </c>
      <c r="DS42" s="181">
        <v>0</v>
      </c>
      <c r="DT42" s="117">
        <v>0</v>
      </c>
      <c r="DU42" s="178">
        <v>0</v>
      </c>
      <c r="DV42" s="179">
        <v>0</v>
      </c>
      <c r="DW42" s="117">
        <v>0</v>
      </c>
      <c r="DX42" s="178">
        <v>0</v>
      </c>
      <c r="DY42" s="178">
        <v>0</v>
      </c>
      <c r="DZ42" s="178">
        <v>0</v>
      </c>
      <c r="EA42" s="178">
        <v>0</v>
      </c>
      <c r="EB42" s="178">
        <v>0</v>
      </c>
      <c r="EC42" s="179">
        <v>0</v>
      </c>
      <c r="ED42" s="181">
        <v>0</v>
      </c>
      <c r="EE42" s="117">
        <v>0</v>
      </c>
      <c r="EF42" s="183">
        <v>0</v>
      </c>
      <c r="EG42" s="179">
        <v>0</v>
      </c>
      <c r="EH42" s="117">
        <v>0</v>
      </c>
      <c r="EI42" s="178">
        <v>0</v>
      </c>
      <c r="EJ42" s="178">
        <v>0</v>
      </c>
      <c r="EK42" s="178">
        <v>0</v>
      </c>
      <c r="EL42" s="178">
        <v>0</v>
      </c>
      <c r="EM42" s="178">
        <v>0</v>
      </c>
      <c r="EN42" s="183">
        <v>0</v>
      </c>
      <c r="EO42" s="181">
        <v>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9"/>
      <c r="FE42" s="178">
        <v>0</v>
      </c>
      <c r="FF42" s="178">
        <v>0</v>
      </c>
      <c r="FG42" s="178">
        <v>0</v>
      </c>
      <c r="FH42" s="178">
        <v>0</v>
      </c>
      <c r="FI42" s="178">
        <v>0</v>
      </c>
      <c r="FJ42" s="179">
        <v>0</v>
      </c>
      <c r="FK42" s="181">
        <v>0</v>
      </c>
      <c r="FL42" s="117">
        <v>0</v>
      </c>
      <c r="FM42" s="178">
        <v>0</v>
      </c>
      <c r="FN42" s="179">
        <v>0</v>
      </c>
      <c r="FO42" s="117">
        <v>0</v>
      </c>
      <c r="FP42" s="178">
        <v>3968</v>
      </c>
      <c r="FQ42" s="178">
        <v>19008</v>
      </c>
      <c r="FR42" s="178">
        <v>0</v>
      </c>
      <c r="FS42" s="178">
        <v>0</v>
      </c>
      <c r="FT42" s="178">
        <v>12520</v>
      </c>
      <c r="FU42" s="179">
        <v>35496</v>
      </c>
      <c r="FV42" s="181">
        <v>35496</v>
      </c>
      <c r="FW42" s="184">
        <v>0</v>
      </c>
      <c r="FX42" s="178">
        <v>0</v>
      </c>
      <c r="FY42" s="183">
        <v>0</v>
      </c>
      <c r="FZ42" s="182">
        <v>0</v>
      </c>
      <c r="GA42" s="178">
        <v>3968</v>
      </c>
      <c r="GB42" s="178">
        <v>19008</v>
      </c>
      <c r="GC42" s="178">
        <v>0</v>
      </c>
      <c r="GD42" s="178">
        <v>0</v>
      </c>
      <c r="GE42" s="178">
        <v>12520</v>
      </c>
      <c r="GF42" s="179">
        <v>35496</v>
      </c>
      <c r="GG42" s="320">
        <v>35496</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0</v>
      </c>
      <c r="HL42" s="178">
        <v>238785</v>
      </c>
      <c r="HM42" s="179">
        <v>238785</v>
      </c>
      <c r="HN42" s="180">
        <v>238785</v>
      </c>
      <c r="HO42" s="335"/>
      <c r="HP42" s="336"/>
      <c r="HQ42" s="337"/>
      <c r="HR42" s="338"/>
      <c r="HS42" s="336"/>
      <c r="HT42" s="336"/>
      <c r="HU42" s="336"/>
      <c r="HV42" s="336"/>
      <c r="HW42" s="336"/>
      <c r="HX42" s="339"/>
      <c r="HY42" s="340"/>
      <c r="HZ42" s="151">
        <v>0</v>
      </c>
      <c r="IA42" s="152">
        <v>0</v>
      </c>
      <c r="IB42" s="153">
        <v>0</v>
      </c>
      <c r="IC42" s="154">
        <v>0</v>
      </c>
      <c r="ID42" s="155">
        <v>0</v>
      </c>
      <c r="IE42" s="156">
        <v>0</v>
      </c>
      <c r="IF42" s="157">
        <v>0</v>
      </c>
      <c r="IG42" s="155">
        <v>0</v>
      </c>
      <c r="IH42" s="157">
        <v>0</v>
      </c>
      <c r="II42" s="158">
        <v>0</v>
      </c>
      <c r="IJ42" s="159">
        <v>0</v>
      </c>
      <c r="IK42" s="233">
        <v>0</v>
      </c>
      <c r="IL42" s="238">
        <v>0</v>
      </c>
      <c r="IM42" s="239">
        <v>0</v>
      </c>
      <c r="IN42" s="160"/>
      <c r="IO42" s="161">
        <v>0</v>
      </c>
      <c r="IP42" s="161">
        <v>0</v>
      </c>
      <c r="IQ42" s="161">
        <v>0</v>
      </c>
      <c r="IR42" s="161">
        <v>0</v>
      </c>
      <c r="IS42" s="161">
        <v>0</v>
      </c>
      <c r="IT42" s="162">
        <v>0</v>
      </c>
      <c r="IU42" s="322">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0</v>
      </c>
      <c r="JN42" s="161">
        <v>0</v>
      </c>
      <c r="JO42" s="161">
        <v>0</v>
      </c>
      <c r="JP42" s="165">
        <v>0</v>
      </c>
      <c r="JQ42" s="322">
        <v>0</v>
      </c>
      <c r="JR42" s="163">
        <v>0</v>
      </c>
      <c r="JS42" s="161">
        <v>0</v>
      </c>
      <c r="JT42" s="162">
        <v>0</v>
      </c>
      <c r="JU42" s="164">
        <v>0</v>
      </c>
      <c r="JV42" s="161">
        <v>0</v>
      </c>
      <c r="JW42" s="161">
        <v>0</v>
      </c>
      <c r="JX42" s="161">
        <v>0</v>
      </c>
      <c r="JY42" s="161">
        <v>0</v>
      </c>
      <c r="JZ42" s="161">
        <v>0</v>
      </c>
      <c r="KA42" s="165">
        <v>0</v>
      </c>
      <c r="KB42" s="322">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0</v>
      </c>
      <c r="KS42" s="161">
        <v>0</v>
      </c>
      <c r="KT42" s="161">
        <v>0</v>
      </c>
      <c r="KU42" s="161">
        <v>0</v>
      </c>
      <c r="KV42" s="161">
        <v>0</v>
      </c>
      <c r="KW42" s="165">
        <v>0</v>
      </c>
      <c r="KX42" s="322">
        <v>0</v>
      </c>
      <c r="KY42" s="163">
        <v>0</v>
      </c>
      <c r="KZ42" s="161">
        <v>0</v>
      </c>
      <c r="LA42" s="165">
        <v>0</v>
      </c>
      <c r="LB42" s="169">
        <v>0</v>
      </c>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2">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0</v>
      </c>
      <c r="MK42" s="161">
        <v>0</v>
      </c>
      <c r="ML42" s="161">
        <v>230227</v>
      </c>
      <c r="MM42" s="161">
        <v>257327</v>
      </c>
      <c r="MN42" s="161">
        <v>0</v>
      </c>
      <c r="MO42" s="165">
        <v>487554</v>
      </c>
      <c r="MP42" s="167">
        <v>487554</v>
      </c>
      <c r="MQ42" s="163">
        <v>0</v>
      </c>
      <c r="MR42" s="161">
        <v>0</v>
      </c>
      <c r="MS42" s="165">
        <v>0</v>
      </c>
      <c r="MT42" s="169"/>
      <c r="MU42" s="161">
        <v>0</v>
      </c>
      <c r="MV42" s="161">
        <v>0</v>
      </c>
      <c r="MW42" s="161">
        <v>230227</v>
      </c>
      <c r="MX42" s="161">
        <v>257327</v>
      </c>
      <c r="MY42" s="161">
        <v>0</v>
      </c>
      <c r="MZ42" s="165">
        <v>487554</v>
      </c>
      <c r="NA42" s="167">
        <v>487554</v>
      </c>
      <c r="NB42" s="163">
        <v>0</v>
      </c>
      <c r="NC42" s="161">
        <v>0</v>
      </c>
      <c r="ND42" s="165">
        <v>0</v>
      </c>
      <c r="NE42" s="169"/>
      <c r="NF42" s="161">
        <v>0</v>
      </c>
      <c r="NG42" s="161">
        <v>0</v>
      </c>
      <c r="NH42" s="161">
        <v>0</v>
      </c>
      <c r="NI42" s="161">
        <v>0</v>
      </c>
      <c r="NJ42" s="161">
        <v>0</v>
      </c>
      <c r="NK42" s="165">
        <v>0</v>
      </c>
      <c r="NL42" s="322">
        <v>0</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0</v>
      </c>
      <c r="OG42" s="165">
        <v>0</v>
      </c>
      <c r="OH42" s="166">
        <v>0</v>
      </c>
      <c r="OI42" s="163">
        <v>0</v>
      </c>
      <c r="OJ42" s="161">
        <v>0</v>
      </c>
      <c r="OK42" s="162">
        <v>0</v>
      </c>
      <c r="OL42" s="164">
        <v>0</v>
      </c>
      <c r="OM42" s="161">
        <v>55717</v>
      </c>
      <c r="ON42" s="161">
        <v>123485</v>
      </c>
      <c r="OO42" s="161">
        <v>230227</v>
      </c>
      <c r="OP42" s="161">
        <v>257327</v>
      </c>
      <c r="OQ42" s="161">
        <v>271033</v>
      </c>
      <c r="OR42" s="165">
        <v>937789</v>
      </c>
      <c r="OS42" s="167">
        <v>937789</v>
      </c>
    </row>
    <row r="43" spans="2:409" x14ac:dyDescent="0.2">
      <c r="B43" s="44"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N7:P7"/>
    <mergeCell ref="Q7:W7"/>
    <mergeCell ref="BI7:BO7"/>
    <mergeCell ref="X7:X8"/>
    <mergeCell ref="Y7:AA7"/>
    <mergeCell ref="AB7:AH7"/>
    <mergeCell ref="AI7:AI8"/>
    <mergeCell ref="AJ7:AL7"/>
    <mergeCell ref="AM7:AS7"/>
    <mergeCell ref="AT7:AT8"/>
    <mergeCell ref="AU7:AW7"/>
    <mergeCell ref="AX7:BD7"/>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GH6:GR6"/>
    <mergeCell ref="GR7:GR8"/>
    <mergeCell ref="GS7:GU7"/>
    <mergeCell ref="ES7:EY7"/>
    <mergeCell ref="FA7:FC7"/>
    <mergeCell ref="FD7:FJ7"/>
    <mergeCell ref="FK7:FK8"/>
    <mergeCell ref="GS6:HC6"/>
    <mergeCell ref="FA6:FK6"/>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44" customWidth="1"/>
    <col min="3" max="3" width="8.21875" style="44" customWidth="1"/>
    <col min="4" max="5" width="10" style="44" customWidth="1"/>
    <col min="6" max="6" width="7.2187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8.21875"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5" customWidth="1"/>
    <col min="83" max="83" width="7.6640625" style="325" customWidth="1"/>
    <col min="84" max="84" width="9.88671875" style="325" customWidth="1"/>
    <col min="85" max="85" width="10" style="325" customWidth="1"/>
    <col min="86" max="86" width="9.77734375" style="325" customWidth="1"/>
    <col min="87" max="87" width="9.21875" style="325" customWidth="1"/>
    <col min="88" max="88" width="8.77734375" style="325" customWidth="1"/>
    <col min="89" max="89" width="9.88671875" style="325" customWidth="1"/>
    <col min="90" max="90" width="9.77734375" style="325"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5" customWidth="1"/>
    <col min="116" max="116" width="7.21875" style="325" customWidth="1"/>
    <col min="117" max="121" width="8.21875" style="325" customWidth="1"/>
    <col min="122" max="122" width="10.109375" style="325" customWidth="1"/>
    <col min="123" max="123" width="9.77734375" style="325"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5" customWidth="1"/>
    <col min="171" max="171" width="6.6640625" style="325" customWidth="1"/>
    <col min="172" max="176" width="8.21875" style="325" customWidth="1"/>
    <col min="177" max="177" width="10.109375" style="325" customWidth="1"/>
    <col min="178" max="178" width="9.88671875" style="325"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1:409" ht="24" customHeight="1" x14ac:dyDescent="0.2">
      <c r="B1" s="20" t="s">
        <v>136</v>
      </c>
      <c r="E1" s="368">
        <f>第１表!F2</f>
        <v>4</v>
      </c>
      <c r="F1" s="251">
        <f>第１表!G2</f>
        <v>9</v>
      </c>
      <c r="G1" s="646">
        <f>IF(F1&lt;3,F1-2+12,F1-2)</f>
        <v>7</v>
      </c>
      <c r="H1" s="646"/>
      <c r="IB1" s="368"/>
      <c r="IC1" s="253"/>
      <c r="ID1" s="611"/>
      <c r="IE1" s="611"/>
    </row>
    <row r="2" spans="1:409" ht="24" customHeight="1" x14ac:dyDescent="0.2">
      <c r="B2" s="20" t="s">
        <v>147</v>
      </c>
      <c r="E2" s="250"/>
      <c r="F2" s="251"/>
      <c r="G2" s="355"/>
      <c r="H2" s="355"/>
      <c r="IB2" s="252"/>
      <c r="IC2" s="253"/>
      <c r="ID2" s="371"/>
      <c r="IE2" s="371"/>
    </row>
    <row r="3" spans="1:409" ht="24" customHeight="1" thickBot="1" x14ac:dyDescent="0.25">
      <c r="B3" s="20" t="s">
        <v>156</v>
      </c>
    </row>
    <row r="4" spans="1:409" ht="18" customHeight="1" thickBot="1" x14ac:dyDescent="0.25">
      <c r="B4" s="706" t="s">
        <v>42</v>
      </c>
      <c r="C4" s="709" t="s">
        <v>63</v>
      </c>
      <c r="D4" s="709"/>
      <c r="E4" s="709"/>
      <c r="F4" s="709"/>
      <c r="G4" s="709"/>
      <c r="H4" s="709"/>
      <c r="I4" s="709"/>
      <c r="J4" s="709"/>
      <c r="K4" s="709"/>
      <c r="L4" s="709"/>
      <c r="M4" s="709"/>
      <c r="N4" s="712"/>
      <c r="O4" s="712"/>
      <c r="P4" s="712"/>
      <c r="Q4" s="712"/>
      <c r="R4" s="712"/>
      <c r="S4" s="712"/>
      <c r="T4" s="712"/>
      <c r="U4" s="712"/>
      <c r="V4" s="712"/>
      <c r="W4" s="712"/>
      <c r="X4" s="712"/>
      <c r="Y4" s="712"/>
      <c r="Z4" s="712"/>
      <c r="AA4" s="712"/>
      <c r="AB4" s="712"/>
      <c r="AC4" s="712"/>
      <c r="AD4" s="712"/>
      <c r="AE4" s="712"/>
      <c r="AF4" s="712"/>
      <c r="AG4" s="712"/>
      <c r="AH4" s="712"/>
      <c r="AI4" s="712"/>
      <c r="AJ4" s="712"/>
      <c r="AK4" s="712"/>
      <c r="AL4" s="712"/>
      <c r="AM4" s="712"/>
      <c r="AN4" s="712"/>
      <c r="AO4" s="712"/>
      <c r="AP4" s="712"/>
      <c r="AQ4" s="712"/>
      <c r="AR4" s="712"/>
      <c r="AS4" s="712"/>
      <c r="AT4" s="712"/>
      <c r="AU4" s="712"/>
      <c r="AV4" s="712"/>
      <c r="AW4" s="712"/>
      <c r="AX4" s="712"/>
      <c r="AY4" s="712"/>
      <c r="AZ4" s="712"/>
      <c r="BA4" s="712"/>
      <c r="BB4" s="712"/>
      <c r="BC4" s="712"/>
      <c r="BD4" s="712"/>
      <c r="BE4" s="712"/>
      <c r="BF4" s="712"/>
      <c r="BG4" s="712"/>
      <c r="BH4" s="712"/>
      <c r="BI4" s="712"/>
      <c r="BJ4" s="712"/>
      <c r="BK4" s="712"/>
      <c r="BL4" s="712"/>
      <c r="BM4" s="712"/>
      <c r="BN4" s="712"/>
      <c r="BO4" s="712"/>
      <c r="BP4" s="712"/>
      <c r="BQ4" s="712"/>
      <c r="BR4" s="712"/>
      <c r="BS4" s="712"/>
      <c r="BT4" s="712"/>
      <c r="BU4" s="712"/>
      <c r="BV4" s="712"/>
      <c r="BW4" s="712"/>
      <c r="BX4" s="712"/>
      <c r="BY4" s="712"/>
      <c r="BZ4" s="712"/>
      <c r="CA4" s="712"/>
      <c r="CB4" s="712"/>
      <c r="CC4" s="712"/>
      <c r="CD4" s="712"/>
      <c r="CE4" s="712"/>
      <c r="CF4" s="712"/>
      <c r="CG4" s="712"/>
      <c r="CH4" s="712"/>
      <c r="CI4" s="712"/>
      <c r="CJ4" s="712"/>
      <c r="CK4" s="712"/>
      <c r="CL4" s="712"/>
      <c r="CM4" s="712"/>
      <c r="CN4" s="712"/>
      <c r="CO4" s="712"/>
      <c r="CP4" s="712"/>
      <c r="CQ4" s="712"/>
      <c r="CR4" s="712"/>
      <c r="CS4" s="712"/>
      <c r="CT4" s="712"/>
      <c r="CU4" s="712"/>
      <c r="CV4" s="712"/>
      <c r="CW4" s="712"/>
      <c r="CX4" s="712"/>
      <c r="CY4" s="712"/>
      <c r="CZ4" s="712"/>
      <c r="DA4" s="712"/>
      <c r="DB4" s="712"/>
      <c r="DC4" s="712"/>
      <c r="DD4" s="712"/>
      <c r="DE4" s="712"/>
      <c r="DF4" s="712"/>
      <c r="DG4" s="712"/>
      <c r="DH4" s="712"/>
      <c r="DI4" s="712"/>
      <c r="DJ4" s="712"/>
      <c r="DK4" s="712"/>
      <c r="DL4" s="712"/>
      <c r="DM4" s="712"/>
      <c r="DN4" s="712"/>
      <c r="DO4" s="712"/>
      <c r="DP4" s="712"/>
      <c r="DQ4" s="712"/>
      <c r="DR4" s="712"/>
      <c r="DS4" s="712"/>
      <c r="DT4" s="712"/>
      <c r="DU4" s="712"/>
      <c r="DV4" s="712"/>
      <c r="DW4" s="712"/>
      <c r="DX4" s="712"/>
      <c r="DY4" s="712"/>
      <c r="DZ4" s="712"/>
      <c r="EA4" s="712"/>
      <c r="EB4" s="712"/>
      <c r="EC4" s="712"/>
      <c r="ED4" s="712"/>
      <c r="EE4" s="712"/>
      <c r="EF4" s="712"/>
      <c r="EG4" s="712"/>
      <c r="EH4" s="712"/>
      <c r="EI4" s="712"/>
      <c r="EJ4" s="712"/>
      <c r="EK4" s="712"/>
      <c r="EL4" s="712"/>
      <c r="EM4" s="712"/>
      <c r="EN4" s="712"/>
      <c r="EO4" s="712"/>
      <c r="EP4" s="712"/>
      <c r="EQ4" s="712"/>
      <c r="ER4" s="712"/>
      <c r="ES4" s="712"/>
      <c r="ET4" s="712"/>
      <c r="EU4" s="712"/>
      <c r="EV4" s="712"/>
      <c r="EW4" s="712"/>
      <c r="EX4" s="712"/>
      <c r="EY4" s="712"/>
      <c r="EZ4" s="712"/>
      <c r="FA4" s="712"/>
      <c r="FB4" s="712"/>
      <c r="FC4" s="712"/>
      <c r="FD4" s="712"/>
      <c r="FE4" s="712"/>
      <c r="FF4" s="712"/>
      <c r="FG4" s="712"/>
      <c r="FH4" s="712"/>
      <c r="FI4" s="712"/>
      <c r="FJ4" s="712"/>
      <c r="FK4" s="712"/>
      <c r="FL4" s="712"/>
      <c r="FM4" s="712"/>
      <c r="FN4" s="712"/>
      <c r="FO4" s="712"/>
      <c r="FP4" s="712"/>
      <c r="FQ4" s="712"/>
      <c r="FR4" s="712"/>
      <c r="FS4" s="712"/>
      <c r="FT4" s="712"/>
      <c r="FU4" s="712"/>
      <c r="FV4" s="712"/>
      <c r="FW4" s="712"/>
      <c r="FX4" s="712"/>
      <c r="FY4" s="712"/>
      <c r="FZ4" s="712"/>
      <c r="GA4" s="712"/>
      <c r="GB4" s="712"/>
      <c r="GC4" s="712"/>
      <c r="GD4" s="712"/>
      <c r="GE4" s="712"/>
      <c r="GF4" s="712"/>
      <c r="GG4" s="712"/>
      <c r="GH4" s="712"/>
      <c r="GI4" s="712"/>
      <c r="GJ4" s="712"/>
      <c r="GK4" s="712"/>
      <c r="GL4" s="712"/>
      <c r="GM4" s="712"/>
      <c r="GN4" s="712"/>
      <c r="GO4" s="712"/>
      <c r="GP4" s="712"/>
      <c r="GQ4" s="712"/>
      <c r="GR4" s="712"/>
      <c r="GS4" s="712"/>
      <c r="GT4" s="712"/>
      <c r="GU4" s="712"/>
      <c r="GV4" s="712"/>
      <c r="GW4" s="712"/>
      <c r="GX4" s="712"/>
      <c r="GY4" s="712"/>
      <c r="GZ4" s="712"/>
      <c r="HA4" s="712"/>
      <c r="HB4" s="712"/>
      <c r="HC4" s="712"/>
      <c r="HD4" s="712"/>
      <c r="HE4" s="712"/>
      <c r="HF4" s="712"/>
      <c r="HG4" s="712"/>
      <c r="HH4" s="712"/>
      <c r="HI4" s="712"/>
      <c r="HJ4" s="712"/>
      <c r="HK4" s="712"/>
      <c r="HL4" s="712"/>
      <c r="HM4" s="712"/>
      <c r="HN4" s="712"/>
      <c r="HO4" s="712"/>
      <c r="HP4" s="712"/>
      <c r="HQ4" s="712"/>
      <c r="HR4" s="712"/>
      <c r="HS4" s="712"/>
      <c r="HT4" s="712"/>
      <c r="HU4" s="712"/>
      <c r="HV4" s="712"/>
      <c r="HW4" s="712"/>
      <c r="HX4" s="712"/>
      <c r="HY4" s="713"/>
      <c r="HZ4" s="608" t="s">
        <v>85</v>
      </c>
      <c r="IA4" s="609"/>
      <c r="IB4" s="609"/>
      <c r="IC4" s="609"/>
      <c r="ID4" s="609"/>
      <c r="IE4" s="609"/>
      <c r="IF4" s="609"/>
      <c r="IG4" s="609"/>
      <c r="IH4" s="609"/>
      <c r="II4" s="609"/>
      <c r="IJ4" s="609"/>
      <c r="IK4" s="609"/>
      <c r="IL4" s="609"/>
      <c r="IM4" s="609"/>
      <c r="IN4" s="609"/>
      <c r="IO4" s="609"/>
      <c r="IP4" s="609"/>
      <c r="IQ4" s="609"/>
      <c r="IR4" s="609"/>
      <c r="IS4" s="609"/>
      <c r="IT4" s="609"/>
      <c r="IU4" s="609"/>
      <c r="IV4" s="609"/>
      <c r="IW4" s="609"/>
      <c r="IX4" s="609"/>
      <c r="IY4" s="609"/>
      <c r="IZ4" s="609"/>
      <c r="JA4" s="609"/>
      <c r="JB4" s="609"/>
      <c r="JC4" s="609"/>
      <c r="JD4" s="609"/>
      <c r="JE4" s="609"/>
      <c r="JF4" s="609"/>
      <c r="JG4" s="609"/>
      <c r="JH4" s="609"/>
      <c r="JI4" s="609"/>
      <c r="JJ4" s="609"/>
      <c r="JK4" s="609"/>
      <c r="JL4" s="609"/>
      <c r="JM4" s="609"/>
      <c r="JN4" s="609"/>
      <c r="JO4" s="609"/>
      <c r="JP4" s="609"/>
      <c r="JQ4" s="609"/>
      <c r="JR4" s="609"/>
      <c r="JS4" s="609"/>
      <c r="JT4" s="609"/>
      <c r="JU4" s="609"/>
      <c r="JV4" s="609"/>
      <c r="JW4" s="609"/>
      <c r="JX4" s="609"/>
      <c r="JY4" s="609"/>
      <c r="JZ4" s="609"/>
      <c r="KA4" s="609"/>
      <c r="KB4" s="609"/>
      <c r="KC4" s="609"/>
      <c r="KD4" s="609"/>
      <c r="KE4" s="609"/>
      <c r="KF4" s="609"/>
      <c r="KG4" s="609"/>
      <c r="KH4" s="609"/>
      <c r="KI4" s="609"/>
      <c r="KJ4" s="609"/>
      <c r="KK4" s="609"/>
      <c r="KL4" s="609"/>
      <c r="KM4" s="609"/>
      <c r="KN4" s="609"/>
      <c r="KO4" s="609"/>
      <c r="KP4" s="609"/>
      <c r="KQ4" s="609"/>
      <c r="KR4" s="609"/>
      <c r="KS4" s="609"/>
      <c r="KT4" s="609"/>
      <c r="KU4" s="609"/>
      <c r="KV4" s="609"/>
      <c r="KW4" s="609"/>
      <c r="KX4" s="609"/>
      <c r="KY4" s="609"/>
      <c r="KZ4" s="609"/>
      <c r="LA4" s="609"/>
      <c r="LB4" s="609"/>
      <c r="LC4" s="609"/>
      <c r="LD4" s="609"/>
      <c r="LE4" s="609"/>
      <c r="LF4" s="609"/>
      <c r="LG4" s="609"/>
      <c r="LH4" s="609"/>
      <c r="LI4" s="609"/>
      <c r="LJ4" s="609"/>
      <c r="LK4" s="609"/>
      <c r="LL4" s="609"/>
      <c r="LM4" s="609"/>
      <c r="LN4" s="609"/>
      <c r="LO4" s="609"/>
      <c r="LP4" s="609"/>
      <c r="LQ4" s="609"/>
      <c r="LR4" s="609"/>
      <c r="LS4" s="609"/>
      <c r="LT4" s="609"/>
      <c r="LU4" s="609"/>
      <c r="LV4" s="609"/>
      <c r="LW4" s="609"/>
      <c r="LX4" s="609"/>
      <c r="LY4" s="609"/>
      <c r="LZ4" s="609"/>
      <c r="MA4" s="609"/>
      <c r="MB4" s="609"/>
      <c r="MC4" s="609"/>
      <c r="MD4" s="609"/>
      <c r="ME4" s="610"/>
      <c r="MF4" s="608" t="s">
        <v>86</v>
      </c>
      <c r="MG4" s="609"/>
      <c r="MH4" s="609"/>
      <c r="MI4" s="609"/>
      <c r="MJ4" s="609"/>
      <c r="MK4" s="609"/>
      <c r="ML4" s="609"/>
      <c r="MM4" s="609"/>
      <c r="MN4" s="609"/>
      <c r="MO4" s="609"/>
      <c r="MP4" s="609"/>
      <c r="MQ4" s="609"/>
      <c r="MR4" s="609"/>
      <c r="MS4" s="609"/>
      <c r="MT4" s="609"/>
      <c r="MU4" s="609"/>
      <c r="MV4" s="609"/>
      <c r="MW4" s="609"/>
      <c r="MX4" s="609"/>
      <c r="MY4" s="609"/>
      <c r="MZ4" s="609"/>
      <c r="NA4" s="609"/>
      <c r="NB4" s="609"/>
      <c r="NC4" s="609"/>
      <c r="ND4" s="609"/>
      <c r="NE4" s="609"/>
      <c r="NF4" s="609"/>
      <c r="NG4" s="609"/>
      <c r="NH4" s="609"/>
      <c r="NI4" s="609"/>
      <c r="NJ4" s="609"/>
      <c r="NK4" s="609"/>
      <c r="NL4" s="609"/>
      <c r="NM4" s="609"/>
      <c r="NN4" s="609"/>
      <c r="NO4" s="609"/>
      <c r="NP4" s="609"/>
      <c r="NQ4" s="609"/>
      <c r="NR4" s="609"/>
      <c r="NS4" s="609"/>
      <c r="NT4" s="609"/>
      <c r="NU4" s="609"/>
      <c r="NV4" s="609"/>
      <c r="NW4" s="609"/>
      <c r="NX4" s="609"/>
      <c r="NY4" s="609"/>
      <c r="NZ4" s="609"/>
      <c r="OA4" s="609"/>
      <c r="OB4" s="609"/>
      <c r="OC4" s="609"/>
      <c r="OD4" s="609"/>
      <c r="OE4" s="609"/>
      <c r="OF4" s="609"/>
      <c r="OG4" s="609"/>
      <c r="OH4" s="610"/>
      <c r="OI4" s="599" t="s">
        <v>60</v>
      </c>
      <c r="OJ4" s="503"/>
      <c r="OK4" s="503"/>
      <c r="OL4" s="503"/>
      <c r="OM4" s="503"/>
      <c r="ON4" s="503"/>
      <c r="OO4" s="503"/>
      <c r="OP4" s="503"/>
      <c r="OQ4" s="503"/>
      <c r="OR4" s="503"/>
      <c r="OS4" s="504"/>
    </row>
    <row r="5" spans="1:409" ht="18" customHeight="1" thickBot="1" x14ac:dyDescent="0.25">
      <c r="B5" s="707"/>
      <c r="C5" s="710"/>
      <c r="D5" s="710"/>
      <c r="E5" s="710"/>
      <c r="F5" s="710"/>
      <c r="G5" s="710"/>
      <c r="H5" s="710"/>
      <c r="I5" s="710"/>
      <c r="J5" s="710"/>
      <c r="K5" s="710"/>
      <c r="L5" s="710"/>
      <c r="M5" s="710"/>
      <c r="N5" s="714" t="s">
        <v>64</v>
      </c>
      <c r="O5" s="715"/>
      <c r="P5" s="715"/>
      <c r="Q5" s="715"/>
      <c r="R5" s="715"/>
      <c r="S5" s="715"/>
      <c r="T5" s="715"/>
      <c r="U5" s="715"/>
      <c r="V5" s="715"/>
      <c r="W5" s="715"/>
      <c r="X5" s="715"/>
      <c r="Y5" s="715"/>
      <c r="Z5" s="715"/>
      <c r="AA5" s="715"/>
      <c r="AB5" s="715"/>
      <c r="AC5" s="715"/>
      <c r="AD5" s="715"/>
      <c r="AE5" s="715"/>
      <c r="AF5" s="715"/>
      <c r="AG5" s="715"/>
      <c r="AH5" s="715"/>
      <c r="AI5" s="715"/>
      <c r="AJ5" s="715"/>
      <c r="AK5" s="715"/>
      <c r="AL5" s="715"/>
      <c r="AM5" s="715"/>
      <c r="AN5" s="715"/>
      <c r="AO5" s="715"/>
      <c r="AP5" s="715"/>
      <c r="AQ5" s="715"/>
      <c r="AR5" s="715"/>
      <c r="AS5" s="715"/>
      <c r="AT5" s="715"/>
      <c r="AU5" s="715"/>
      <c r="AV5" s="715"/>
      <c r="AW5" s="715"/>
      <c r="AX5" s="715"/>
      <c r="AY5" s="715"/>
      <c r="AZ5" s="715"/>
      <c r="BA5" s="715"/>
      <c r="BB5" s="715"/>
      <c r="BC5" s="715"/>
      <c r="BD5" s="715"/>
      <c r="BE5" s="715"/>
      <c r="BF5" s="715"/>
      <c r="BG5" s="715"/>
      <c r="BH5" s="715"/>
      <c r="BI5" s="715"/>
      <c r="BJ5" s="715"/>
      <c r="BK5" s="715"/>
      <c r="BL5" s="715"/>
      <c r="BM5" s="715"/>
      <c r="BN5" s="715"/>
      <c r="BO5" s="715"/>
      <c r="BP5" s="715"/>
      <c r="BQ5" s="715"/>
      <c r="BR5" s="715"/>
      <c r="BS5" s="715"/>
      <c r="BT5" s="715"/>
      <c r="BU5" s="715"/>
      <c r="BV5" s="715"/>
      <c r="BW5" s="715"/>
      <c r="BX5" s="715"/>
      <c r="BY5" s="715"/>
      <c r="BZ5" s="715"/>
      <c r="CA5" s="716"/>
      <c r="CB5" s="714" t="s">
        <v>65</v>
      </c>
      <c r="CC5" s="715"/>
      <c r="CD5" s="715"/>
      <c r="CE5" s="715"/>
      <c r="CF5" s="715"/>
      <c r="CG5" s="715"/>
      <c r="CH5" s="715"/>
      <c r="CI5" s="715"/>
      <c r="CJ5" s="715"/>
      <c r="CK5" s="715"/>
      <c r="CL5" s="715"/>
      <c r="CM5" s="715"/>
      <c r="CN5" s="715"/>
      <c r="CO5" s="715"/>
      <c r="CP5" s="715"/>
      <c r="CQ5" s="715"/>
      <c r="CR5" s="715"/>
      <c r="CS5" s="715"/>
      <c r="CT5" s="715"/>
      <c r="CU5" s="715"/>
      <c r="CV5" s="715"/>
      <c r="CW5" s="715"/>
      <c r="CX5" s="715"/>
      <c r="CY5" s="715"/>
      <c r="CZ5" s="715"/>
      <c r="DA5" s="715"/>
      <c r="DB5" s="715"/>
      <c r="DC5" s="715"/>
      <c r="DD5" s="715"/>
      <c r="DE5" s="715"/>
      <c r="DF5" s="715"/>
      <c r="DG5" s="715"/>
      <c r="DH5" s="716"/>
      <c r="DI5" s="520" t="s">
        <v>66</v>
      </c>
      <c r="DJ5" s="521"/>
      <c r="DK5" s="521"/>
      <c r="DL5" s="521"/>
      <c r="DM5" s="521"/>
      <c r="DN5" s="521"/>
      <c r="DO5" s="521"/>
      <c r="DP5" s="521"/>
      <c r="DQ5" s="521"/>
      <c r="DR5" s="521"/>
      <c r="DS5" s="521"/>
      <c r="DT5" s="521"/>
      <c r="DU5" s="521"/>
      <c r="DV5" s="521"/>
      <c r="DW5" s="521"/>
      <c r="DX5" s="521"/>
      <c r="DY5" s="521"/>
      <c r="DZ5" s="521"/>
      <c r="EA5" s="521"/>
      <c r="EB5" s="521"/>
      <c r="EC5" s="521"/>
      <c r="ED5" s="521"/>
      <c r="EE5" s="521"/>
      <c r="EF5" s="521"/>
      <c r="EG5" s="521"/>
      <c r="EH5" s="521"/>
      <c r="EI5" s="521"/>
      <c r="EJ5" s="521"/>
      <c r="EK5" s="521"/>
      <c r="EL5" s="521"/>
      <c r="EM5" s="521"/>
      <c r="EN5" s="521"/>
      <c r="EO5" s="521"/>
      <c r="EP5" s="521"/>
      <c r="EQ5" s="521"/>
      <c r="ER5" s="521"/>
      <c r="ES5" s="521"/>
      <c r="ET5" s="521"/>
      <c r="EU5" s="521"/>
      <c r="EV5" s="521"/>
      <c r="EW5" s="521"/>
      <c r="EX5" s="521"/>
      <c r="EY5" s="521"/>
      <c r="EZ5" s="521"/>
      <c r="FA5" s="521"/>
      <c r="FB5" s="521"/>
      <c r="FC5" s="521"/>
      <c r="FD5" s="521"/>
      <c r="FE5" s="521"/>
      <c r="FF5" s="521"/>
      <c r="FG5" s="521"/>
      <c r="FH5" s="521"/>
      <c r="FI5" s="521"/>
      <c r="FJ5" s="521"/>
      <c r="FK5" s="522"/>
      <c r="FL5" s="714" t="s">
        <v>67</v>
      </c>
      <c r="FM5" s="715"/>
      <c r="FN5" s="715"/>
      <c r="FO5" s="715"/>
      <c r="FP5" s="715"/>
      <c r="FQ5" s="715"/>
      <c r="FR5" s="715"/>
      <c r="FS5" s="715"/>
      <c r="FT5" s="715"/>
      <c r="FU5" s="715"/>
      <c r="FV5" s="715"/>
      <c r="FW5" s="715"/>
      <c r="FX5" s="715"/>
      <c r="FY5" s="715"/>
      <c r="FZ5" s="715"/>
      <c r="GA5" s="715"/>
      <c r="GB5" s="715"/>
      <c r="GC5" s="715"/>
      <c r="GD5" s="715"/>
      <c r="GE5" s="715"/>
      <c r="GF5" s="715"/>
      <c r="GG5" s="715"/>
      <c r="GH5" s="715"/>
      <c r="GI5" s="715"/>
      <c r="GJ5" s="715"/>
      <c r="GK5" s="715"/>
      <c r="GL5" s="715"/>
      <c r="GM5" s="715"/>
      <c r="GN5" s="715"/>
      <c r="GO5" s="715"/>
      <c r="GP5" s="715"/>
      <c r="GQ5" s="715"/>
      <c r="GR5" s="715"/>
      <c r="GS5" s="715"/>
      <c r="GT5" s="715"/>
      <c r="GU5" s="715"/>
      <c r="GV5" s="715"/>
      <c r="GW5" s="715"/>
      <c r="GX5" s="715"/>
      <c r="GY5" s="715"/>
      <c r="GZ5" s="715"/>
      <c r="HA5" s="715"/>
      <c r="HB5" s="715"/>
      <c r="HC5" s="716"/>
      <c r="HD5" s="717" t="s">
        <v>68</v>
      </c>
      <c r="HE5" s="718"/>
      <c r="HF5" s="718"/>
      <c r="HG5" s="718"/>
      <c r="HH5" s="718"/>
      <c r="HI5" s="718"/>
      <c r="HJ5" s="718"/>
      <c r="HK5" s="718"/>
      <c r="HL5" s="718"/>
      <c r="HM5" s="718"/>
      <c r="HN5" s="719"/>
      <c r="HO5" s="717" t="s">
        <v>69</v>
      </c>
      <c r="HP5" s="718"/>
      <c r="HQ5" s="718"/>
      <c r="HR5" s="718"/>
      <c r="HS5" s="718"/>
      <c r="HT5" s="718"/>
      <c r="HU5" s="718"/>
      <c r="HV5" s="718"/>
      <c r="HW5" s="718"/>
      <c r="HX5" s="718"/>
      <c r="HY5" s="719"/>
      <c r="HZ5" s="659"/>
      <c r="IA5" s="660"/>
      <c r="IB5" s="660"/>
      <c r="IC5" s="660"/>
      <c r="ID5" s="660"/>
      <c r="IE5" s="660"/>
      <c r="IF5" s="660"/>
      <c r="IG5" s="660"/>
      <c r="IH5" s="660"/>
      <c r="II5" s="660"/>
      <c r="IJ5" s="661"/>
      <c r="IK5" s="599" t="s">
        <v>94</v>
      </c>
      <c r="IL5" s="503"/>
      <c r="IM5" s="503"/>
      <c r="IN5" s="503"/>
      <c r="IO5" s="503"/>
      <c r="IP5" s="503"/>
      <c r="IQ5" s="503"/>
      <c r="IR5" s="503"/>
      <c r="IS5" s="503"/>
      <c r="IT5" s="503"/>
      <c r="IU5" s="504"/>
      <c r="IV5" s="599" t="s">
        <v>88</v>
      </c>
      <c r="IW5" s="503"/>
      <c r="IX5" s="503"/>
      <c r="IY5" s="503"/>
      <c r="IZ5" s="503"/>
      <c r="JA5" s="503"/>
      <c r="JB5" s="503"/>
      <c r="JC5" s="503"/>
      <c r="JD5" s="503"/>
      <c r="JE5" s="503"/>
      <c r="JF5" s="504"/>
      <c r="JG5" s="662" t="s">
        <v>144</v>
      </c>
      <c r="JH5" s="663"/>
      <c r="JI5" s="663"/>
      <c r="JJ5" s="663"/>
      <c r="JK5" s="663"/>
      <c r="JL5" s="663"/>
      <c r="JM5" s="663"/>
      <c r="JN5" s="663"/>
      <c r="JO5" s="663"/>
      <c r="JP5" s="663"/>
      <c r="JQ5" s="664"/>
      <c r="JR5" s="599" t="s">
        <v>90</v>
      </c>
      <c r="JS5" s="503"/>
      <c r="JT5" s="503"/>
      <c r="JU5" s="503"/>
      <c r="JV5" s="503"/>
      <c r="JW5" s="503"/>
      <c r="JX5" s="503"/>
      <c r="JY5" s="503"/>
      <c r="JZ5" s="503"/>
      <c r="KA5" s="503"/>
      <c r="KB5" s="504"/>
      <c r="KC5" s="599" t="s">
        <v>89</v>
      </c>
      <c r="KD5" s="503"/>
      <c r="KE5" s="503"/>
      <c r="KF5" s="503"/>
      <c r="KG5" s="503"/>
      <c r="KH5" s="503"/>
      <c r="KI5" s="503"/>
      <c r="KJ5" s="503"/>
      <c r="KK5" s="503"/>
      <c r="KL5" s="503"/>
      <c r="KM5" s="504"/>
      <c r="KN5" s="599" t="s">
        <v>91</v>
      </c>
      <c r="KO5" s="503"/>
      <c r="KP5" s="503"/>
      <c r="KQ5" s="503"/>
      <c r="KR5" s="503"/>
      <c r="KS5" s="503"/>
      <c r="KT5" s="503"/>
      <c r="KU5" s="503"/>
      <c r="KV5" s="503"/>
      <c r="KW5" s="503"/>
      <c r="KX5" s="504"/>
      <c r="KY5" s="599" t="s">
        <v>92</v>
      </c>
      <c r="KZ5" s="503"/>
      <c r="LA5" s="503"/>
      <c r="LB5" s="503"/>
      <c r="LC5" s="503"/>
      <c r="LD5" s="503"/>
      <c r="LE5" s="503"/>
      <c r="LF5" s="503"/>
      <c r="LG5" s="503"/>
      <c r="LH5" s="503"/>
      <c r="LI5" s="504"/>
      <c r="LJ5" s="668" t="s">
        <v>93</v>
      </c>
      <c r="LK5" s="669"/>
      <c r="LL5" s="669"/>
      <c r="LM5" s="669"/>
      <c r="LN5" s="669"/>
      <c r="LO5" s="669"/>
      <c r="LP5" s="669"/>
      <c r="LQ5" s="669"/>
      <c r="LR5" s="669"/>
      <c r="LS5" s="669"/>
      <c r="LT5" s="670"/>
      <c r="LU5" s="671" t="s">
        <v>145</v>
      </c>
      <c r="LV5" s="672"/>
      <c r="LW5" s="672"/>
      <c r="LX5" s="672"/>
      <c r="LY5" s="672"/>
      <c r="LZ5" s="672"/>
      <c r="MA5" s="672"/>
      <c r="MB5" s="672"/>
      <c r="MC5" s="672"/>
      <c r="MD5" s="672"/>
      <c r="ME5" s="673"/>
      <c r="MF5" s="659"/>
      <c r="MG5" s="660"/>
      <c r="MH5" s="660"/>
      <c r="MI5" s="660"/>
      <c r="MJ5" s="660"/>
      <c r="MK5" s="660"/>
      <c r="ML5" s="660"/>
      <c r="MM5" s="660"/>
      <c r="MN5" s="660"/>
      <c r="MO5" s="660"/>
      <c r="MP5" s="661"/>
      <c r="MQ5" s="599" t="s">
        <v>57</v>
      </c>
      <c r="MR5" s="503"/>
      <c r="MS5" s="503"/>
      <c r="MT5" s="503"/>
      <c r="MU5" s="503"/>
      <c r="MV5" s="503"/>
      <c r="MW5" s="503"/>
      <c r="MX5" s="503"/>
      <c r="MY5" s="503"/>
      <c r="MZ5" s="503"/>
      <c r="NA5" s="504"/>
      <c r="NB5" s="599" t="s">
        <v>58</v>
      </c>
      <c r="NC5" s="503"/>
      <c r="ND5" s="503"/>
      <c r="NE5" s="503"/>
      <c r="NF5" s="503"/>
      <c r="NG5" s="503"/>
      <c r="NH5" s="503"/>
      <c r="NI5" s="503"/>
      <c r="NJ5" s="503"/>
      <c r="NK5" s="503"/>
      <c r="NL5" s="504"/>
      <c r="NM5" s="599" t="s">
        <v>59</v>
      </c>
      <c r="NN5" s="503"/>
      <c r="NO5" s="503"/>
      <c r="NP5" s="503"/>
      <c r="NQ5" s="503"/>
      <c r="NR5" s="503"/>
      <c r="NS5" s="503"/>
      <c r="NT5" s="503"/>
      <c r="NU5" s="503"/>
      <c r="NV5" s="503"/>
      <c r="NW5" s="504"/>
      <c r="NX5" s="649" t="s">
        <v>151</v>
      </c>
      <c r="NY5" s="650"/>
      <c r="NZ5" s="650"/>
      <c r="OA5" s="650"/>
      <c r="OB5" s="650"/>
      <c r="OC5" s="650"/>
      <c r="OD5" s="650"/>
      <c r="OE5" s="650"/>
      <c r="OF5" s="650"/>
      <c r="OG5" s="650"/>
      <c r="OH5" s="651"/>
      <c r="OI5" s="656"/>
      <c r="OJ5" s="657"/>
      <c r="OK5" s="657"/>
      <c r="OL5" s="657"/>
      <c r="OM5" s="657"/>
      <c r="ON5" s="657"/>
      <c r="OO5" s="657"/>
      <c r="OP5" s="657"/>
      <c r="OQ5" s="657"/>
      <c r="OR5" s="657"/>
      <c r="OS5" s="658"/>
    </row>
    <row r="6" spans="1:409" ht="18" customHeight="1" thickBot="1" x14ac:dyDescent="0.25">
      <c r="B6" s="707"/>
      <c r="C6" s="711"/>
      <c r="D6" s="711"/>
      <c r="E6" s="711"/>
      <c r="F6" s="711"/>
      <c r="G6" s="711"/>
      <c r="H6" s="711"/>
      <c r="I6" s="711"/>
      <c r="J6" s="711"/>
      <c r="K6" s="711"/>
      <c r="L6" s="711"/>
      <c r="M6" s="711"/>
      <c r="N6" s="512"/>
      <c r="O6" s="513"/>
      <c r="P6" s="513"/>
      <c r="Q6" s="513"/>
      <c r="R6" s="513"/>
      <c r="S6" s="513"/>
      <c r="T6" s="513"/>
      <c r="U6" s="513"/>
      <c r="V6" s="513"/>
      <c r="W6" s="513"/>
      <c r="X6" s="514"/>
      <c r="Y6" s="699" t="s">
        <v>70</v>
      </c>
      <c r="Z6" s="516"/>
      <c r="AA6" s="516"/>
      <c r="AB6" s="516"/>
      <c r="AC6" s="516"/>
      <c r="AD6" s="516"/>
      <c r="AE6" s="516"/>
      <c r="AF6" s="516"/>
      <c r="AG6" s="516"/>
      <c r="AH6" s="516"/>
      <c r="AI6" s="517"/>
      <c r="AJ6" s="694" t="s">
        <v>71</v>
      </c>
      <c r="AK6" s="695"/>
      <c r="AL6" s="695"/>
      <c r="AM6" s="695"/>
      <c r="AN6" s="695"/>
      <c r="AO6" s="695"/>
      <c r="AP6" s="695"/>
      <c r="AQ6" s="695"/>
      <c r="AR6" s="695"/>
      <c r="AS6" s="695"/>
      <c r="AT6" s="696"/>
      <c r="AU6" s="694" t="s">
        <v>72</v>
      </c>
      <c r="AV6" s="695"/>
      <c r="AW6" s="695"/>
      <c r="AX6" s="695"/>
      <c r="AY6" s="695"/>
      <c r="AZ6" s="695"/>
      <c r="BA6" s="695"/>
      <c r="BB6" s="695"/>
      <c r="BC6" s="695"/>
      <c r="BD6" s="695"/>
      <c r="BE6" s="696"/>
      <c r="BF6" s="694" t="s">
        <v>73</v>
      </c>
      <c r="BG6" s="695"/>
      <c r="BH6" s="695"/>
      <c r="BI6" s="695"/>
      <c r="BJ6" s="695"/>
      <c r="BK6" s="695"/>
      <c r="BL6" s="695"/>
      <c r="BM6" s="695"/>
      <c r="BN6" s="695"/>
      <c r="BO6" s="695"/>
      <c r="BP6" s="696"/>
      <c r="BQ6" s="694" t="s">
        <v>74</v>
      </c>
      <c r="BR6" s="695"/>
      <c r="BS6" s="695"/>
      <c r="BT6" s="695"/>
      <c r="BU6" s="695"/>
      <c r="BV6" s="695"/>
      <c r="BW6" s="695"/>
      <c r="BX6" s="695"/>
      <c r="BY6" s="695"/>
      <c r="BZ6" s="695"/>
      <c r="CA6" s="696"/>
      <c r="CB6" s="697"/>
      <c r="CC6" s="698"/>
      <c r="CD6" s="698"/>
      <c r="CE6" s="698"/>
      <c r="CF6" s="698"/>
      <c r="CG6" s="698"/>
      <c r="CH6" s="698"/>
      <c r="CI6" s="698"/>
      <c r="CJ6" s="698"/>
      <c r="CK6" s="698"/>
      <c r="CL6" s="723"/>
      <c r="CM6" s="694" t="s">
        <v>75</v>
      </c>
      <c r="CN6" s="695"/>
      <c r="CO6" s="695"/>
      <c r="CP6" s="695"/>
      <c r="CQ6" s="695"/>
      <c r="CR6" s="695"/>
      <c r="CS6" s="695"/>
      <c r="CT6" s="695"/>
      <c r="CU6" s="695"/>
      <c r="CV6" s="695"/>
      <c r="CW6" s="696"/>
      <c r="CX6" s="694" t="s">
        <v>76</v>
      </c>
      <c r="CY6" s="695"/>
      <c r="CZ6" s="695"/>
      <c r="DA6" s="695"/>
      <c r="DB6" s="695"/>
      <c r="DC6" s="695"/>
      <c r="DD6" s="695"/>
      <c r="DE6" s="695"/>
      <c r="DF6" s="695"/>
      <c r="DG6" s="695"/>
      <c r="DH6" s="696"/>
      <c r="DI6" s="697"/>
      <c r="DJ6" s="698"/>
      <c r="DK6" s="698"/>
      <c r="DL6" s="698"/>
      <c r="DM6" s="698"/>
      <c r="DN6" s="698"/>
      <c r="DO6" s="698"/>
      <c r="DP6" s="698"/>
      <c r="DQ6" s="698"/>
      <c r="DR6" s="698"/>
      <c r="DS6" s="698"/>
      <c r="DT6" s="694" t="s">
        <v>77</v>
      </c>
      <c r="DU6" s="695"/>
      <c r="DV6" s="695"/>
      <c r="DW6" s="695"/>
      <c r="DX6" s="695"/>
      <c r="DY6" s="695"/>
      <c r="DZ6" s="695"/>
      <c r="EA6" s="695"/>
      <c r="EB6" s="695"/>
      <c r="EC6" s="695"/>
      <c r="ED6" s="696"/>
      <c r="EE6" s="694" t="s">
        <v>78</v>
      </c>
      <c r="EF6" s="695"/>
      <c r="EG6" s="695"/>
      <c r="EH6" s="695"/>
      <c r="EI6" s="695"/>
      <c r="EJ6" s="695"/>
      <c r="EK6" s="695"/>
      <c r="EL6" s="695"/>
      <c r="EM6" s="695"/>
      <c r="EN6" s="695"/>
      <c r="EO6" s="696"/>
      <c r="EP6" s="694" t="s">
        <v>79</v>
      </c>
      <c r="EQ6" s="695"/>
      <c r="ER6" s="695"/>
      <c r="ES6" s="695"/>
      <c r="ET6" s="695"/>
      <c r="EU6" s="695"/>
      <c r="EV6" s="695"/>
      <c r="EW6" s="695"/>
      <c r="EX6" s="695"/>
      <c r="EY6" s="695"/>
      <c r="EZ6" s="696"/>
      <c r="FA6" s="618" t="s">
        <v>152</v>
      </c>
      <c r="FB6" s="695"/>
      <c r="FC6" s="695"/>
      <c r="FD6" s="695"/>
      <c r="FE6" s="695"/>
      <c r="FF6" s="695"/>
      <c r="FG6" s="695"/>
      <c r="FH6" s="695"/>
      <c r="FI6" s="695"/>
      <c r="FJ6" s="695"/>
      <c r="FK6" s="696"/>
      <c r="FL6" s="697"/>
      <c r="FM6" s="698"/>
      <c r="FN6" s="698"/>
      <c r="FO6" s="698"/>
      <c r="FP6" s="698"/>
      <c r="FQ6" s="698"/>
      <c r="FR6" s="698"/>
      <c r="FS6" s="698"/>
      <c r="FT6" s="698"/>
      <c r="FU6" s="698"/>
      <c r="FV6" s="698"/>
      <c r="FW6" s="694" t="s">
        <v>80</v>
      </c>
      <c r="FX6" s="695"/>
      <c r="FY6" s="695"/>
      <c r="FZ6" s="695"/>
      <c r="GA6" s="695"/>
      <c r="GB6" s="695"/>
      <c r="GC6" s="695"/>
      <c r="GD6" s="695"/>
      <c r="GE6" s="695"/>
      <c r="GF6" s="695"/>
      <c r="GG6" s="696"/>
      <c r="GH6" s="699" t="s">
        <v>81</v>
      </c>
      <c r="GI6" s="516"/>
      <c r="GJ6" s="516"/>
      <c r="GK6" s="516"/>
      <c r="GL6" s="516"/>
      <c r="GM6" s="516"/>
      <c r="GN6" s="516"/>
      <c r="GO6" s="516"/>
      <c r="GP6" s="516"/>
      <c r="GQ6" s="516"/>
      <c r="GR6" s="517"/>
      <c r="GS6" s="699" t="s">
        <v>82</v>
      </c>
      <c r="GT6" s="516"/>
      <c r="GU6" s="516"/>
      <c r="GV6" s="516"/>
      <c r="GW6" s="516"/>
      <c r="GX6" s="516"/>
      <c r="GY6" s="516"/>
      <c r="GZ6" s="516"/>
      <c r="HA6" s="516"/>
      <c r="HB6" s="516"/>
      <c r="HC6" s="517"/>
      <c r="HD6" s="720"/>
      <c r="HE6" s="721"/>
      <c r="HF6" s="721"/>
      <c r="HG6" s="721"/>
      <c r="HH6" s="721"/>
      <c r="HI6" s="721"/>
      <c r="HJ6" s="721"/>
      <c r="HK6" s="721"/>
      <c r="HL6" s="721"/>
      <c r="HM6" s="721"/>
      <c r="HN6" s="722"/>
      <c r="HO6" s="720"/>
      <c r="HP6" s="721"/>
      <c r="HQ6" s="721"/>
      <c r="HR6" s="721"/>
      <c r="HS6" s="721"/>
      <c r="HT6" s="721"/>
      <c r="HU6" s="721"/>
      <c r="HV6" s="721"/>
      <c r="HW6" s="721"/>
      <c r="HX6" s="721"/>
      <c r="HY6" s="722"/>
      <c r="HZ6" s="612"/>
      <c r="IA6" s="613"/>
      <c r="IB6" s="613"/>
      <c r="IC6" s="613"/>
      <c r="ID6" s="613"/>
      <c r="IE6" s="613"/>
      <c r="IF6" s="613"/>
      <c r="IG6" s="613"/>
      <c r="IH6" s="613"/>
      <c r="II6" s="613"/>
      <c r="IJ6" s="614"/>
      <c r="IK6" s="600"/>
      <c r="IL6" s="593"/>
      <c r="IM6" s="593"/>
      <c r="IN6" s="593"/>
      <c r="IO6" s="593"/>
      <c r="IP6" s="593"/>
      <c r="IQ6" s="593"/>
      <c r="IR6" s="593"/>
      <c r="IS6" s="593"/>
      <c r="IT6" s="593"/>
      <c r="IU6" s="601"/>
      <c r="IV6" s="600"/>
      <c r="IW6" s="593"/>
      <c r="IX6" s="593"/>
      <c r="IY6" s="593"/>
      <c r="IZ6" s="593"/>
      <c r="JA6" s="593"/>
      <c r="JB6" s="593"/>
      <c r="JC6" s="593"/>
      <c r="JD6" s="593"/>
      <c r="JE6" s="593"/>
      <c r="JF6" s="601"/>
      <c r="JG6" s="665"/>
      <c r="JH6" s="666"/>
      <c r="JI6" s="666"/>
      <c r="JJ6" s="666"/>
      <c r="JK6" s="666"/>
      <c r="JL6" s="666"/>
      <c r="JM6" s="666"/>
      <c r="JN6" s="666"/>
      <c r="JO6" s="666"/>
      <c r="JP6" s="666"/>
      <c r="JQ6" s="667"/>
      <c r="JR6" s="600"/>
      <c r="JS6" s="593"/>
      <c r="JT6" s="593"/>
      <c r="JU6" s="593"/>
      <c r="JV6" s="593"/>
      <c r="JW6" s="593"/>
      <c r="JX6" s="593"/>
      <c r="JY6" s="593"/>
      <c r="JZ6" s="593"/>
      <c r="KA6" s="593"/>
      <c r="KB6" s="601"/>
      <c r="KC6" s="600"/>
      <c r="KD6" s="593"/>
      <c r="KE6" s="593"/>
      <c r="KF6" s="593"/>
      <c r="KG6" s="593"/>
      <c r="KH6" s="593"/>
      <c r="KI6" s="593"/>
      <c r="KJ6" s="593"/>
      <c r="KK6" s="593"/>
      <c r="KL6" s="593"/>
      <c r="KM6" s="601"/>
      <c r="KN6" s="600"/>
      <c r="KO6" s="593"/>
      <c r="KP6" s="593"/>
      <c r="KQ6" s="593"/>
      <c r="KR6" s="593"/>
      <c r="KS6" s="593"/>
      <c r="KT6" s="593"/>
      <c r="KU6" s="593"/>
      <c r="KV6" s="593"/>
      <c r="KW6" s="593"/>
      <c r="KX6" s="601"/>
      <c r="KY6" s="600"/>
      <c r="KZ6" s="593"/>
      <c r="LA6" s="593"/>
      <c r="LB6" s="593"/>
      <c r="LC6" s="593"/>
      <c r="LD6" s="593"/>
      <c r="LE6" s="593"/>
      <c r="LF6" s="593"/>
      <c r="LG6" s="593"/>
      <c r="LH6" s="593"/>
      <c r="LI6" s="601"/>
      <c r="LJ6" s="612"/>
      <c r="LK6" s="613"/>
      <c r="LL6" s="613"/>
      <c r="LM6" s="613"/>
      <c r="LN6" s="613"/>
      <c r="LO6" s="613"/>
      <c r="LP6" s="613"/>
      <c r="LQ6" s="613"/>
      <c r="LR6" s="613"/>
      <c r="LS6" s="613"/>
      <c r="LT6" s="614"/>
      <c r="LU6" s="674"/>
      <c r="LV6" s="675"/>
      <c r="LW6" s="675"/>
      <c r="LX6" s="675"/>
      <c r="LY6" s="675"/>
      <c r="LZ6" s="675"/>
      <c r="MA6" s="675"/>
      <c r="MB6" s="675"/>
      <c r="MC6" s="675"/>
      <c r="MD6" s="675"/>
      <c r="ME6" s="676"/>
      <c r="MF6" s="612"/>
      <c r="MG6" s="613"/>
      <c r="MH6" s="613"/>
      <c r="MI6" s="613"/>
      <c r="MJ6" s="613"/>
      <c r="MK6" s="613"/>
      <c r="ML6" s="613"/>
      <c r="MM6" s="613"/>
      <c r="MN6" s="613"/>
      <c r="MO6" s="613"/>
      <c r="MP6" s="614"/>
      <c r="MQ6" s="600"/>
      <c r="MR6" s="593"/>
      <c r="MS6" s="593"/>
      <c r="MT6" s="593"/>
      <c r="MU6" s="593"/>
      <c r="MV6" s="593"/>
      <c r="MW6" s="593"/>
      <c r="MX6" s="593"/>
      <c r="MY6" s="593"/>
      <c r="MZ6" s="593"/>
      <c r="NA6" s="601"/>
      <c r="NB6" s="600"/>
      <c r="NC6" s="593"/>
      <c r="ND6" s="593"/>
      <c r="NE6" s="593"/>
      <c r="NF6" s="593"/>
      <c r="NG6" s="593"/>
      <c r="NH6" s="593"/>
      <c r="NI6" s="593"/>
      <c r="NJ6" s="593"/>
      <c r="NK6" s="593"/>
      <c r="NL6" s="601"/>
      <c r="NM6" s="600"/>
      <c r="NN6" s="593"/>
      <c r="NO6" s="593"/>
      <c r="NP6" s="593"/>
      <c r="NQ6" s="593"/>
      <c r="NR6" s="593"/>
      <c r="NS6" s="593"/>
      <c r="NT6" s="593"/>
      <c r="NU6" s="593"/>
      <c r="NV6" s="593"/>
      <c r="NW6" s="601"/>
      <c r="NX6" s="652"/>
      <c r="NY6" s="653"/>
      <c r="NZ6" s="653"/>
      <c r="OA6" s="653"/>
      <c r="OB6" s="653"/>
      <c r="OC6" s="653"/>
      <c r="OD6" s="653"/>
      <c r="OE6" s="653"/>
      <c r="OF6" s="653"/>
      <c r="OG6" s="653"/>
      <c r="OH6" s="654"/>
      <c r="OI6" s="600"/>
      <c r="OJ6" s="593"/>
      <c r="OK6" s="593"/>
      <c r="OL6" s="593"/>
      <c r="OM6" s="593"/>
      <c r="ON6" s="593"/>
      <c r="OO6" s="593"/>
      <c r="OP6" s="593"/>
      <c r="OQ6" s="593"/>
      <c r="OR6" s="593"/>
      <c r="OS6" s="601"/>
    </row>
    <row r="7" spans="1:409" ht="23.25" customHeight="1" x14ac:dyDescent="0.2">
      <c r="B7" s="707"/>
      <c r="C7" s="692" t="s">
        <v>61</v>
      </c>
      <c r="D7" s="692"/>
      <c r="E7" s="692"/>
      <c r="F7" s="704" t="s">
        <v>62</v>
      </c>
      <c r="G7" s="692"/>
      <c r="H7" s="692"/>
      <c r="I7" s="692"/>
      <c r="J7" s="692"/>
      <c r="K7" s="692"/>
      <c r="L7" s="692"/>
      <c r="M7" s="704" t="s">
        <v>52</v>
      </c>
      <c r="N7" s="703" t="s">
        <v>61</v>
      </c>
      <c r="O7" s="692"/>
      <c r="P7" s="692"/>
      <c r="Q7" s="704" t="s">
        <v>62</v>
      </c>
      <c r="R7" s="692"/>
      <c r="S7" s="692"/>
      <c r="T7" s="692"/>
      <c r="U7" s="692"/>
      <c r="V7" s="692"/>
      <c r="W7" s="705"/>
      <c r="X7" s="700" t="s">
        <v>52</v>
      </c>
      <c r="Y7" s="512" t="s">
        <v>61</v>
      </c>
      <c r="Z7" s="513"/>
      <c r="AA7" s="686"/>
      <c r="AB7" s="685" t="s">
        <v>62</v>
      </c>
      <c r="AC7" s="513"/>
      <c r="AD7" s="513"/>
      <c r="AE7" s="513"/>
      <c r="AF7" s="513"/>
      <c r="AG7" s="513"/>
      <c r="AH7" s="686"/>
      <c r="AI7" s="514" t="s">
        <v>52</v>
      </c>
      <c r="AJ7" s="680" t="s">
        <v>61</v>
      </c>
      <c r="AK7" s="681"/>
      <c r="AL7" s="682"/>
      <c r="AM7" s="683" t="s">
        <v>62</v>
      </c>
      <c r="AN7" s="681"/>
      <c r="AO7" s="681"/>
      <c r="AP7" s="681"/>
      <c r="AQ7" s="681"/>
      <c r="AR7" s="681"/>
      <c r="AS7" s="684"/>
      <c r="AT7" s="514" t="s">
        <v>52</v>
      </c>
      <c r="AU7" s="680" t="s">
        <v>61</v>
      </c>
      <c r="AV7" s="681"/>
      <c r="AW7" s="682"/>
      <c r="AX7" s="683" t="s">
        <v>62</v>
      </c>
      <c r="AY7" s="681"/>
      <c r="AZ7" s="681"/>
      <c r="BA7" s="681"/>
      <c r="BB7" s="681"/>
      <c r="BC7" s="681"/>
      <c r="BD7" s="684"/>
      <c r="BE7" s="514" t="s">
        <v>52</v>
      </c>
      <c r="BF7" s="680" t="s">
        <v>61</v>
      </c>
      <c r="BG7" s="681"/>
      <c r="BH7" s="682"/>
      <c r="BI7" s="683" t="s">
        <v>62</v>
      </c>
      <c r="BJ7" s="681"/>
      <c r="BK7" s="681"/>
      <c r="BL7" s="681"/>
      <c r="BM7" s="681"/>
      <c r="BN7" s="681"/>
      <c r="BO7" s="684"/>
      <c r="BP7" s="514" t="s">
        <v>52</v>
      </c>
      <c r="BQ7" s="680" t="s">
        <v>61</v>
      </c>
      <c r="BR7" s="681"/>
      <c r="BS7" s="682"/>
      <c r="BT7" s="683" t="s">
        <v>62</v>
      </c>
      <c r="BU7" s="681"/>
      <c r="BV7" s="681"/>
      <c r="BW7" s="681"/>
      <c r="BX7" s="681"/>
      <c r="BY7" s="681"/>
      <c r="BZ7" s="684"/>
      <c r="CA7" s="514" t="s">
        <v>52</v>
      </c>
      <c r="CB7" s="687" t="s">
        <v>61</v>
      </c>
      <c r="CC7" s="688"/>
      <c r="CD7" s="689"/>
      <c r="CE7" s="690" t="s">
        <v>62</v>
      </c>
      <c r="CF7" s="688"/>
      <c r="CG7" s="688"/>
      <c r="CH7" s="688"/>
      <c r="CI7" s="688"/>
      <c r="CJ7" s="688"/>
      <c r="CK7" s="691"/>
      <c r="CL7" s="700" t="s">
        <v>52</v>
      </c>
      <c r="CM7" s="680" t="s">
        <v>61</v>
      </c>
      <c r="CN7" s="681"/>
      <c r="CO7" s="684"/>
      <c r="CP7" s="683" t="s">
        <v>62</v>
      </c>
      <c r="CQ7" s="681"/>
      <c r="CR7" s="681"/>
      <c r="CS7" s="681"/>
      <c r="CT7" s="681"/>
      <c r="CU7" s="681"/>
      <c r="CV7" s="684"/>
      <c r="CW7" s="702" t="s">
        <v>52</v>
      </c>
      <c r="CX7" s="680" t="s">
        <v>61</v>
      </c>
      <c r="CY7" s="681"/>
      <c r="CZ7" s="684"/>
      <c r="DA7" s="683" t="s">
        <v>62</v>
      </c>
      <c r="DB7" s="681"/>
      <c r="DC7" s="681"/>
      <c r="DD7" s="681"/>
      <c r="DE7" s="681"/>
      <c r="DF7" s="681"/>
      <c r="DG7" s="684"/>
      <c r="DH7" s="702" t="s">
        <v>52</v>
      </c>
      <c r="DI7" s="687" t="s">
        <v>61</v>
      </c>
      <c r="DJ7" s="688"/>
      <c r="DK7" s="691"/>
      <c r="DL7" s="690" t="s">
        <v>62</v>
      </c>
      <c r="DM7" s="688"/>
      <c r="DN7" s="688"/>
      <c r="DO7" s="688"/>
      <c r="DP7" s="688"/>
      <c r="DQ7" s="688"/>
      <c r="DR7" s="691"/>
      <c r="DS7" s="700" t="s">
        <v>52</v>
      </c>
      <c r="DT7" s="680" t="s">
        <v>61</v>
      </c>
      <c r="DU7" s="681"/>
      <c r="DV7" s="682"/>
      <c r="DW7" s="683" t="s">
        <v>62</v>
      </c>
      <c r="DX7" s="681"/>
      <c r="DY7" s="681"/>
      <c r="DZ7" s="681"/>
      <c r="EA7" s="681"/>
      <c r="EB7" s="681"/>
      <c r="EC7" s="684"/>
      <c r="ED7" s="514" t="s">
        <v>52</v>
      </c>
      <c r="EE7" s="680" t="s">
        <v>61</v>
      </c>
      <c r="EF7" s="681"/>
      <c r="EG7" s="682"/>
      <c r="EH7" s="683" t="s">
        <v>62</v>
      </c>
      <c r="EI7" s="681"/>
      <c r="EJ7" s="681"/>
      <c r="EK7" s="681"/>
      <c r="EL7" s="681"/>
      <c r="EM7" s="681"/>
      <c r="EN7" s="684"/>
      <c r="EO7" s="514" t="s">
        <v>52</v>
      </c>
      <c r="EP7" s="680" t="s">
        <v>61</v>
      </c>
      <c r="EQ7" s="681"/>
      <c r="ER7" s="682"/>
      <c r="ES7" s="683" t="s">
        <v>62</v>
      </c>
      <c r="ET7" s="681"/>
      <c r="EU7" s="681"/>
      <c r="EV7" s="681"/>
      <c r="EW7" s="681"/>
      <c r="EX7" s="681"/>
      <c r="EY7" s="684"/>
      <c r="EZ7" s="514" t="s">
        <v>52</v>
      </c>
      <c r="FA7" s="680" t="s">
        <v>61</v>
      </c>
      <c r="FB7" s="681"/>
      <c r="FC7" s="682"/>
      <c r="FD7" s="683" t="s">
        <v>62</v>
      </c>
      <c r="FE7" s="681"/>
      <c r="FF7" s="681"/>
      <c r="FG7" s="681"/>
      <c r="FH7" s="681"/>
      <c r="FI7" s="681"/>
      <c r="FJ7" s="684"/>
      <c r="FK7" s="514" t="s">
        <v>52</v>
      </c>
      <c r="FL7" s="687" t="s">
        <v>61</v>
      </c>
      <c r="FM7" s="688"/>
      <c r="FN7" s="689"/>
      <c r="FO7" s="690" t="s">
        <v>62</v>
      </c>
      <c r="FP7" s="688"/>
      <c r="FQ7" s="688"/>
      <c r="FR7" s="688"/>
      <c r="FS7" s="688"/>
      <c r="FT7" s="688"/>
      <c r="FU7" s="691"/>
      <c r="FV7" s="692" t="s">
        <v>52</v>
      </c>
      <c r="FW7" s="680" t="s">
        <v>61</v>
      </c>
      <c r="FX7" s="681"/>
      <c r="FY7" s="682"/>
      <c r="FZ7" s="683" t="s">
        <v>62</v>
      </c>
      <c r="GA7" s="681"/>
      <c r="GB7" s="681"/>
      <c r="GC7" s="681"/>
      <c r="GD7" s="681"/>
      <c r="GE7" s="681"/>
      <c r="GF7" s="684"/>
      <c r="GG7" s="514" t="s">
        <v>52</v>
      </c>
      <c r="GH7" s="512" t="s">
        <v>61</v>
      </c>
      <c r="GI7" s="513"/>
      <c r="GJ7" s="513"/>
      <c r="GK7" s="685" t="s">
        <v>62</v>
      </c>
      <c r="GL7" s="513"/>
      <c r="GM7" s="513"/>
      <c r="GN7" s="513"/>
      <c r="GO7" s="513"/>
      <c r="GP7" s="513"/>
      <c r="GQ7" s="686"/>
      <c r="GR7" s="678" t="s">
        <v>52</v>
      </c>
      <c r="GS7" s="512" t="s">
        <v>61</v>
      </c>
      <c r="GT7" s="513"/>
      <c r="GU7" s="686"/>
      <c r="GV7" s="685" t="s">
        <v>62</v>
      </c>
      <c r="GW7" s="513"/>
      <c r="GX7" s="513"/>
      <c r="GY7" s="513"/>
      <c r="GZ7" s="513"/>
      <c r="HA7" s="513"/>
      <c r="HB7" s="686"/>
      <c r="HC7" s="678" t="s">
        <v>52</v>
      </c>
      <c r="HD7" s="680" t="s">
        <v>61</v>
      </c>
      <c r="HE7" s="681"/>
      <c r="HF7" s="682"/>
      <c r="HG7" s="683" t="s">
        <v>62</v>
      </c>
      <c r="HH7" s="681"/>
      <c r="HI7" s="681"/>
      <c r="HJ7" s="681"/>
      <c r="HK7" s="681"/>
      <c r="HL7" s="681"/>
      <c r="HM7" s="684"/>
      <c r="HN7" s="514" t="s">
        <v>52</v>
      </c>
      <c r="HO7" s="680" t="s">
        <v>61</v>
      </c>
      <c r="HP7" s="681"/>
      <c r="HQ7" s="682"/>
      <c r="HR7" s="683" t="s">
        <v>62</v>
      </c>
      <c r="HS7" s="681"/>
      <c r="HT7" s="681"/>
      <c r="HU7" s="681"/>
      <c r="HV7" s="681"/>
      <c r="HW7" s="681"/>
      <c r="HX7" s="684"/>
      <c r="HY7" s="514" t="s">
        <v>52</v>
      </c>
      <c r="HZ7" s="581" t="s">
        <v>61</v>
      </c>
      <c r="IA7" s="582"/>
      <c r="IB7" s="583"/>
      <c r="IC7" s="640" t="s">
        <v>62</v>
      </c>
      <c r="ID7" s="582"/>
      <c r="IE7" s="582"/>
      <c r="IF7" s="582"/>
      <c r="IG7" s="582"/>
      <c r="IH7" s="582"/>
      <c r="II7" s="641"/>
      <c r="IJ7" s="585" t="s">
        <v>52</v>
      </c>
      <c r="IK7" s="589" t="s">
        <v>61</v>
      </c>
      <c r="IL7" s="590"/>
      <c r="IM7" s="591"/>
      <c r="IN7" s="638" t="s">
        <v>62</v>
      </c>
      <c r="IO7" s="590"/>
      <c r="IP7" s="590"/>
      <c r="IQ7" s="590"/>
      <c r="IR7" s="590"/>
      <c r="IS7" s="590"/>
      <c r="IT7" s="639"/>
      <c r="IU7" s="601" t="s">
        <v>52</v>
      </c>
      <c r="IV7" s="589" t="s">
        <v>61</v>
      </c>
      <c r="IW7" s="590"/>
      <c r="IX7" s="639"/>
      <c r="IY7" s="638" t="s">
        <v>62</v>
      </c>
      <c r="IZ7" s="590"/>
      <c r="JA7" s="590"/>
      <c r="JB7" s="590"/>
      <c r="JC7" s="590"/>
      <c r="JD7" s="590"/>
      <c r="JE7" s="639"/>
      <c r="JF7" s="601" t="s">
        <v>52</v>
      </c>
      <c r="JG7" s="589" t="s">
        <v>61</v>
      </c>
      <c r="JH7" s="590"/>
      <c r="JI7" s="591"/>
      <c r="JJ7" s="638" t="s">
        <v>62</v>
      </c>
      <c r="JK7" s="590"/>
      <c r="JL7" s="590"/>
      <c r="JM7" s="590"/>
      <c r="JN7" s="590"/>
      <c r="JO7" s="590"/>
      <c r="JP7" s="639"/>
      <c r="JQ7" s="647" t="s">
        <v>52</v>
      </c>
      <c r="JR7" s="589" t="s">
        <v>61</v>
      </c>
      <c r="JS7" s="590"/>
      <c r="JT7" s="591"/>
      <c r="JU7" s="638" t="s">
        <v>62</v>
      </c>
      <c r="JV7" s="590"/>
      <c r="JW7" s="590"/>
      <c r="JX7" s="590"/>
      <c r="JY7" s="590"/>
      <c r="JZ7" s="590"/>
      <c r="KA7" s="639"/>
      <c r="KB7" s="647" t="s">
        <v>52</v>
      </c>
      <c r="KC7" s="589" t="s">
        <v>61</v>
      </c>
      <c r="KD7" s="590"/>
      <c r="KE7" s="591"/>
      <c r="KF7" s="638" t="s">
        <v>62</v>
      </c>
      <c r="KG7" s="590"/>
      <c r="KH7" s="590"/>
      <c r="KI7" s="590"/>
      <c r="KJ7" s="590"/>
      <c r="KK7" s="590"/>
      <c r="KL7" s="639"/>
      <c r="KM7" s="647" t="s">
        <v>52</v>
      </c>
      <c r="KN7" s="589" t="s">
        <v>61</v>
      </c>
      <c r="KO7" s="590"/>
      <c r="KP7" s="591"/>
      <c r="KQ7" s="638" t="s">
        <v>62</v>
      </c>
      <c r="KR7" s="590"/>
      <c r="KS7" s="590"/>
      <c r="KT7" s="590"/>
      <c r="KU7" s="590"/>
      <c r="KV7" s="590"/>
      <c r="KW7" s="639"/>
      <c r="KX7" s="647" t="s">
        <v>52</v>
      </c>
      <c r="KY7" s="589" t="s">
        <v>61</v>
      </c>
      <c r="KZ7" s="590"/>
      <c r="LA7" s="591"/>
      <c r="LB7" s="638" t="s">
        <v>62</v>
      </c>
      <c r="LC7" s="590"/>
      <c r="LD7" s="590"/>
      <c r="LE7" s="590"/>
      <c r="LF7" s="590"/>
      <c r="LG7" s="590"/>
      <c r="LH7" s="639"/>
      <c r="LI7" s="647" t="s">
        <v>52</v>
      </c>
      <c r="LJ7" s="589" t="s">
        <v>61</v>
      </c>
      <c r="LK7" s="590"/>
      <c r="LL7" s="591"/>
      <c r="LM7" s="638" t="s">
        <v>62</v>
      </c>
      <c r="LN7" s="590"/>
      <c r="LO7" s="590"/>
      <c r="LP7" s="590"/>
      <c r="LQ7" s="590"/>
      <c r="LR7" s="590"/>
      <c r="LS7" s="639"/>
      <c r="LT7" s="647" t="s">
        <v>52</v>
      </c>
      <c r="LU7" s="589" t="s">
        <v>61</v>
      </c>
      <c r="LV7" s="590"/>
      <c r="LW7" s="591"/>
      <c r="LX7" s="638" t="s">
        <v>62</v>
      </c>
      <c r="LY7" s="590"/>
      <c r="LZ7" s="590"/>
      <c r="MA7" s="590"/>
      <c r="MB7" s="590"/>
      <c r="MC7" s="590"/>
      <c r="MD7" s="639"/>
      <c r="ME7" s="647" t="s">
        <v>52</v>
      </c>
      <c r="MF7" s="581" t="s">
        <v>61</v>
      </c>
      <c r="MG7" s="582"/>
      <c r="MH7" s="583"/>
      <c r="MI7" s="640" t="s">
        <v>62</v>
      </c>
      <c r="MJ7" s="582"/>
      <c r="MK7" s="582"/>
      <c r="ML7" s="582"/>
      <c r="MM7" s="582"/>
      <c r="MN7" s="582"/>
      <c r="MO7" s="641"/>
      <c r="MP7" s="634" t="s">
        <v>52</v>
      </c>
      <c r="MQ7" s="589" t="s">
        <v>61</v>
      </c>
      <c r="MR7" s="590"/>
      <c r="MS7" s="591"/>
      <c r="MT7" s="638" t="s">
        <v>62</v>
      </c>
      <c r="MU7" s="590"/>
      <c r="MV7" s="590"/>
      <c r="MW7" s="590"/>
      <c r="MX7" s="590"/>
      <c r="MY7" s="590"/>
      <c r="MZ7" s="639"/>
      <c r="NA7" s="647" t="s">
        <v>52</v>
      </c>
      <c r="NB7" s="589" t="s">
        <v>61</v>
      </c>
      <c r="NC7" s="590"/>
      <c r="ND7" s="591"/>
      <c r="NE7" s="638" t="s">
        <v>62</v>
      </c>
      <c r="NF7" s="590"/>
      <c r="NG7" s="590"/>
      <c r="NH7" s="590"/>
      <c r="NI7" s="590"/>
      <c r="NJ7" s="590"/>
      <c r="NK7" s="639"/>
      <c r="NL7" s="647" t="s">
        <v>52</v>
      </c>
      <c r="NM7" s="589" t="s">
        <v>61</v>
      </c>
      <c r="NN7" s="590"/>
      <c r="NO7" s="591"/>
      <c r="NP7" s="638" t="s">
        <v>62</v>
      </c>
      <c r="NQ7" s="590"/>
      <c r="NR7" s="590"/>
      <c r="NS7" s="590"/>
      <c r="NT7" s="590"/>
      <c r="NU7" s="590"/>
      <c r="NV7" s="639"/>
      <c r="NW7" s="647" t="s">
        <v>52</v>
      </c>
      <c r="NX7" s="589" t="s">
        <v>61</v>
      </c>
      <c r="NY7" s="590"/>
      <c r="NZ7" s="591"/>
      <c r="OA7" s="638" t="s">
        <v>62</v>
      </c>
      <c r="OB7" s="590"/>
      <c r="OC7" s="590"/>
      <c r="OD7" s="590"/>
      <c r="OE7" s="590"/>
      <c r="OF7" s="590"/>
      <c r="OG7" s="639"/>
      <c r="OH7" s="647" t="s">
        <v>52</v>
      </c>
      <c r="OI7" s="581" t="s">
        <v>61</v>
      </c>
      <c r="OJ7" s="582"/>
      <c r="OK7" s="583"/>
      <c r="OL7" s="640" t="s">
        <v>62</v>
      </c>
      <c r="OM7" s="582"/>
      <c r="ON7" s="582"/>
      <c r="OO7" s="582"/>
      <c r="OP7" s="582"/>
      <c r="OQ7" s="582"/>
      <c r="OR7" s="641"/>
      <c r="OS7" s="634" t="s">
        <v>52</v>
      </c>
    </row>
    <row r="8" spans="1:409" ht="28.5" customHeight="1" thickBot="1" x14ac:dyDescent="0.25">
      <c r="B8" s="708"/>
      <c r="C8" s="326" t="s">
        <v>43</v>
      </c>
      <c r="D8" s="47" t="s">
        <v>44</v>
      </c>
      <c r="E8" s="327" t="s">
        <v>45</v>
      </c>
      <c r="F8" s="52" t="s">
        <v>83</v>
      </c>
      <c r="G8" s="47" t="s">
        <v>47</v>
      </c>
      <c r="H8" s="47" t="s">
        <v>48</v>
      </c>
      <c r="I8" s="47" t="s">
        <v>49</v>
      </c>
      <c r="J8" s="47" t="s">
        <v>50</v>
      </c>
      <c r="K8" s="47" t="s">
        <v>51</v>
      </c>
      <c r="L8" s="48" t="s">
        <v>45</v>
      </c>
      <c r="M8" s="724"/>
      <c r="N8" s="51" t="s">
        <v>43</v>
      </c>
      <c r="O8" s="47" t="s">
        <v>44</v>
      </c>
      <c r="P8" s="48" t="s">
        <v>45</v>
      </c>
      <c r="Q8" s="52" t="s">
        <v>83</v>
      </c>
      <c r="R8" s="47" t="s">
        <v>47</v>
      </c>
      <c r="S8" s="47" t="s">
        <v>48</v>
      </c>
      <c r="T8" s="47" t="s">
        <v>49</v>
      </c>
      <c r="U8" s="47" t="s">
        <v>50</v>
      </c>
      <c r="V8" s="47" t="s">
        <v>51</v>
      </c>
      <c r="W8" s="48" t="s">
        <v>45</v>
      </c>
      <c r="X8" s="701"/>
      <c r="Y8" s="51" t="s">
        <v>43</v>
      </c>
      <c r="Z8" s="47" t="s">
        <v>44</v>
      </c>
      <c r="AA8" s="48" t="s">
        <v>45</v>
      </c>
      <c r="AB8" s="52" t="s">
        <v>83</v>
      </c>
      <c r="AC8" s="47" t="s">
        <v>47</v>
      </c>
      <c r="AD8" s="47" t="s">
        <v>48</v>
      </c>
      <c r="AE8" s="47" t="s">
        <v>49</v>
      </c>
      <c r="AF8" s="47" t="s">
        <v>50</v>
      </c>
      <c r="AG8" s="47" t="s">
        <v>51</v>
      </c>
      <c r="AH8" s="48" t="s">
        <v>45</v>
      </c>
      <c r="AI8" s="677"/>
      <c r="AJ8" s="51" t="s">
        <v>43</v>
      </c>
      <c r="AK8" s="47" t="s">
        <v>44</v>
      </c>
      <c r="AL8" s="327" t="s">
        <v>45</v>
      </c>
      <c r="AM8" s="52" t="s">
        <v>83</v>
      </c>
      <c r="AN8" s="47" t="s">
        <v>47</v>
      </c>
      <c r="AO8" s="47" t="s">
        <v>48</v>
      </c>
      <c r="AP8" s="47" t="s">
        <v>49</v>
      </c>
      <c r="AQ8" s="47" t="s">
        <v>50</v>
      </c>
      <c r="AR8" s="47" t="s">
        <v>51</v>
      </c>
      <c r="AS8" s="48" t="s">
        <v>45</v>
      </c>
      <c r="AT8" s="677"/>
      <c r="AU8" s="51" t="s">
        <v>43</v>
      </c>
      <c r="AV8" s="47" t="s">
        <v>44</v>
      </c>
      <c r="AW8" s="327" t="s">
        <v>45</v>
      </c>
      <c r="AX8" s="52" t="s">
        <v>83</v>
      </c>
      <c r="AY8" s="47" t="s">
        <v>47</v>
      </c>
      <c r="AZ8" s="47" t="s">
        <v>48</v>
      </c>
      <c r="BA8" s="47" t="s">
        <v>49</v>
      </c>
      <c r="BB8" s="47" t="s">
        <v>50</v>
      </c>
      <c r="BC8" s="47" t="s">
        <v>51</v>
      </c>
      <c r="BD8" s="48" t="s">
        <v>45</v>
      </c>
      <c r="BE8" s="677"/>
      <c r="BF8" s="328" t="s">
        <v>43</v>
      </c>
      <c r="BG8" s="47" t="s">
        <v>44</v>
      </c>
      <c r="BH8" s="327" t="s">
        <v>45</v>
      </c>
      <c r="BI8" s="52" t="s">
        <v>83</v>
      </c>
      <c r="BJ8" s="47" t="s">
        <v>47</v>
      </c>
      <c r="BK8" s="47" t="s">
        <v>48</v>
      </c>
      <c r="BL8" s="47" t="s">
        <v>49</v>
      </c>
      <c r="BM8" s="47" t="s">
        <v>50</v>
      </c>
      <c r="BN8" s="47" t="s">
        <v>51</v>
      </c>
      <c r="BO8" s="48" t="s">
        <v>45</v>
      </c>
      <c r="BP8" s="677"/>
      <c r="BQ8" s="51" t="s">
        <v>43</v>
      </c>
      <c r="BR8" s="47" t="s">
        <v>44</v>
      </c>
      <c r="BS8" s="327" t="s">
        <v>45</v>
      </c>
      <c r="BT8" s="52" t="s">
        <v>83</v>
      </c>
      <c r="BU8" s="47" t="s">
        <v>47</v>
      </c>
      <c r="BV8" s="47" t="s">
        <v>48</v>
      </c>
      <c r="BW8" s="47" t="s">
        <v>49</v>
      </c>
      <c r="BX8" s="47" t="s">
        <v>50</v>
      </c>
      <c r="BY8" s="47" t="s">
        <v>51</v>
      </c>
      <c r="BZ8" s="48" t="s">
        <v>45</v>
      </c>
      <c r="CA8" s="677"/>
      <c r="CB8" s="51" t="s">
        <v>43</v>
      </c>
      <c r="CC8" s="47" t="s">
        <v>44</v>
      </c>
      <c r="CD8" s="327" t="s">
        <v>45</v>
      </c>
      <c r="CE8" s="52" t="s">
        <v>83</v>
      </c>
      <c r="CF8" s="47" t="s">
        <v>47</v>
      </c>
      <c r="CG8" s="47" t="s">
        <v>48</v>
      </c>
      <c r="CH8" s="47" t="s">
        <v>49</v>
      </c>
      <c r="CI8" s="47" t="s">
        <v>50</v>
      </c>
      <c r="CJ8" s="47" t="s">
        <v>51</v>
      </c>
      <c r="CK8" s="48" t="s">
        <v>45</v>
      </c>
      <c r="CL8" s="701"/>
      <c r="CM8" s="51" t="s">
        <v>43</v>
      </c>
      <c r="CN8" s="47" t="s">
        <v>44</v>
      </c>
      <c r="CO8" s="48" t="s">
        <v>45</v>
      </c>
      <c r="CP8" s="52" t="s">
        <v>83</v>
      </c>
      <c r="CQ8" s="47" t="s">
        <v>47</v>
      </c>
      <c r="CR8" s="47" t="s">
        <v>48</v>
      </c>
      <c r="CS8" s="47" t="s">
        <v>49</v>
      </c>
      <c r="CT8" s="47" t="s">
        <v>50</v>
      </c>
      <c r="CU8" s="47" t="s">
        <v>51</v>
      </c>
      <c r="CV8" s="48" t="s">
        <v>45</v>
      </c>
      <c r="CW8" s="701"/>
      <c r="CX8" s="51" t="s">
        <v>43</v>
      </c>
      <c r="CY8" s="47" t="s">
        <v>44</v>
      </c>
      <c r="CZ8" s="48" t="s">
        <v>45</v>
      </c>
      <c r="DA8" s="52" t="s">
        <v>83</v>
      </c>
      <c r="DB8" s="47" t="s">
        <v>47</v>
      </c>
      <c r="DC8" s="47" t="s">
        <v>48</v>
      </c>
      <c r="DD8" s="47" t="s">
        <v>49</v>
      </c>
      <c r="DE8" s="47" t="s">
        <v>50</v>
      </c>
      <c r="DF8" s="47" t="s">
        <v>51</v>
      </c>
      <c r="DG8" s="48" t="s">
        <v>45</v>
      </c>
      <c r="DH8" s="701"/>
      <c r="DI8" s="51" t="s">
        <v>43</v>
      </c>
      <c r="DJ8" s="47" t="s">
        <v>44</v>
      </c>
      <c r="DK8" s="48" t="s">
        <v>45</v>
      </c>
      <c r="DL8" s="52" t="s">
        <v>83</v>
      </c>
      <c r="DM8" s="47" t="s">
        <v>47</v>
      </c>
      <c r="DN8" s="47" t="s">
        <v>48</v>
      </c>
      <c r="DO8" s="47" t="s">
        <v>49</v>
      </c>
      <c r="DP8" s="47" t="s">
        <v>50</v>
      </c>
      <c r="DQ8" s="47" t="s">
        <v>51</v>
      </c>
      <c r="DR8" s="48" t="s">
        <v>45</v>
      </c>
      <c r="DS8" s="701"/>
      <c r="DT8" s="51" t="s">
        <v>43</v>
      </c>
      <c r="DU8" s="47" t="s">
        <v>44</v>
      </c>
      <c r="DV8" s="327" t="s">
        <v>45</v>
      </c>
      <c r="DW8" s="52" t="s">
        <v>83</v>
      </c>
      <c r="DX8" s="47" t="s">
        <v>47</v>
      </c>
      <c r="DY8" s="47" t="s">
        <v>48</v>
      </c>
      <c r="DZ8" s="47" t="s">
        <v>49</v>
      </c>
      <c r="EA8" s="47" t="s">
        <v>50</v>
      </c>
      <c r="EB8" s="47" t="s">
        <v>51</v>
      </c>
      <c r="EC8" s="48" t="s">
        <v>45</v>
      </c>
      <c r="ED8" s="677"/>
      <c r="EE8" s="51" t="s">
        <v>43</v>
      </c>
      <c r="EF8" s="47" t="s">
        <v>44</v>
      </c>
      <c r="EG8" s="327" t="s">
        <v>45</v>
      </c>
      <c r="EH8" s="52" t="s">
        <v>83</v>
      </c>
      <c r="EI8" s="47" t="s">
        <v>47</v>
      </c>
      <c r="EJ8" s="47" t="s">
        <v>48</v>
      </c>
      <c r="EK8" s="47" t="s">
        <v>49</v>
      </c>
      <c r="EL8" s="47" t="s">
        <v>50</v>
      </c>
      <c r="EM8" s="47" t="s">
        <v>51</v>
      </c>
      <c r="EN8" s="48" t="s">
        <v>45</v>
      </c>
      <c r="EO8" s="677"/>
      <c r="EP8" s="51" t="s">
        <v>43</v>
      </c>
      <c r="EQ8" s="47" t="s">
        <v>44</v>
      </c>
      <c r="ER8" s="327" t="s">
        <v>45</v>
      </c>
      <c r="ES8" s="52" t="s">
        <v>83</v>
      </c>
      <c r="ET8" s="47" t="s">
        <v>47</v>
      </c>
      <c r="EU8" s="47" t="s">
        <v>48</v>
      </c>
      <c r="EV8" s="47" t="s">
        <v>49</v>
      </c>
      <c r="EW8" s="47" t="s">
        <v>50</v>
      </c>
      <c r="EX8" s="47" t="s">
        <v>51</v>
      </c>
      <c r="EY8" s="48" t="s">
        <v>45</v>
      </c>
      <c r="EZ8" s="677"/>
      <c r="FA8" s="51" t="s">
        <v>43</v>
      </c>
      <c r="FB8" s="47" t="s">
        <v>44</v>
      </c>
      <c r="FC8" s="327" t="s">
        <v>45</v>
      </c>
      <c r="FD8" s="52" t="s">
        <v>83</v>
      </c>
      <c r="FE8" s="47" t="s">
        <v>47</v>
      </c>
      <c r="FF8" s="47" t="s">
        <v>48</v>
      </c>
      <c r="FG8" s="47" t="s">
        <v>49</v>
      </c>
      <c r="FH8" s="47" t="s">
        <v>50</v>
      </c>
      <c r="FI8" s="47" t="s">
        <v>51</v>
      </c>
      <c r="FJ8" s="48" t="s">
        <v>45</v>
      </c>
      <c r="FK8" s="677"/>
      <c r="FL8" s="51" t="s">
        <v>43</v>
      </c>
      <c r="FM8" s="47" t="s">
        <v>44</v>
      </c>
      <c r="FN8" s="327" t="s">
        <v>45</v>
      </c>
      <c r="FO8" s="52" t="s">
        <v>83</v>
      </c>
      <c r="FP8" s="47" t="s">
        <v>47</v>
      </c>
      <c r="FQ8" s="47" t="s">
        <v>48</v>
      </c>
      <c r="FR8" s="47" t="s">
        <v>49</v>
      </c>
      <c r="FS8" s="47" t="s">
        <v>50</v>
      </c>
      <c r="FT8" s="47" t="s">
        <v>51</v>
      </c>
      <c r="FU8" s="48" t="s">
        <v>45</v>
      </c>
      <c r="FV8" s="693"/>
      <c r="FW8" s="51" t="s">
        <v>43</v>
      </c>
      <c r="FX8" s="47" t="s">
        <v>44</v>
      </c>
      <c r="FY8" s="327" t="s">
        <v>45</v>
      </c>
      <c r="FZ8" s="52" t="s">
        <v>83</v>
      </c>
      <c r="GA8" s="47" t="s">
        <v>47</v>
      </c>
      <c r="GB8" s="47" t="s">
        <v>48</v>
      </c>
      <c r="GC8" s="47" t="s">
        <v>49</v>
      </c>
      <c r="GD8" s="47" t="s">
        <v>50</v>
      </c>
      <c r="GE8" s="47" t="s">
        <v>51</v>
      </c>
      <c r="GF8" s="48" t="s">
        <v>45</v>
      </c>
      <c r="GG8" s="677"/>
      <c r="GH8" s="51" t="s">
        <v>43</v>
      </c>
      <c r="GI8" s="47" t="s">
        <v>44</v>
      </c>
      <c r="GJ8" s="327" t="s">
        <v>45</v>
      </c>
      <c r="GK8" s="52" t="s">
        <v>83</v>
      </c>
      <c r="GL8" s="47" t="s">
        <v>47</v>
      </c>
      <c r="GM8" s="47" t="s">
        <v>48</v>
      </c>
      <c r="GN8" s="47" t="s">
        <v>49</v>
      </c>
      <c r="GO8" s="47" t="s">
        <v>50</v>
      </c>
      <c r="GP8" s="47" t="s">
        <v>51</v>
      </c>
      <c r="GQ8" s="48" t="s">
        <v>45</v>
      </c>
      <c r="GR8" s="679"/>
      <c r="GS8" s="51" t="s">
        <v>43</v>
      </c>
      <c r="GT8" s="47" t="s">
        <v>44</v>
      </c>
      <c r="GU8" s="327" t="s">
        <v>45</v>
      </c>
      <c r="GV8" s="52" t="s">
        <v>83</v>
      </c>
      <c r="GW8" s="47" t="s">
        <v>47</v>
      </c>
      <c r="GX8" s="47" t="s">
        <v>48</v>
      </c>
      <c r="GY8" s="47" t="s">
        <v>49</v>
      </c>
      <c r="GZ8" s="47" t="s">
        <v>50</v>
      </c>
      <c r="HA8" s="47" t="s">
        <v>51</v>
      </c>
      <c r="HB8" s="48" t="s">
        <v>45</v>
      </c>
      <c r="HC8" s="679"/>
      <c r="HD8" s="51" t="s">
        <v>43</v>
      </c>
      <c r="HE8" s="47" t="s">
        <v>44</v>
      </c>
      <c r="HF8" s="327" t="s">
        <v>45</v>
      </c>
      <c r="HG8" s="52" t="s">
        <v>83</v>
      </c>
      <c r="HH8" s="47" t="s">
        <v>47</v>
      </c>
      <c r="HI8" s="47" t="s">
        <v>48</v>
      </c>
      <c r="HJ8" s="47" t="s">
        <v>49</v>
      </c>
      <c r="HK8" s="47" t="s">
        <v>50</v>
      </c>
      <c r="HL8" s="47" t="s">
        <v>51</v>
      </c>
      <c r="HM8" s="48" t="s">
        <v>45</v>
      </c>
      <c r="HN8" s="677"/>
      <c r="HO8" s="51" t="s">
        <v>43</v>
      </c>
      <c r="HP8" s="47" t="s">
        <v>44</v>
      </c>
      <c r="HQ8" s="327" t="s">
        <v>45</v>
      </c>
      <c r="HR8" s="52" t="s">
        <v>83</v>
      </c>
      <c r="HS8" s="47" t="s">
        <v>47</v>
      </c>
      <c r="HT8" s="47" t="s">
        <v>48</v>
      </c>
      <c r="HU8" s="47" t="s">
        <v>49</v>
      </c>
      <c r="HV8" s="47" t="s">
        <v>50</v>
      </c>
      <c r="HW8" s="47" t="s">
        <v>51</v>
      </c>
      <c r="HX8" s="48" t="s">
        <v>45</v>
      </c>
      <c r="HY8" s="677"/>
      <c r="HZ8" s="369" t="s">
        <v>43</v>
      </c>
      <c r="IA8" s="370" t="s">
        <v>44</v>
      </c>
      <c r="IB8" s="41" t="s">
        <v>45</v>
      </c>
      <c r="IC8" s="42" t="s">
        <v>83</v>
      </c>
      <c r="ID8" s="370" t="s">
        <v>47</v>
      </c>
      <c r="IE8" s="370" t="s">
        <v>48</v>
      </c>
      <c r="IF8" s="370" t="s">
        <v>49</v>
      </c>
      <c r="IG8" s="370" t="s">
        <v>50</v>
      </c>
      <c r="IH8" s="370" t="s">
        <v>51</v>
      </c>
      <c r="II8" s="17" t="s">
        <v>45</v>
      </c>
      <c r="IJ8" s="645"/>
      <c r="IK8" s="369" t="s">
        <v>43</v>
      </c>
      <c r="IL8" s="370" t="s">
        <v>44</v>
      </c>
      <c r="IM8" s="41" t="s">
        <v>45</v>
      </c>
      <c r="IN8" s="42" t="s">
        <v>83</v>
      </c>
      <c r="IO8" s="59" t="s">
        <v>47</v>
      </c>
      <c r="IP8" s="59" t="s">
        <v>48</v>
      </c>
      <c r="IQ8" s="59" t="s">
        <v>49</v>
      </c>
      <c r="IR8" s="59" t="s">
        <v>50</v>
      </c>
      <c r="IS8" s="59" t="s">
        <v>51</v>
      </c>
      <c r="IT8" s="64" t="s">
        <v>45</v>
      </c>
      <c r="IU8" s="655"/>
      <c r="IV8" s="61" t="s">
        <v>43</v>
      </c>
      <c r="IW8" s="59" t="s">
        <v>44</v>
      </c>
      <c r="IX8" s="64" t="s">
        <v>45</v>
      </c>
      <c r="IY8" s="33" t="s">
        <v>83</v>
      </c>
      <c r="IZ8" s="59" t="s">
        <v>47</v>
      </c>
      <c r="JA8" s="59" t="s">
        <v>48</v>
      </c>
      <c r="JB8" s="59" t="s">
        <v>49</v>
      </c>
      <c r="JC8" s="59" t="s">
        <v>50</v>
      </c>
      <c r="JD8" s="59" t="s">
        <v>51</v>
      </c>
      <c r="JE8" s="64" t="s">
        <v>45</v>
      </c>
      <c r="JF8" s="655"/>
      <c r="JG8" s="61" t="s">
        <v>43</v>
      </c>
      <c r="JH8" s="59" t="s">
        <v>44</v>
      </c>
      <c r="JI8" s="60" t="s">
        <v>45</v>
      </c>
      <c r="JJ8" s="33" t="s">
        <v>83</v>
      </c>
      <c r="JK8" s="59" t="s">
        <v>47</v>
      </c>
      <c r="JL8" s="59" t="s">
        <v>48</v>
      </c>
      <c r="JM8" s="59" t="s">
        <v>49</v>
      </c>
      <c r="JN8" s="59" t="s">
        <v>50</v>
      </c>
      <c r="JO8" s="59" t="s">
        <v>51</v>
      </c>
      <c r="JP8" s="64" t="s">
        <v>45</v>
      </c>
      <c r="JQ8" s="648"/>
      <c r="JR8" s="61" t="s">
        <v>43</v>
      </c>
      <c r="JS8" s="59" t="s">
        <v>44</v>
      </c>
      <c r="JT8" s="60" t="s">
        <v>45</v>
      </c>
      <c r="JU8" s="33" t="s">
        <v>83</v>
      </c>
      <c r="JV8" s="59" t="s">
        <v>47</v>
      </c>
      <c r="JW8" s="59" t="s">
        <v>48</v>
      </c>
      <c r="JX8" s="59" t="s">
        <v>49</v>
      </c>
      <c r="JY8" s="59" t="s">
        <v>50</v>
      </c>
      <c r="JZ8" s="59" t="s">
        <v>51</v>
      </c>
      <c r="KA8" s="64" t="s">
        <v>45</v>
      </c>
      <c r="KB8" s="648"/>
      <c r="KC8" s="61" t="s">
        <v>43</v>
      </c>
      <c r="KD8" s="59" t="s">
        <v>44</v>
      </c>
      <c r="KE8" s="60" t="s">
        <v>45</v>
      </c>
      <c r="KF8" s="33" t="s">
        <v>83</v>
      </c>
      <c r="KG8" s="59" t="s">
        <v>47</v>
      </c>
      <c r="KH8" s="59" t="s">
        <v>48</v>
      </c>
      <c r="KI8" s="59" t="s">
        <v>49</v>
      </c>
      <c r="KJ8" s="59" t="s">
        <v>50</v>
      </c>
      <c r="KK8" s="59" t="s">
        <v>51</v>
      </c>
      <c r="KL8" s="64" t="s">
        <v>45</v>
      </c>
      <c r="KM8" s="648"/>
      <c r="KN8" s="61" t="s">
        <v>43</v>
      </c>
      <c r="KO8" s="59" t="s">
        <v>44</v>
      </c>
      <c r="KP8" s="60" t="s">
        <v>45</v>
      </c>
      <c r="KQ8" s="42" t="s">
        <v>83</v>
      </c>
      <c r="KR8" s="59" t="s">
        <v>47</v>
      </c>
      <c r="KS8" s="59" t="s">
        <v>48</v>
      </c>
      <c r="KT8" s="59" t="s">
        <v>49</v>
      </c>
      <c r="KU8" s="59" t="s">
        <v>50</v>
      </c>
      <c r="KV8" s="59" t="s">
        <v>51</v>
      </c>
      <c r="KW8" s="64" t="s">
        <v>45</v>
      </c>
      <c r="KX8" s="648"/>
      <c r="KY8" s="61" t="s">
        <v>43</v>
      </c>
      <c r="KZ8" s="59" t="s">
        <v>44</v>
      </c>
      <c r="LA8" s="60" t="s">
        <v>45</v>
      </c>
      <c r="LB8" s="42" t="s">
        <v>83</v>
      </c>
      <c r="LC8" s="59" t="s">
        <v>47</v>
      </c>
      <c r="LD8" s="59" t="s">
        <v>48</v>
      </c>
      <c r="LE8" s="59" t="s">
        <v>49</v>
      </c>
      <c r="LF8" s="59" t="s">
        <v>50</v>
      </c>
      <c r="LG8" s="59" t="s">
        <v>51</v>
      </c>
      <c r="LH8" s="64" t="s">
        <v>45</v>
      </c>
      <c r="LI8" s="648"/>
      <c r="LJ8" s="61" t="s">
        <v>43</v>
      </c>
      <c r="LK8" s="59" t="s">
        <v>44</v>
      </c>
      <c r="LL8" s="60" t="s">
        <v>45</v>
      </c>
      <c r="LM8" s="42" t="s">
        <v>83</v>
      </c>
      <c r="LN8" s="59" t="s">
        <v>47</v>
      </c>
      <c r="LO8" s="59" t="s">
        <v>48</v>
      </c>
      <c r="LP8" s="59" t="s">
        <v>49</v>
      </c>
      <c r="LQ8" s="59" t="s">
        <v>50</v>
      </c>
      <c r="LR8" s="59" t="s">
        <v>51</v>
      </c>
      <c r="LS8" s="64" t="s">
        <v>45</v>
      </c>
      <c r="LT8" s="648"/>
      <c r="LU8" s="61" t="s">
        <v>43</v>
      </c>
      <c r="LV8" s="59" t="s">
        <v>44</v>
      </c>
      <c r="LW8" s="60" t="s">
        <v>45</v>
      </c>
      <c r="LX8" s="42" t="s">
        <v>83</v>
      </c>
      <c r="LY8" s="59" t="s">
        <v>47</v>
      </c>
      <c r="LZ8" s="59" t="s">
        <v>48</v>
      </c>
      <c r="MA8" s="59" t="s">
        <v>49</v>
      </c>
      <c r="MB8" s="59" t="s">
        <v>50</v>
      </c>
      <c r="MC8" s="59" t="s">
        <v>51</v>
      </c>
      <c r="MD8" s="64" t="s">
        <v>45</v>
      </c>
      <c r="ME8" s="648"/>
      <c r="MF8" s="61" t="s">
        <v>43</v>
      </c>
      <c r="MG8" s="59" t="s">
        <v>44</v>
      </c>
      <c r="MH8" s="60" t="s">
        <v>45</v>
      </c>
      <c r="MI8" s="42" t="s">
        <v>83</v>
      </c>
      <c r="MJ8" s="59" t="s">
        <v>47</v>
      </c>
      <c r="MK8" s="59" t="s">
        <v>48</v>
      </c>
      <c r="ML8" s="59" t="s">
        <v>49</v>
      </c>
      <c r="MM8" s="59" t="s">
        <v>50</v>
      </c>
      <c r="MN8" s="59" t="s">
        <v>51</v>
      </c>
      <c r="MO8" s="64" t="s">
        <v>45</v>
      </c>
      <c r="MP8" s="648"/>
      <c r="MQ8" s="61" t="s">
        <v>43</v>
      </c>
      <c r="MR8" s="59" t="s">
        <v>44</v>
      </c>
      <c r="MS8" s="60" t="s">
        <v>45</v>
      </c>
      <c r="MT8" s="42" t="s">
        <v>83</v>
      </c>
      <c r="MU8" s="59" t="s">
        <v>47</v>
      </c>
      <c r="MV8" s="59" t="s">
        <v>48</v>
      </c>
      <c r="MW8" s="59" t="s">
        <v>49</v>
      </c>
      <c r="MX8" s="59" t="s">
        <v>50</v>
      </c>
      <c r="MY8" s="59" t="s">
        <v>51</v>
      </c>
      <c r="MZ8" s="64" t="s">
        <v>45</v>
      </c>
      <c r="NA8" s="648"/>
      <c r="NB8" s="61" t="s">
        <v>43</v>
      </c>
      <c r="NC8" s="59" t="s">
        <v>44</v>
      </c>
      <c r="ND8" s="60" t="s">
        <v>45</v>
      </c>
      <c r="NE8" s="42" t="s">
        <v>83</v>
      </c>
      <c r="NF8" s="59" t="s">
        <v>47</v>
      </c>
      <c r="NG8" s="59" t="s">
        <v>48</v>
      </c>
      <c r="NH8" s="59" t="s">
        <v>49</v>
      </c>
      <c r="NI8" s="59" t="s">
        <v>50</v>
      </c>
      <c r="NJ8" s="59" t="s">
        <v>51</v>
      </c>
      <c r="NK8" s="64" t="s">
        <v>45</v>
      </c>
      <c r="NL8" s="648"/>
      <c r="NM8" s="61" t="s">
        <v>43</v>
      </c>
      <c r="NN8" s="59" t="s">
        <v>44</v>
      </c>
      <c r="NO8" s="60" t="s">
        <v>45</v>
      </c>
      <c r="NP8" s="42" t="s">
        <v>83</v>
      </c>
      <c r="NQ8" s="59" t="s">
        <v>47</v>
      </c>
      <c r="NR8" s="59" t="s">
        <v>48</v>
      </c>
      <c r="NS8" s="59" t="s">
        <v>49</v>
      </c>
      <c r="NT8" s="59" t="s">
        <v>50</v>
      </c>
      <c r="NU8" s="59" t="s">
        <v>51</v>
      </c>
      <c r="NV8" s="64" t="s">
        <v>45</v>
      </c>
      <c r="NW8" s="648"/>
      <c r="NX8" s="61" t="s">
        <v>43</v>
      </c>
      <c r="NY8" s="59" t="s">
        <v>44</v>
      </c>
      <c r="NZ8" s="60" t="s">
        <v>45</v>
      </c>
      <c r="OA8" s="42" t="s">
        <v>83</v>
      </c>
      <c r="OB8" s="59" t="s">
        <v>47</v>
      </c>
      <c r="OC8" s="59" t="s">
        <v>48</v>
      </c>
      <c r="OD8" s="59" t="s">
        <v>49</v>
      </c>
      <c r="OE8" s="59" t="s">
        <v>50</v>
      </c>
      <c r="OF8" s="59" t="s">
        <v>51</v>
      </c>
      <c r="OG8" s="64" t="s">
        <v>45</v>
      </c>
      <c r="OH8" s="648"/>
      <c r="OI8" s="61" t="s">
        <v>43</v>
      </c>
      <c r="OJ8" s="59" t="s">
        <v>44</v>
      </c>
      <c r="OK8" s="60" t="s">
        <v>45</v>
      </c>
      <c r="OL8" s="33" t="s">
        <v>83</v>
      </c>
      <c r="OM8" s="59" t="s">
        <v>47</v>
      </c>
      <c r="ON8" s="59" t="s">
        <v>48</v>
      </c>
      <c r="OO8" s="59" t="s">
        <v>49</v>
      </c>
      <c r="OP8" s="59" t="s">
        <v>50</v>
      </c>
      <c r="OQ8" s="59" t="s">
        <v>51</v>
      </c>
      <c r="OR8" s="64" t="s">
        <v>45</v>
      </c>
      <c r="OS8" s="648"/>
    </row>
    <row r="9" spans="1:409" s="474" customFormat="1" ht="20.25" customHeight="1" x14ac:dyDescent="0.2">
      <c r="A9" s="44"/>
      <c r="B9" s="468" t="s">
        <v>4</v>
      </c>
      <c r="C9" s="388">
        <v>24757744</v>
      </c>
      <c r="D9" s="389">
        <v>40037234</v>
      </c>
      <c r="E9" s="390">
        <v>64794978</v>
      </c>
      <c r="F9" s="391">
        <v>0</v>
      </c>
      <c r="G9" s="389">
        <v>248982184</v>
      </c>
      <c r="H9" s="389">
        <v>332189326</v>
      </c>
      <c r="I9" s="389">
        <v>280692965</v>
      </c>
      <c r="J9" s="389">
        <v>309643544</v>
      </c>
      <c r="K9" s="389">
        <v>238764197</v>
      </c>
      <c r="L9" s="392">
        <v>1410272216</v>
      </c>
      <c r="M9" s="393">
        <v>1475067194</v>
      </c>
      <c r="N9" s="388">
        <v>6999297</v>
      </c>
      <c r="O9" s="389">
        <v>13361904</v>
      </c>
      <c r="P9" s="394">
        <v>20361201</v>
      </c>
      <c r="Q9" s="388">
        <v>0</v>
      </c>
      <c r="R9" s="389">
        <v>75640030</v>
      </c>
      <c r="S9" s="389">
        <v>112820534</v>
      </c>
      <c r="T9" s="389">
        <v>88852240</v>
      </c>
      <c r="U9" s="389">
        <v>107299638</v>
      </c>
      <c r="V9" s="389">
        <v>115027129</v>
      </c>
      <c r="W9" s="394">
        <v>499639571</v>
      </c>
      <c r="X9" s="393">
        <v>520000772</v>
      </c>
      <c r="Y9" s="388">
        <v>0</v>
      </c>
      <c r="Z9" s="389">
        <v>0</v>
      </c>
      <c r="AA9" s="394">
        <v>0</v>
      </c>
      <c r="AB9" s="395">
        <v>0</v>
      </c>
      <c r="AC9" s="396">
        <v>31464235</v>
      </c>
      <c r="AD9" s="396">
        <v>47511459</v>
      </c>
      <c r="AE9" s="396">
        <v>42432029</v>
      </c>
      <c r="AF9" s="396">
        <v>54346128</v>
      </c>
      <c r="AG9" s="396">
        <v>64449927</v>
      </c>
      <c r="AH9" s="394">
        <v>240203778</v>
      </c>
      <c r="AI9" s="393">
        <v>240203778</v>
      </c>
      <c r="AJ9" s="397">
        <v>0</v>
      </c>
      <c r="AK9" s="396">
        <v>85389</v>
      </c>
      <c r="AL9" s="394">
        <v>85389</v>
      </c>
      <c r="AM9" s="395">
        <v>0</v>
      </c>
      <c r="AN9" s="396">
        <v>407814</v>
      </c>
      <c r="AO9" s="392">
        <v>1537250</v>
      </c>
      <c r="AP9" s="396">
        <v>2588978</v>
      </c>
      <c r="AQ9" s="396">
        <v>6846624</v>
      </c>
      <c r="AR9" s="396">
        <v>12990342</v>
      </c>
      <c r="AS9" s="394">
        <v>24371008</v>
      </c>
      <c r="AT9" s="393">
        <v>24456397</v>
      </c>
      <c r="AU9" s="397">
        <v>3497613</v>
      </c>
      <c r="AV9" s="396">
        <v>9208741</v>
      </c>
      <c r="AW9" s="394">
        <v>12706354</v>
      </c>
      <c r="AX9" s="395">
        <v>0</v>
      </c>
      <c r="AY9" s="396">
        <v>27635970</v>
      </c>
      <c r="AZ9" s="396">
        <v>42821340</v>
      </c>
      <c r="BA9" s="396">
        <v>26558173</v>
      </c>
      <c r="BB9" s="396">
        <v>26242051</v>
      </c>
      <c r="BC9" s="396">
        <v>23388147</v>
      </c>
      <c r="BD9" s="394">
        <v>146645681</v>
      </c>
      <c r="BE9" s="398">
        <v>159352035</v>
      </c>
      <c r="BF9" s="397">
        <v>365124</v>
      </c>
      <c r="BG9" s="392">
        <v>1120550</v>
      </c>
      <c r="BH9" s="399">
        <v>1485674</v>
      </c>
      <c r="BI9" s="395">
        <v>0</v>
      </c>
      <c r="BJ9" s="396">
        <v>2418619</v>
      </c>
      <c r="BK9" s="396">
        <v>4403332</v>
      </c>
      <c r="BL9" s="396">
        <v>2701756</v>
      </c>
      <c r="BM9" s="396">
        <v>3262649</v>
      </c>
      <c r="BN9" s="396">
        <v>1333896</v>
      </c>
      <c r="BO9" s="394">
        <v>14120252</v>
      </c>
      <c r="BP9" s="393">
        <v>15605926</v>
      </c>
      <c r="BQ9" s="397">
        <v>3136560</v>
      </c>
      <c r="BR9" s="396">
        <v>2947224</v>
      </c>
      <c r="BS9" s="394">
        <v>6083784</v>
      </c>
      <c r="BT9" s="395">
        <v>0</v>
      </c>
      <c r="BU9" s="396">
        <v>13713392</v>
      </c>
      <c r="BV9" s="396">
        <v>16547153</v>
      </c>
      <c r="BW9" s="396">
        <v>14571304</v>
      </c>
      <c r="BX9" s="396">
        <v>16602186</v>
      </c>
      <c r="BY9" s="396">
        <v>12864817</v>
      </c>
      <c r="BZ9" s="394">
        <v>74298852</v>
      </c>
      <c r="CA9" s="393">
        <v>80382636</v>
      </c>
      <c r="CB9" s="397">
        <v>2005443</v>
      </c>
      <c r="CC9" s="396">
        <v>5090720</v>
      </c>
      <c r="CD9" s="394">
        <v>7096163</v>
      </c>
      <c r="CE9" s="395">
        <v>0</v>
      </c>
      <c r="CF9" s="396">
        <v>66912250</v>
      </c>
      <c r="CG9" s="396">
        <v>80712937</v>
      </c>
      <c r="CH9" s="400">
        <v>55200816</v>
      </c>
      <c r="CI9" s="396">
        <v>42276921</v>
      </c>
      <c r="CJ9" s="396">
        <v>17385946</v>
      </c>
      <c r="CK9" s="394">
        <v>262488870</v>
      </c>
      <c r="CL9" s="393">
        <v>269585033</v>
      </c>
      <c r="CM9" s="388">
        <v>0</v>
      </c>
      <c r="CN9" s="389">
        <v>0</v>
      </c>
      <c r="CO9" s="394">
        <v>0</v>
      </c>
      <c r="CP9" s="395">
        <v>0</v>
      </c>
      <c r="CQ9" s="396">
        <v>54327470</v>
      </c>
      <c r="CR9" s="396">
        <v>58901254</v>
      </c>
      <c r="CS9" s="396">
        <v>37896838</v>
      </c>
      <c r="CT9" s="396">
        <v>28887415</v>
      </c>
      <c r="CU9" s="396">
        <v>12289909</v>
      </c>
      <c r="CV9" s="401">
        <v>192302886</v>
      </c>
      <c r="CW9" s="393">
        <v>192302886</v>
      </c>
      <c r="CX9" s="397">
        <v>2005443</v>
      </c>
      <c r="CY9" s="396">
        <v>5090720</v>
      </c>
      <c r="CZ9" s="394">
        <v>7096163</v>
      </c>
      <c r="DA9" s="395">
        <v>0</v>
      </c>
      <c r="DB9" s="396">
        <v>12584780</v>
      </c>
      <c r="DC9" s="396">
        <v>21811683</v>
      </c>
      <c r="DD9" s="396">
        <v>17303978</v>
      </c>
      <c r="DE9" s="396">
        <v>13389506</v>
      </c>
      <c r="DF9" s="396">
        <v>5096037</v>
      </c>
      <c r="DG9" s="394">
        <v>70185984</v>
      </c>
      <c r="DH9" s="393">
        <v>77282147</v>
      </c>
      <c r="DI9" s="397">
        <v>123307</v>
      </c>
      <c r="DJ9" s="396">
        <v>527117</v>
      </c>
      <c r="DK9" s="399">
        <v>650424</v>
      </c>
      <c r="DL9" s="395">
        <v>0</v>
      </c>
      <c r="DM9" s="396">
        <v>8842362</v>
      </c>
      <c r="DN9" s="396">
        <v>14105328</v>
      </c>
      <c r="DO9" s="396">
        <v>21215316</v>
      </c>
      <c r="DP9" s="396">
        <v>20750783</v>
      </c>
      <c r="DQ9" s="396">
        <v>11121783</v>
      </c>
      <c r="DR9" s="402">
        <v>76035572</v>
      </c>
      <c r="DS9" s="393">
        <v>76685996</v>
      </c>
      <c r="DT9" s="397">
        <v>95423</v>
      </c>
      <c r="DU9" s="396">
        <v>305831</v>
      </c>
      <c r="DV9" s="394">
        <v>401254</v>
      </c>
      <c r="DW9" s="395">
        <v>0</v>
      </c>
      <c r="DX9" s="396">
        <v>7733244</v>
      </c>
      <c r="DY9" s="396">
        <v>11444330</v>
      </c>
      <c r="DZ9" s="396">
        <v>18367700</v>
      </c>
      <c r="EA9" s="396">
        <v>17362734</v>
      </c>
      <c r="EB9" s="396">
        <v>9399642</v>
      </c>
      <c r="EC9" s="394">
        <v>64307650</v>
      </c>
      <c r="ED9" s="393">
        <v>64708904</v>
      </c>
      <c r="EE9" s="397">
        <v>27884</v>
      </c>
      <c r="EF9" s="392">
        <v>221286</v>
      </c>
      <c r="EG9" s="394">
        <v>249170</v>
      </c>
      <c r="EH9" s="398">
        <v>0</v>
      </c>
      <c r="EI9" s="396">
        <v>1109118</v>
      </c>
      <c r="EJ9" s="396">
        <v>2660998</v>
      </c>
      <c r="EK9" s="396">
        <v>2847616</v>
      </c>
      <c r="EL9" s="396">
        <v>3388049</v>
      </c>
      <c r="EM9" s="400">
        <v>1722141</v>
      </c>
      <c r="EN9" s="392">
        <v>11727922</v>
      </c>
      <c r="EO9" s="393">
        <v>11977092</v>
      </c>
      <c r="EP9" s="397">
        <v>0</v>
      </c>
      <c r="EQ9" s="396">
        <v>0</v>
      </c>
      <c r="ER9" s="392">
        <v>0</v>
      </c>
      <c r="ES9" s="395">
        <v>0</v>
      </c>
      <c r="ET9" s="396">
        <v>0</v>
      </c>
      <c r="EU9" s="396">
        <v>0</v>
      </c>
      <c r="EV9" s="396">
        <v>0</v>
      </c>
      <c r="EW9" s="396">
        <v>0</v>
      </c>
      <c r="EX9" s="396">
        <v>0</v>
      </c>
      <c r="EY9" s="401">
        <v>0</v>
      </c>
      <c r="EZ9" s="393">
        <v>0</v>
      </c>
      <c r="FA9" s="397">
        <v>0</v>
      </c>
      <c r="FB9" s="396">
        <v>0</v>
      </c>
      <c r="FC9" s="392">
        <v>0</v>
      </c>
      <c r="FD9" s="403"/>
      <c r="FE9" s="396">
        <v>0</v>
      </c>
      <c r="FF9" s="396">
        <v>0</v>
      </c>
      <c r="FG9" s="396">
        <v>0</v>
      </c>
      <c r="FH9" s="396">
        <v>0</v>
      </c>
      <c r="FI9" s="396">
        <v>0</v>
      </c>
      <c r="FJ9" s="401">
        <v>0</v>
      </c>
      <c r="FK9" s="393">
        <v>0</v>
      </c>
      <c r="FL9" s="397">
        <v>5388505</v>
      </c>
      <c r="FM9" s="396">
        <v>7462995</v>
      </c>
      <c r="FN9" s="394">
        <v>12851500</v>
      </c>
      <c r="FO9" s="395">
        <v>0</v>
      </c>
      <c r="FP9" s="396">
        <v>12045439</v>
      </c>
      <c r="FQ9" s="396">
        <v>30177070</v>
      </c>
      <c r="FR9" s="396">
        <v>21957866</v>
      </c>
      <c r="FS9" s="396">
        <v>21216837</v>
      </c>
      <c r="FT9" s="396">
        <v>15984275</v>
      </c>
      <c r="FU9" s="394">
        <v>101381487</v>
      </c>
      <c r="FV9" s="393">
        <v>114232987</v>
      </c>
      <c r="FW9" s="397">
        <v>2327521</v>
      </c>
      <c r="FX9" s="396">
        <v>5295022</v>
      </c>
      <c r="FY9" s="392">
        <v>7622543</v>
      </c>
      <c r="FZ9" s="398">
        <v>0</v>
      </c>
      <c r="GA9" s="396">
        <v>8925299</v>
      </c>
      <c r="GB9" s="404">
        <v>26955454</v>
      </c>
      <c r="GC9" s="396">
        <v>19874980</v>
      </c>
      <c r="GD9" s="404">
        <v>19617989</v>
      </c>
      <c r="GE9" s="396">
        <v>15268519</v>
      </c>
      <c r="GF9" s="401">
        <v>90642241</v>
      </c>
      <c r="GG9" s="405">
        <v>98264784</v>
      </c>
      <c r="GH9" s="406">
        <v>356972</v>
      </c>
      <c r="GI9" s="396">
        <v>345580</v>
      </c>
      <c r="GJ9" s="404">
        <v>702552</v>
      </c>
      <c r="GK9" s="391">
        <v>0</v>
      </c>
      <c r="GL9" s="396">
        <v>648755</v>
      </c>
      <c r="GM9" s="392">
        <v>741743</v>
      </c>
      <c r="GN9" s="396">
        <v>862618</v>
      </c>
      <c r="GO9" s="392">
        <v>551723</v>
      </c>
      <c r="GP9" s="396">
        <v>309826</v>
      </c>
      <c r="GQ9" s="402">
        <v>3114665</v>
      </c>
      <c r="GR9" s="393">
        <v>3817217</v>
      </c>
      <c r="GS9" s="392">
        <v>2704012</v>
      </c>
      <c r="GT9" s="396">
        <v>1822393</v>
      </c>
      <c r="GU9" s="394">
        <v>4526405</v>
      </c>
      <c r="GV9" s="392">
        <v>0</v>
      </c>
      <c r="GW9" s="396">
        <v>2471385</v>
      </c>
      <c r="GX9" s="392">
        <v>2479873</v>
      </c>
      <c r="GY9" s="396">
        <v>1220268</v>
      </c>
      <c r="GZ9" s="392">
        <v>1047125</v>
      </c>
      <c r="HA9" s="396">
        <v>405930</v>
      </c>
      <c r="HB9" s="392">
        <v>7624581</v>
      </c>
      <c r="HC9" s="393">
        <v>12150986</v>
      </c>
      <c r="HD9" s="392">
        <v>10241192</v>
      </c>
      <c r="HE9" s="396">
        <v>13594498</v>
      </c>
      <c r="HF9" s="392">
        <v>23835690</v>
      </c>
      <c r="HG9" s="398">
        <v>0</v>
      </c>
      <c r="HH9" s="396">
        <v>85542103</v>
      </c>
      <c r="HI9" s="404">
        <v>94373457</v>
      </c>
      <c r="HJ9" s="396">
        <v>93466727</v>
      </c>
      <c r="HK9" s="404">
        <v>118099365</v>
      </c>
      <c r="HL9" s="396">
        <v>79245064</v>
      </c>
      <c r="HM9" s="401">
        <v>470726716</v>
      </c>
      <c r="HN9" s="392">
        <v>494562406</v>
      </c>
      <c r="HO9" s="469"/>
      <c r="HP9" s="470"/>
      <c r="HQ9" s="471"/>
      <c r="HR9" s="472"/>
      <c r="HS9" s="470"/>
      <c r="HT9" s="472"/>
      <c r="HU9" s="470"/>
      <c r="HV9" s="472"/>
      <c r="HW9" s="470"/>
      <c r="HX9" s="472"/>
      <c r="HY9" s="473"/>
      <c r="HZ9" s="407">
        <v>709825</v>
      </c>
      <c r="IA9" s="408">
        <v>1255450</v>
      </c>
      <c r="IB9" s="409">
        <v>1965275</v>
      </c>
      <c r="IC9" s="410">
        <v>0</v>
      </c>
      <c r="ID9" s="408">
        <v>55315006</v>
      </c>
      <c r="IE9" s="411">
        <v>69261520</v>
      </c>
      <c r="IF9" s="412">
        <v>75060028</v>
      </c>
      <c r="IG9" s="408">
        <v>56571958</v>
      </c>
      <c r="IH9" s="412">
        <v>44813280</v>
      </c>
      <c r="II9" s="413">
        <v>301021792</v>
      </c>
      <c r="IJ9" s="414">
        <v>302987067</v>
      </c>
      <c r="IK9" s="415">
        <v>0</v>
      </c>
      <c r="IL9" s="416">
        <v>0</v>
      </c>
      <c r="IM9" s="417">
        <v>0</v>
      </c>
      <c r="IN9" s="418"/>
      <c r="IO9" s="419">
        <v>1657281</v>
      </c>
      <c r="IP9" s="419">
        <v>2875848</v>
      </c>
      <c r="IQ9" s="419">
        <v>3559100</v>
      </c>
      <c r="IR9" s="419">
        <v>6051693</v>
      </c>
      <c r="IS9" s="419">
        <v>3660823</v>
      </c>
      <c r="IT9" s="420">
        <v>17804745</v>
      </c>
      <c r="IU9" s="421">
        <v>17804745</v>
      </c>
      <c r="IV9" s="422">
        <v>0</v>
      </c>
      <c r="IW9" s="419">
        <v>0</v>
      </c>
      <c r="IX9" s="423">
        <v>0</v>
      </c>
      <c r="IY9" s="424"/>
      <c r="IZ9" s="419">
        <v>105054</v>
      </c>
      <c r="JA9" s="419">
        <v>549620</v>
      </c>
      <c r="JB9" s="419">
        <v>1249279</v>
      </c>
      <c r="JC9" s="419">
        <v>817303</v>
      </c>
      <c r="JD9" s="419">
        <v>864664</v>
      </c>
      <c r="JE9" s="423">
        <v>3585920</v>
      </c>
      <c r="JF9" s="425">
        <v>3585920</v>
      </c>
      <c r="JG9" s="422">
        <v>0</v>
      </c>
      <c r="JH9" s="419">
        <v>0</v>
      </c>
      <c r="JI9" s="420">
        <v>0</v>
      </c>
      <c r="JJ9" s="426">
        <v>0</v>
      </c>
      <c r="JK9" s="419">
        <v>26364962</v>
      </c>
      <c r="JL9" s="419">
        <v>24070777</v>
      </c>
      <c r="JM9" s="419">
        <v>19196605</v>
      </c>
      <c r="JN9" s="419">
        <v>9278755</v>
      </c>
      <c r="JO9" s="419">
        <v>4276850</v>
      </c>
      <c r="JP9" s="423">
        <v>83187949</v>
      </c>
      <c r="JQ9" s="421">
        <v>83187949</v>
      </c>
      <c r="JR9" s="422">
        <v>60546</v>
      </c>
      <c r="JS9" s="419">
        <v>0</v>
      </c>
      <c r="JT9" s="420">
        <v>60546</v>
      </c>
      <c r="JU9" s="426">
        <v>0</v>
      </c>
      <c r="JV9" s="419">
        <v>2757015</v>
      </c>
      <c r="JW9" s="419">
        <v>6343545</v>
      </c>
      <c r="JX9" s="419">
        <v>5883171</v>
      </c>
      <c r="JY9" s="419">
        <v>3229767</v>
      </c>
      <c r="JZ9" s="419">
        <v>3169941</v>
      </c>
      <c r="KA9" s="423">
        <v>21383439</v>
      </c>
      <c r="KB9" s="421">
        <v>21443985</v>
      </c>
      <c r="KC9" s="427">
        <v>649279</v>
      </c>
      <c r="KD9" s="428">
        <v>1255450</v>
      </c>
      <c r="KE9" s="423">
        <v>1904729</v>
      </c>
      <c r="KF9" s="426">
        <v>0</v>
      </c>
      <c r="KG9" s="419">
        <v>7373596</v>
      </c>
      <c r="KH9" s="419">
        <v>7784485</v>
      </c>
      <c r="KI9" s="419">
        <v>11879726</v>
      </c>
      <c r="KJ9" s="419">
        <v>8426829</v>
      </c>
      <c r="KK9" s="419">
        <v>4410304</v>
      </c>
      <c r="KL9" s="423">
        <v>39874940</v>
      </c>
      <c r="KM9" s="429">
        <v>41779669</v>
      </c>
      <c r="KN9" s="415">
        <v>0</v>
      </c>
      <c r="KO9" s="416">
        <v>0</v>
      </c>
      <c r="KP9" s="417">
        <v>0</v>
      </c>
      <c r="KQ9" s="418"/>
      <c r="KR9" s="419">
        <v>15256358</v>
      </c>
      <c r="KS9" s="419">
        <v>24022385</v>
      </c>
      <c r="KT9" s="419">
        <v>26523793</v>
      </c>
      <c r="KU9" s="419">
        <v>18744423</v>
      </c>
      <c r="KV9" s="419">
        <v>15802605</v>
      </c>
      <c r="KW9" s="423">
        <v>100349564</v>
      </c>
      <c r="KX9" s="421">
        <v>100349564</v>
      </c>
      <c r="KY9" s="422">
        <v>0</v>
      </c>
      <c r="KZ9" s="419">
        <v>0</v>
      </c>
      <c r="LA9" s="423">
        <v>0</v>
      </c>
      <c r="LB9" s="430"/>
      <c r="LC9" s="419">
        <v>304200</v>
      </c>
      <c r="LD9" s="419">
        <v>1091760</v>
      </c>
      <c r="LE9" s="419">
        <v>1316170</v>
      </c>
      <c r="LF9" s="419">
        <v>1141088</v>
      </c>
      <c r="LG9" s="419">
        <v>1533584</v>
      </c>
      <c r="LH9" s="423">
        <v>5386802</v>
      </c>
      <c r="LI9" s="425">
        <v>5386802</v>
      </c>
      <c r="LJ9" s="422">
        <v>0</v>
      </c>
      <c r="LK9" s="419">
        <v>0</v>
      </c>
      <c r="LL9" s="423">
        <v>0</v>
      </c>
      <c r="LM9" s="430"/>
      <c r="LN9" s="419">
        <v>192859</v>
      </c>
      <c r="LO9" s="419">
        <v>339734</v>
      </c>
      <c r="LP9" s="419">
        <v>2236472</v>
      </c>
      <c r="LQ9" s="419">
        <v>3802079</v>
      </c>
      <c r="LR9" s="419">
        <v>2066122</v>
      </c>
      <c r="LS9" s="423">
        <v>8637266</v>
      </c>
      <c r="LT9" s="421">
        <v>8637266</v>
      </c>
      <c r="LU9" s="422">
        <v>0</v>
      </c>
      <c r="LV9" s="419">
        <v>0</v>
      </c>
      <c r="LW9" s="423">
        <v>0</v>
      </c>
      <c r="LX9" s="430"/>
      <c r="LY9" s="419">
        <v>1303681</v>
      </c>
      <c r="LZ9" s="419">
        <v>2183366</v>
      </c>
      <c r="MA9" s="419">
        <v>3215712</v>
      </c>
      <c r="MB9" s="419">
        <v>5080021</v>
      </c>
      <c r="MC9" s="419">
        <v>9028387</v>
      </c>
      <c r="MD9" s="423">
        <v>20811167</v>
      </c>
      <c r="ME9" s="425">
        <v>20811167</v>
      </c>
      <c r="MF9" s="422">
        <v>0</v>
      </c>
      <c r="MG9" s="419">
        <v>0</v>
      </c>
      <c r="MH9" s="423">
        <v>0</v>
      </c>
      <c r="MI9" s="430"/>
      <c r="MJ9" s="419">
        <v>11492503</v>
      </c>
      <c r="MK9" s="419">
        <v>33064571</v>
      </c>
      <c r="ML9" s="419">
        <v>96828638</v>
      </c>
      <c r="MM9" s="419">
        <v>169300814</v>
      </c>
      <c r="MN9" s="419">
        <v>112525734</v>
      </c>
      <c r="MO9" s="423">
        <v>423212260</v>
      </c>
      <c r="MP9" s="429">
        <v>423212260</v>
      </c>
      <c r="MQ9" s="422">
        <v>0</v>
      </c>
      <c r="MR9" s="419">
        <v>0</v>
      </c>
      <c r="MS9" s="423">
        <v>0</v>
      </c>
      <c r="MT9" s="430"/>
      <c r="MU9" s="419">
        <v>741782</v>
      </c>
      <c r="MV9" s="419">
        <v>5919358</v>
      </c>
      <c r="MW9" s="419">
        <v>47783818</v>
      </c>
      <c r="MX9" s="419">
        <v>96097545</v>
      </c>
      <c r="MY9" s="419">
        <v>68414456</v>
      </c>
      <c r="MZ9" s="423">
        <v>218956959</v>
      </c>
      <c r="NA9" s="429">
        <v>218956959</v>
      </c>
      <c r="NB9" s="422">
        <v>0</v>
      </c>
      <c r="NC9" s="419">
        <v>0</v>
      </c>
      <c r="ND9" s="423">
        <v>0</v>
      </c>
      <c r="NE9" s="430"/>
      <c r="NF9" s="419">
        <v>10750721</v>
      </c>
      <c r="NG9" s="419">
        <v>26742059</v>
      </c>
      <c r="NH9" s="419">
        <v>49246676</v>
      </c>
      <c r="NI9" s="419">
        <v>67241869</v>
      </c>
      <c r="NJ9" s="419">
        <v>33210602</v>
      </c>
      <c r="NK9" s="423">
        <v>187191927</v>
      </c>
      <c r="NL9" s="421">
        <v>187191927</v>
      </c>
      <c r="NM9" s="422">
        <v>0</v>
      </c>
      <c r="NN9" s="419">
        <v>0</v>
      </c>
      <c r="NO9" s="423">
        <v>0</v>
      </c>
      <c r="NP9" s="430"/>
      <c r="NQ9" s="419">
        <v>0</v>
      </c>
      <c r="NR9" s="419">
        <v>24812</v>
      </c>
      <c r="NS9" s="419">
        <v>-201856</v>
      </c>
      <c r="NT9" s="419">
        <v>3335437</v>
      </c>
      <c r="NU9" s="419">
        <v>4969624</v>
      </c>
      <c r="NV9" s="423">
        <v>8128017</v>
      </c>
      <c r="NW9" s="425">
        <v>8128017</v>
      </c>
      <c r="NX9" s="422">
        <v>0</v>
      </c>
      <c r="NY9" s="419">
        <v>0</v>
      </c>
      <c r="NZ9" s="423">
        <v>0</v>
      </c>
      <c r="OA9" s="430"/>
      <c r="OB9" s="419">
        <v>0</v>
      </c>
      <c r="OC9" s="419">
        <v>378342</v>
      </c>
      <c r="OD9" s="419">
        <v>0</v>
      </c>
      <c r="OE9" s="419">
        <v>2625963</v>
      </c>
      <c r="OF9" s="419">
        <v>5931052</v>
      </c>
      <c r="OG9" s="423">
        <v>8935357</v>
      </c>
      <c r="OH9" s="425">
        <v>8935357</v>
      </c>
      <c r="OI9" s="422">
        <v>25467569</v>
      </c>
      <c r="OJ9" s="419">
        <v>41292684</v>
      </c>
      <c r="OK9" s="420">
        <v>66760253</v>
      </c>
      <c r="OL9" s="426">
        <v>0</v>
      </c>
      <c r="OM9" s="419">
        <v>315789693</v>
      </c>
      <c r="ON9" s="419">
        <v>434515417</v>
      </c>
      <c r="OO9" s="419">
        <v>452581631</v>
      </c>
      <c r="OP9" s="419">
        <v>535516316</v>
      </c>
      <c r="OQ9" s="419">
        <v>396103211</v>
      </c>
      <c r="OR9" s="423">
        <v>2134506268</v>
      </c>
      <c r="OS9" s="429">
        <v>2201266521</v>
      </c>
    </row>
    <row r="10" spans="1:409" s="474" customFormat="1" ht="20.25" customHeight="1" x14ac:dyDescent="0.2">
      <c r="A10" s="44"/>
      <c r="B10" s="475" t="s">
        <v>5</v>
      </c>
      <c r="C10" s="433">
        <v>10678032</v>
      </c>
      <c r="D10" s="434">
        <v>20142339</v>
      </c>
      <c r="E10" s="435">
        <v>30820371</v>
      </c>
      <c r="F10" s="436">
        <v>0</v>
      </c>
      <c r="G10" s="434">
        <v>95899135</v>
      </c>
      <c r="H10" s="434">
        <v>167441838</v>
      </c>
      <c r="I10" s="434">
        <v>128044969</v>
      </c>
      <c r="J10" s="434">
        <v>138317116</v>
      </c>
      <c r="K10" s="434">
        <v>102160660</v>
      </c>
      <c r="L10" s="436">
        <v>631863718</v>
      </c>
      <c r="M10" s="437">
        <v>662684089</v>
      </c>
      <c r="N10" s="433">
        <v>3276181</v>
      </c>
      <c r="O10" s="434">
        <v>7211554</v>
      </c>
      <c r="P10" s="435">
        <v>10487735</v>
      </c>
      <c r="Q10" s="433">
        <v>0</v>
      </c>
      <c r="R10" s="434">
        <v>29152483</v>
      </c>
      <c r="S10" s="434">
        <v>60042353</v>
      </c>
      <c r="T10" s="434">
        <v>38654672</v>
      </c>
      <c r="U10" s="434">
        <v>47494408</v>
      </c>
      <c r="V10" s="434">
        <v>47149046</v>
      </c>
      <c r="W10" s="435">
        <v>222492962</v>
      </c>
      <c r="X10" s="437">
        <v>232980697</v>
      </c>
      <c r="Y10" s="433">
        <v>0</v>
      </c>
      <c r="Z10" s="434">
        <v>0</v>
      </c>
      <c r="AA10" s="435">
        <v>0</v>
      </c>
      <c r="AB10" s="433">
        <v>0</v>
      </c>
      <c r="AC10" s="434">
        <v>11904512</v>
      </c>
      <c r="AD10" s="434">
        <v>24352688</v>
      </c>
      <c r="AE10" s="434">
        <v>17263168</v>
      </c>
      <c r="AF10" s="434">
        <v>22516588</v>
      </c>
      <c r="AG10" s="434">
        <v>24919361</v>
      </c>
      <c r="AH10" s="435">
        <v>100956317</v>
      </c>
      <c r="AI10" s="437">
        <v>100956317</v>
      </c>
      <c r="AJ10" s="433">
        <v>0</v>
      </c>
      <c r="AK10" s="434">
        <v>28465</v>
      </c>
      <c r="AL10" s="435">
        <v>28465</v>
      </c>
      <c r="AM10" s="433">
        <v>0</v>
      </c>
      <c r="AN10" s="434">
        <v>12197</v>
      </c>
      <c r="AO10" s="434">
        <v>657755</v>
      </c>
      <c r="AP10" s="434">
        <v>1047349</v>
      </c>
      <c r="AQ10" s="434">
        <v>3091152</v>
      </c>
      <c r="AR10" s="434">
        <v>5472644</v>
      </c>
      <c r="AS10" s="435">
        <v>10281097</v>
      </c>
      <c r="AT10" s="437">
        <v>10309562</v>
      </c>
      <c r="AU10" s="433">
        <v>1720975</v>
      </c>
      <c r="AV10" s="434">
        <v>4843669</v>
      </c>
      <c r="AW10" s="435">
        <v>6564644</v>
      </c>
      <c r="AX10" s="433">
        <v>0</v>
      </c>
      <c r="AY10" s="434">
        <v>10770660</v>
      </c>
      <c r="AZ10" s="434">
        <v>24500567</v>
      </c>
      <c r="BA10" s="434">
        <v>12746710</v>
      </c>
      <c r="BB10" s="434">
        <v>12966407</v>
      </c>
      <c r="BC10" s="434">
        <v>10798863</v>
      </c>
      <c r="BD10" s="435">
        <v>71783207</v>
      </c>
      <c r="BE10" s="437">
        <v>78347851</v>
      </c>
      <c r="BF10" s="433">
        <v>143054</v>
      </c>
      <c r="BG10" s="434">
        <v>746304</v>
      </c>
      <c r="BH10" s="438">
        <v>889358</v>
      </c>
      <c r="BI10" s="439">
        <v>0</v>
      </c>
      <c r="BJ10" s="434">
        <v>650123</v>
      </c>
      <c r="BK10" s="434">
        <v>2179601</v>
      </c>
      <c r="BL10" s="434">
        <v>1131623</v>
      </c>
      <c r="BM10" s="434">
        <v>1447229</v>
      </c>
      <c r="BN10" s="434">
        <v>558476</v>
      </c>
      <c r="BO10" s="435">
        <v>5967052</v>
      </c>
      <c r="BP10" s="437">
        <v>6856410</v>
      </c>
      <c r="BQ10" s="433">
        <v>1412152</v>
      </c>
      <c r="BR10" s="434">
        <v>1593116</v>
      </c>
      <c r="BS10" s="435">
        <v>3005268</v>
      </c>
      <c r="BT10" s="433">
        <v>0</v>
      </c>
      <c r="BU10" s="434">
        <v>5814991</v>
      </c>
      <c r="BV10" s="434">
        <v>8351742</v>
      </c>
      <c r="BW10" s="434">
        <v>6465822</v>
      </c>
      <c r="BX10" s="434">
        <v>7473032</v>
      </c>
      <c r="BY10" s="434">
        <v>5399702</v>
      </c>
      <c r="BZ10" s="435">
        <v>33505289</v>
      </c>
      <c r="CA10" s="437">
        <v>36510557</v>
      </c>
      <c r="CB10" s="433">
        <v>978188</v>
      </c>
      <c r="CC10" s="434">
        <v>2495525</v>
      </c>
      <c r="CD10" s="435">
        <v>3473713</v>
      </c>
      <c r="CE10" s="433">
        <v>0</v>
      </c>
      <c r="CF10" s="434">
        <v>22458280</v>
      </c>
      <c r="CG10" s="434">
        <v>37140045</v>
      </c>
      <c r="CH10" s="434">
        <v>24925327</v>
      </c>
      <c r="CI10" s="434">
        <v>17630032</v>
      </c>
      <c r="CJ10" s="434">
        <v>7789577</v>
      </c>
      <c r="CK10" s="435">
        <v>109943261</v>
      </c>
      <c r="CL10" s="437">
        <v>113416974</v>
      </c>
      <c r="CM10" s="433">
        <v>0</v>
      </c>
      <c r="CN10" s="434">
        <v>0</v>
      </c>
      <c r="CO10" s="435">
        <v>0</v>
      </c>
      <c r="CP10" s="439">
        <v>0</v>
      </c>
      <c r="CQ10" s="434">
        <v>18335944</v>
      </c>
      <c r="CR10" s="434">
        <v>24974348</v>
      </c>
      <c r="CS10" s="434">
        <v>15878807</v>
      </c>
      <c r="CT10" s="434">
        <v>11538577</v>
      </c>
      <c r="CU10" s="434">
        <v>5108001</v>
      </c>
      <c r="CV10" s="435">
        <v>75835677</v>
      </c>
      <c r="CW10" s="437">
        <v>75835677</v>
      </c>
      <c r="CX10" s="433">
        <v>978188</v>
      </c>
      <c r="CY10" s="434">
        <v>2495525</v>
      </c>
      <c r="CZ10" s="435">
        <v>3473713</v>
      </c>
      <c r="DA10" s="433">
        <v>0</v>
      </c>
      <c r="DB10" s="434">
        <v>4122336</v>
      </c>
      <c r="DC10" s="434">
        <v>12165697</v>
      </c>
      <c r="DD10" s="434">
        <v>9046520</v>
      </c>
      <c r="DE10" s="434">
        <v>6091455</v>
      </c>
      <c r="DF10" s="434">
        <v>2681576</v>
      </c>
      <c r="DG10" s="435">
        <v>34107584</v>
      </c>
      <c r="DH10" s="437">
        <v>37581297</v>
      </c>
      <c r="DI10" s="433">
        <v>11911</v>
      </c>
      <c r="DJ10" s="434">
        <v>304936</v>
      </c>
      <c r="DK10" s="438">
        <v>316847</v>
      </c>
      <c r="DL10" s="439">
        <v>0</v>
      </c>
      <c r="DM10" s="434">
        <v>4368936</v>
      </c>
      <c r="DN10" s="434">
        <v>7633404</v>
      </c>
      <c r="DO10" s="434">
        <v>9418218</v>
      </c>
      <c r="DP10" s="434">
        <v>9702644</v>
      </c>
      <c r="DQ10" s="434">
        <v>5257382</v>
      </c>
      <c r="DR10" s="435">
        <v>36380584</v>
      </c>
      <c r="DS10" s="437">
        <v>36697431</v>
      </c>
      <c r="DT10" s="433">
        <v>11911</v>
      </c>
      <c r="DU10" s="434">
        <v>170030</v>
      </c>
      <c r="DV10" s="435">
        <v>181941</v>
      </c>
      <c r="DW10" s="433">
        <v>0</v>
      </c>
      <c r="DX10" s="434">
        <v>3675432</v>
      </c>
      <c r="DY10" s="434">
        <v>5866610</v>
      </c>
      <c r="DZ10" s="434">
        <v>7643413</v>
      </c>
      <c r="EA10" s="434">
        <v>7298323</v>
      </c>
      <c r="EB10" s="434">
        <v>4139239</v>
      </c>
      <c r="EC10" s="435">
        <v>28623017</v>
      </c>
      <c r="ED10" s="437">
        <v>28804958</v>
      </c>
      <c r="EE10" s="433">
        <v>0</v>
      </c>
      <c r="EF10" s="438">
        <v>134906</v>
      </c>
      <c r="EG10" s="435">
        <v>134906</v>
      </c>
      <c r="EH10" s="433">
        <v>0</v>
      </c>
      <c r="EI10" s="434">
        <v>693504</v>
      </c>
      <c r="EJ10" s="434">
        <v>1766794</v>
      </c>
      <c r="EK10" s="434">
        <v>1774805</v>
      </c>
      <c r="EL10" s="434">
        <v>2404321</v>
      </c>
      <c r="EM10" s="434">
        <v>1118143</v>
      </c>
      <c r="EN10" s="438">
        <v>7757567</v>
      </c>
      <c r="EO10" s="437">
        <v>7892473</v>
      </c>
      <c r="EP10" s="433">
        <v>0</v>
      </c>
      <c r="EQ10" s="434">
        <v>0</v>
      </c>
      <c r="ER10" s="438">
        <v>0</v>
      </c>
      <c r="ES10" s="439">
        <v>0</v>
      </c>
      <c r="ET10" s="434">
        <v>0</v>
      </c>
      <c r="EU10" s="434">
        <v>0</v>
      </c>
      <c r="EV10" s="434">
        <v>0</v>
      </c>
      <c r="EW10" s="434">
        <v>0</v>
      </c>
      <c r="EX10" s="434">
        <v>0</v>
      </c>
      <c r="EY10" s="435">
        <v>0</v>
      </c>
      <c r="EZ10" s="437">
        <v>0</v>
      </c>
      <c r="FA10" s="433">
        <v>0</v>
      </c>
      <c r="FB10" s="434">
        <v>0</v>
      </c>
      <c r="FC10" s="438">
        <v>0</v>
      </c>
      <c r="FD10" s="440"/>
      <c r="FE10" s="434">
        <v>0</v>
      </c>
      <c r="FF10" s="434">
        <v>0</v>
      </c>
      <c r="FG10" s="434">
        <v>0</v>
      </c>
      <c r="FH10" s="434">
        <v>0</v>
      </c>
      <c r="FI10" s="434">
        <v>0</v>
      </c>
      <c r="FJ10" s="435">
        <v>0</v>
      </c>
      <c r="FK10" s="437">
        <v>0</v>
      </c>
      <c r="FL10" s="433">
        <v>2053080</v>
      </c>
      <c r="FM10" s="434">
        <v>3265798</v>
      </c>
      <c r="FN10" s="435">
        <v>5318878</v>
      </c>
      <c r="FO10" s="433">
        <v>0</v>
      </c>
      <c r="FP10" s="434">
        <v>3377464</v>
      </c>
      <c r="FQ10" s="434">
        <v>13811379</v>
      </c>
      <c r="FR10" s="434">
        <v>9080329</v>
      </c>
      <c r="FS10" s="434">
        <v>8556132</v>
      </c>
      <c r="FT10" s="434">
        <v>6337838</v>
      </c>
      <c r="FU10" s="435">
        <v>41163142</v>
      </c>
      <c r="FV10" s="437">
        <v>46482020</v>
      </c>
      <c r="FW10" s="441">
        <v>867524</v>
      </c>
      <c r="FX10" s="434">
        <v>2288578</v>
      </c>
      <c r="FY10" s="438">
        <v>3156102</v>
      </c>
      <c r="FZ10" s="439">
        <v>0</v>
      </c>
      <c r="GA10" s="434">
        <v>2590446</v>
      </c>
      <c r="GB10" s="434">
        <v>12729003</v>
      </c>
      <c r="GC10" s="434">
        <v>8484520</v>
      </c>
      <c r="GD10" s="434">
        <v>8013460</v>
      </c>
      <c r="GE10" s="434">
        <v>6016094</v>
      </c>
      <c r="GF10" s="435">
        <v>37833523</v>
      </c>
      <c r="GG10" s="442">
        <v>40989625</v>
      </c>
      <c r="GH10" s="441">
        <v>92750</v>
      </c>
      <c r="GI10" s="434">
        <v>101942</v>
      </c>
      <c r="GJ10" s="438">
        <v>194692</v>
      </c>
      <c r="GK10" s="439">
        <v>0</v>
      </c>
      <c r="GL10" s="434">
        <v>236902</v>
      </c>
      <c r="GM10" s="434">
        <v>392183</v>
      </c>
      <c r="GN10" s="434">
        <v>394909</v>
      </c>
      <c r="GO10" s="434">
        <v>183689</v>
      </c>
      <c r="GP10" s="434">
        <v>183144</v>
      </c>
      <c r="GQ10" s="435">
        <v>1390827</v>
      </c>
      <c r="GR10" s="437">
        <v>1585519</v>
      </c>
      <c r="GS10" s="433">
        <v>1092806</v>
      </c>
      <c r="GT10" s="434">
        <v>875278</v>
      </c>
      <c r="GU10" s="435">
        <v>1968084</v>
      </c>
      <c r="GV10" s="433">
        <v>0</v>
      </c>
      <c r="GW10" s="434">
        <v>550116</v>
      </c>
      <c r="GX10" s="434">
        <v>690193</v>
      </c>
      <c r="GY10" s="434">
        <v>200900</v>
      </c>
      <c r="GZ10" s="434">
        <v>358983</v>
      </c>
      <c r="HA10" s="434">
        <v>138600</v>
      </c>
      <c r="HB10" s="438">
        <v>1938792</v>
      </c>
      <c r="HC10" s="437">
        <v>3906876</v>
      </c>
      <c r="HD10" s="433">
        <v>4358672</v>
      </c>
      <c r="HE10" s="434">
        <v>6864526</v>
      </c>
      <c r="HF10" s="438">
        <v>11223198</v>
      </c>
      <c r="HG10" s="439">
        <v>0</v>
      </c>
      <c r="HH10" s="434">
        <v>36541972</v>
      </c>
      <c r="HI10" s="434">
        <v>48814657</v>
      </c>
      <c r="HJ10" s="434">
        <v>45966423</v>
      </c>
      <c r="HK10" s="434">
        <v>54933900</v>
      </c>
      <c r="HL10" s="434">
        <v>35626817</v>
      </c>
      <c r="HM10" s="435">
        <v>221883769</v>
      </c>
      <c r="HN10" s="436">
        <v>233106967</v>
      </c>
      <c r="HO10" s="476"/>
      <c r="HP10" s="477"/>
      <c r="HQ10" s="478"/>
      <c r="HR10" s="479"/>
      <c r="HS10" s="477"/>
      <c r="HT10" s="477"/>
      <c r="HU10" s="477"/>
      <c r="HV10" s="477"/>
      <c r="HW10" s="477"/>
      <c r="HX10" s="480"/>
      <c r="HY10" s="481"/>
      <c r="HZ10" s="443">
        <v>516631</v>
      </c>
      <c r="IA10" s="444">
        <v>267866</v>
      </c>
      <c r="IB10" s="445">
        <v>784497</v>
      </c>
      <c r="IC10" s="446">
        <v>0</v>
      </c>
      <c r="ID10" s="447">
        <v>22372498</v>
      </c>
      <c r="IE10" s="448">
        <v>33956908</v>
      </c>
      <c r="IF10" s="449">
        <v>30514282</v>
      </c>
      <c r="IG10" s="447">
        <v>22495093</v>
      </c>
      <c r="IH10" s="449">
        <v>16770971</v>
      </c>
      <c r="II10" s="450">
        <v>126109752</v>
      </c>
      <c r="IJ10" s="451">
        <v>126894249</v>
      </c>
      <c r="IK10" s="452">
        <v>0</v>
      </c>
      <c r="IL10" s="453">
        <v>0</v>
      </c>
      <c r="IM10" s="454">
        <v>0</v>
      </c>
      <c r="IN10" s="455"/>
      <c r="IO10" s="456">
        <v>610365</v>
      </c>
      <c r="IP10" s="456">
        <v>1592095</v>
      </c>
      <c r="IQ10" s="456">
        <v>1127660</v>
      </c>
      <c r="IR10" s="456">
        <v>2697012</v>
      </c>
      <c r="IS10" s="456">
        <v>683682</v>
      </c>
      <c r="IT10" s="457">
        <v>6710814</v>
      </c>
      <c r="IU10" s="458">
        <v>6710814</v>
      </c>
      <c r="IV10" s="459">
        <v>0</v>
      </c>
      <c r="IW10" s="456">
        <v>0</v>
      </c>
      <c r="IX10" s="460">
        <v>0</v>
      </c>
      <c r="IY10" s="461"/>
      <c r="IZ10" s="456">
        <v>66059</v>
      </c>
      <c r="JA10" s="456">
        <v>404374</v>
      </c>
      <c r="JB10" s="456">
        <v>1051093</v>
      </c>
      <c r="JC10" s="456">
        <v>550678</v>
      </c>
      <c r="JD10" s="456">
        <v>639383</v>
      </c>
      <c r="JE10" s="460">
        <v>2711587</v>
      </c>
      <c r="JF10" s="462">
        <v>2711587</v>
      </c>
      <c r="JG10" s="459">
        <v>0</v>
      </c>
      <c r="JH10" s="456">
        <v>0</v>
      </c>
      <c r="JI10" s="457">
        <v>0</v>
      </c>
      <c r="JJ10" s="463">
        <v>0</v>
      </c>
      <c r="JK10" s="456">
        <v>10678164</v>
      </c>
      <c r="JL10" s="456">
        <v>13467449</v>
      </c>
      <c r="JM10" s="456">
        <v>6799209</v>
      </c>
      <c r="JN10" s="456">
        <v>5019474</v>
      </c>
      <c r="JO10" s="456">
        <v>1654633</v>
      </c>
      <c r="JP10" s="460">
        <v>37618929</v>
      </c>
      <c r="JQ10" s="458">
        <v>37618929</v>
      </c>
      <c r="JR10" s="459">
        <v>60546</v>
      </c>
      <c r="JS10" s="456">
        <v>0</v>
      </c>
      <c r="JT10" s="457">
        <v>60546</v>
      </c>
      <c r="JU10" s="463">
        <v>0</v>
      </c>
      <c r="JV10" s="456">
        <v>1640883</v>
      </c>
      <c r="JW10" s="456">
        <v>3907343</v>
      </c>
      <c r="JX10" s="456">
        <v>2766680</v>
      </c>
      <c r="JY10" s="456">
        <v>2571323</v>
      </c>
      <c r="JZ10" s="456">
        <v>2092696</v>
      </c>
      <c r="KA10" s="460">
        <v>12978925</v>
      </c>
      <c r="KB10" s="458">
        <v>13039471</v>
      </c>
      <c r="KC10" s="464">
        <v>456085</v>
      </c>
      <c r="KD10" s="465">
        <v>267866</v>
      </c>
      <c r="KE10" s="460">
        <v>723951</v>
      </c>
      <c r="KF10" s="463">
        <v>0</v>
      </c>
      <c r="KG10" s="456">
        <v>3029782</v>
      </c>
      <c r="KH10" s="456">
        <v>3865620</v>
      </c>
      <c r="KI10" s="456">
        <v>5496041</v>
      </c>
      <c r="KJ10" s="456">
        <v>3428895</v>
      </c>
      <c r="KK10" s="456">
        <v>1585425</v>
      </c>
      <c r="KL10" s="460">
        <v>17405763</v>
      </c>
      <c r="KM10" s="466">
        <v>18129714</v>
      </c>
      <c r="KN10" s="452">
        <v>0</v>
      </c>
      <c r="KO10" s="453">
        <v>0</v>
      </c>
      <c r="KP10" s="454">
        <v>0</v>
      </c>
      <c r="KQ10" s="455"/>
      <c r="KR10" s="456">
        <v>6050482</v>
      </c>
      <c r="KS10" s="456">
        <v>10154610</v>
      </c>
      <c r="KT10" s="456">
        <v>11658163</v>
      </c>
      <c r="KU10" s="456">
        <v>6898707</v>
      </c>
      <c r="KV10" s="456">
        <v>4959092</v>
      </c>
      <c r="KW10" s="460">
        <v>39721054</v>
      </c>
      <c r="KX10" s="458">
        <v>39721054</v>
      </c>
      <c r="KY10" s="459">
        <v>0</v>
      </c>
      <c r="KZ10" s="456">
        <v>0</v>
      </c>
      <c r="LA10" s="460">
        <v>0</v>
      </c>
      <c r="LB10" s="467"/>
      <c r="LC10" s="456">
        <v>0</v>
      </c>
      <c r="LD10" s="456">
        <v>0</v>
      </c>
      <c r="LE10" s="456">
        <v>0</v>
      </c>
      <c r="LF10" s="456">
        <v>0</v>
      </c>
      <c r="LG10" s="456">
        <v>0</v>
      </c>
      <c r="LH10" s="460">
        <v>0</v>
      </c>
      <c r="LI10" s="462">
        <v>0</v>
      </c>
      <c r="LJ10" s="459">
        <v>0</v>
      </c>
      <c r="LK10" s="456">
        <v>0</v>
      </c>
      <c r="LL10" s="460">
        <v>0</v>
      </c>
      <c r="LM10" s="467"/>
      <c r="LN10" s="456">
        <v>0</v>
      </c>
      <c r="LO10" s="456">
        <v>0</v>
      </c>
      <c r="LP10" s="456">
        <v>427208</v>
      </c>
      <c r="LQ10" s="456">
        <v>0</v>
      </c>
      <c r="LR10" s="456">
        <v>261123</v>
      </c>
      <c r="LS10" s="460">
        <v>688331</v>
      </c>
      <c r="LT10" s="458">
        <v>688331</v>
      </c>
      <c r="LU10" s="459">
        <v>0</v>
      </c>
      <c r="LV10" s="456">
        <v>0</v>
      </c>
      <c r="LW10" s="460">
        <v>0</v>
      </c>
      <c r="LX10" s="467"/>
      <c r="LY10" s="456">
        <v>296763</v>
      </c>
      <c r="LZ10" s="456">
        <v>565417</v>
      </c>
      <c r="MA10" s="456">
        <v>1188228</v>
      </c>
      <c r="MB10" s="456">
        <v>1329004</v>
      </c>
      <c r="MC10" s="456">
        <v>4894937</v>
      </c>
      <c r="MD10" s="460">
        <v>8274349</v>
      </c>
      <c r="ME10" s="462">
        <v>8274349</v>
      </c>
      <c r="MF10" s="459">
        <v>0</v>
      </c>
      <c r="MG10" s="456">
        <v>0</v>
      </c>
      <c r="MH10" s="460">
        <v>0</v>
      </c>
      <c r="MI10" s="467"/>
      <c r="MJ10" s="456">
        <v>5459129</v>
      </c>
      <c r="MK10" s="456">
        <v>18770854</v>
      </c>
      <c r="ML10" s="456">
        <v>47747880</v>
      </c>
      <c r="MM10" s="456">
        <v>78176515</v>
      </c>
      <c r="MN10" s="456">
        <v>57692568</v>
      </c>
      <c r="MO10" s="460">
        <v>207846946</v>
      </c>
      <c r="MP10" s="466">
        <v>207846946</v>
      </c>
      <c r="MQ10" s="459">
        <v>0</v>
      </c>
      <c r="MR10" s="456">
        <v>0</v>
      </c>
      <c r="MS10" s="460">
        <v>0</v>
      </c>
      <c r="MT10" s="467"/>
      <c r="MU10" s="456">
        <v>549259</v>
      </c>
      <c r="MV10" s="456">
        <v>4283626</v>
      </c>
      <c r="MW10" s="456">
        <v>24688902</v>
      </c>
      <c r="MX10" s="456">
        <v>40776451</v>
      </c>
      <c r="MY10" s="456">
        <v>34157060</v>
      </c>
      <c r="MZ10" s="460">
        <v>104455298</v>
      </c>
      <c r="NA10" s="466">
        <v>104455298</v>
      </c>
      <c r="NB10" s="459">
        <v>0</v>
      </c>
      <c r="NC10" s="456">
        <v>0</v>
      </c>
      <c r="ND10" s="460">
        <v>0</v>
      </c>
      <c r="NE10" s="467"/>
      <c r="NF10" s="456">
        <v>4909870</v>
      </c>
      <c r="NG10" s="456">
        <v>14299831</v>
      </c>
      <c r="NH10" s="456">
        <v>23260834</v>
      </c>
      <c r="NI10" s="456">
        <v>35484149</v>
      </c>
      <c r="NJ10" s="456">
        <v>18489356</v>
      </c>
      <c r="NK10" s="460">
        <v>96444040</v>
      </c>
      <c r="NL10" s="458">
        <v>96444040</v>
      </c>
      <c r="NM10" s="459">
        <v>0</v>
      </c>
      <c r="NN10" s="456">
        <v>0</v>
      </c>
      <c r="NO10" s="460">
        <v>0</v>
      </c>
      <c r="NP10" s="467"/>
      <c r="NQ10" s="456">
        <v>0</v>
      </c>
      <c r="NR10" s="456">
        <v>0</v>
      </c>
      <c r="NS10" s="456">
        <v>-201856</v>
      </c>
      <c r="NT10" s="456">
        <v>1137556</v>
      </c>
      <c r="NU10" s="456">
        <v>2068275</v>
      </c>
      <c r="NV10" s="460">
        <v>3003975</v>
      </c>
      <c r="NW10" s="462">
        <v>3003975</v>
      </c>
      <c r="NX10" s="459">
        <v>0</v>
      </c>
      <c r="NY10" s="456">
        <v>0</v>
      </c>
      <c r="NZ10" s="460">
        <v>0</v>
      </c>
      <c r="OA10" s="467"/>
      <c r="OB10" s="456">
        <v>0</v>
      </c>
      <c r="OC10" s="456">
        <v>187397</v>
      </c>
      <c r="OD10" s="456">
        <v>0</v>
      </c>
      <c r="OE10" s="456">
        <v>778359</v>
      </c>
      <c r="OF10" s="456">
        <v>2977877</v>
      </c>
      <c r="OG10" s="460">
        <v>3943633</v>
      </c>
      <c r="OH10" s="462">
        <v>3943633</v>
      </c>
      <c r="OI10" s="459">
        <v>11194663</v>
      </c>
      <c r="OJ10" s="456">
        <v>20410205</v>
      </c>
      <c r="OK10" s="457">
        <v>31604868</v>
      </c>
      <c r="OL10" s="463">
        <v>0</v>
      </c>
      <c r="OM10" s="456">
        <v>123730762</v>
      </c>
      <c r="ON10" s="456">
        <v>220169600</v>
      </c>
      <c r="OO10" s="456">
        <v>206307131</v>
      </c>
      <c r="OP10" s="456">
        <v>238988724</v>
      </c>
      <c r="OQ10" s="456">
        <v>176624199</v>
      </c>
      <c r="OR10" s="460">
        <v>965820416</v>
      </c>
      <c r="OS10" s="466">
        <v>997425284</v>
      </c>
    </row>
    <row r="11" spans="1:409" ht="20.25" customHeight="1" x14ac:dyDescent="0.2">
      <c r="B11" s="126" t="s">
        <v>6</v>
      </c>
      <c r="C11" s="110">
        <v>3508307</v>
      </c>
      <c r="D11" s="114">
        <v>5021474</v>
      </c>
      <c r="E11" s="113">
        <v>8529781</v>
      </c>
      <c r="F11" s="109">
        <v>0</v>
      </c>
      <c r="G11" s="114">
        <v>47693192</v>
      </c>
      <c r="H11" s="114">
        <v>46996965</v>
      </c>
      <c r="I11" s="114">
        <v>43300469</v>
      </c>
      <c r="J11" s="114">
        <v>53989254</v>
      </c>
      <c r="K11" s="114">
        <v>39712155</v>
      </c>
      <c r="L11" s="109">
        <v>231692035</v>
      </c>
      <c r="M11" s="116">
        <v>240221816</v>
      </c>
      <c r="N11" s="110">
        <v>1137509</v>
      </c>
      <c r="O11" s="114">
        <v>1883866</v>
      </c>
      <c r="P11" s="113">
        <v>3021375</v>
      </c>
      <c r="Q11" s="110">
        <v>0</v>
      </c>
      <c r="R11" s="114">
        <v>15645438</v>
      </c>
      <c r="S11" s="114">
        <v>16162587</v>
      </c>
      <c r="T11" s="114">
        <v>14448318</v>
      </c>
      <c r="U11" s="114">
        <v>19451417</v>
      </c>
      <c r="V11" s="114">
        <v>19757775</v>
      </c>
      <c r="W11" s="113">
        <v>85465535</v>
      </c>
      <c r="X11" s="116">
        <v>88486910</v>
      </c>
      <c r="Y11" s="110">
        <v>0</v>
      </c>
      <c r="Z11" s="114">
        <v>0</v>
      </c>
      <c r="AA11" s="113">
        <v>0</v>
      </c>
      <c r="AB11" s="110">
        <v>0</v>
      </c>
      <c r="AC11" s="114">
        <v>6109366</v>
      </c>
      <c r="AD11" s="114">
        <v>6647782</v>
      </c>
      <c r="AE11" s="114">
        <v>6306121</v>
      </c>
      <c r="AF11" s="114">
        <v>10231241</v>
      </c>
      <c r="AG11" s="114">
        <v>11566984</v>
      </c>
      <c r="AH11" s="113">
        <v>40861494</v>
      </c>
      <c r="AI11" s="116">
        <v>40861494</v>
      </c>
      <c r="AJ11" s="110">
        <v>0</v>
      </c>
      <c r="AK11" s="114">
        <v>56924</v>
      </c>
      <c r="AL11" s="113">
        <v>56924</v>
      </c>
      <c r="AM11" s="110">
        <v>0</v>
      </c>
      <c r="AN11" s="114">
        <v>54292</v>
      </c>
      <c r="AO11" s="114">
        <v>181387</v>
      </c>
      <c r="AP11" s="114">
        <v>391053</v>
      </c>
      <c r="AQ11" s="114">
        <v>1339580</v>
      </c>
      <c r="AR11" s="114">
        <v>1722847</v>
      </c>
      <c r="AS11" s="113">
        <v>3689159</v>
      </c>
      <c r="AT11" s="116">
        <v>3746083</v>
      </c>
      <c r="AU11" s="110">
        <v>559595</v>
      </c>
      <c r="AV11" s="114">
        <v>1378803</v>
      </c>
      <c r="AW11" s="113">
        <v>1938398</v>
      </c>
      <c r="AX11" s="110">
        <v>0</v>
      </c>
      <c r="AY11" s="114">
        <v>6300513</v>
      </c>
      <c r="AZ11" s="114">
        <v>6075213</v>
      </c>
      <c r="BA11" s="114">
        <v>4592381</v>
      </c>
      <c r="BB11" s="114">
        <v>4507259</v>
      </c>
      <c r="BC11" s="114">
        <v>3958938</v>
      </c>
      <c r="BD11" s="113">
        <v>25434304</v>
      </c>
      <c r="BE11" s="116">
        <v>27372702</v>
      </c>
      <c r="BF11" s="110">
        <v>72276</v>
      </c>
      <c r="BG11" s="114">
        <v>9813</v>
      </c>
      <c r="BH11" s="112">
        <v>82089</v>
      </c>
      <c r="BI11" s="111">
        <v>0</v>
      </c>
      <c r="BJ11" s="114">
        <v>565031</v>
      </c>
      <c r="BK11" s="114">
        <v>635480</v>
      </c>
      <c r="BL11" s="114">
        <v>437058</v>
      </c>
      <c r="BM11" s="114">
        <v>394437</v>
      </c>
      <c r="BN11" s="114">
        <v>82393</v>
      </c>
      <c r="BO11" s="113">
        <v>2114399</v>
      </c>
      <c r="BP11" s="116">
        <v>2196488</v>
      </c>
      <c r="BQ11" s="110">
        <v>505638</v>
      </c>
      <c r="BR11" s="114">
        <v>438326</v>
      </c>
      <c r="BS11" s="113">
        <v>943964</v>
      </c>
      <c r="BT11" s="110">
        <v>0</v>
      </c>
      <c r="BU11" s="114">
        <v>2616236</v>
      </c>
      <c r="BV11" s="114">
        <v>2622725</v>
      </c>
      <c r="BW11" s="114">
        <v>2721705</v>
      </c>
      <c r="BX11" s="114">
        <v>2978900</v>
      </c>
      <c r="BY11" s="114">
        <v>2426613</v>
      </c>
      <c r="BZ11" s="113">
        <v>13366179</v>
      </c>
      <c r="CA11" s="116">
        <v>14310143</v>
      </c>
      <c r="CB11" s="110">
        <v>132364</v>
      </c>
      <c r="CC11" s="114">
        <v>487700</v>
      </c>
      <c r="CD11" s="113">
        <v>620064</v>
      </c>
      <c r="CE11" s="110">
        <v>0</v>
      </c>
      <c r="CF11" s="114">
        <v>13178303</v>
      </c>
      <c r="CG11" s="114">
        <v>10857694</v>
      </c>
      <c r="CH11" s="114">
        <v>7285468</v>
      </c>
      <c r="CI11" s="114">
        <v>7725412</v>
      </c>
      <c r="CJ11" s="114">
        <v>2750494</v>
      </c>
      <c r="CK11" s="113">
        <v>41797371</v>
      </c>
      <c r="CL11" s="116">
        <v>42417435</v>
      </c>
      <c r="CM11" s="110">
        <v>0</v>
      </c>
      <c r="CN11" s="114">
        <v>0</v>
      </c>
      <c r="CO11" s="113">
        <v>0</v>
      </c>
      <c r="CP11" s="111">
        <v>0</v>
      </c>
      <c r="CQ11" s="114">
        <v>11067131</v>
      </c>
      <c r="CR11" s="114">
        <v>8505221</v>
      </c>
      <c r="CS11" s="114">
        <v>5300230</v>
      </c>
      <c r="CT11" s="114">
        <v>4977265</v>
      </c>
      <c r="CU11" s="114">
        <v>2146292</v>
      </c>
      <c r="CV11" s="113">
        <v>31996139</v>
      </c>
      <c r="CW11" s="116">
        <v>31996139</v>
      </c>
      <c r="CX11" s="110">
        <v>132364</v>
      </c>
      <c r="CY11" s="114">
        <v>487700</v>
      </c>
      <c r="CZ11" s="113">
        <v>620064</v>
      </c>
      <c r="DA11" s="110">
        <v>0</v>
      </c>
      <c r="DB11" s="114">
        <v>2111172</v>
      </c>
      <c r="DC11" s="114">
        <v>2352473</v>
      </c>
      <c r="DD11" s="114">
        <v>1985238</v>
      </c>
      <c r="DE11" s="114">
        <v>2748147</v>
      </c>
      <c r="DF11" s="114">
        <v>604202</v>
      </c>
      <c r="DG11" s="113">
        <v>9801232</v>
      </c>
      <c r="DH11" s="116">
        <v>10421296</v>
      </c>
      <c r="DI11" s="110">
        <v>0</v>
      </c>
      <c r="DJ11" s="114">
        <v>20128</v>
      </c>
      <c r="DK11" s="112">
        <v>20128</v>
      </c>
      <c r="DL11" s="111">
        <v>0</v>
      </c>
      <c r="DM11" s="114">
        <v>699732</v>
      </c>
      <c r="DN11" s="114">
        <v>1619285</v>
      </c>
      <c r="DO11" s="114">
        <v>2384856</v>
      </c>
      <c r="DP11" s="114">
        <v>2561990</v>
      </c>
      <c r="DQ11" s="114">
        <v>923652</v>
      </c>
      <c r="DR11" s="113">
        <v>8189515</v>
      </c>
      <c r="DS11" s="116">
        <v>8209643</v>
      </c>
      <c r="DT11" s="110">
        <v>0</v>
      </c>
      <c r="DU11" s="114">
        <v>20128</v>
      </c>
      <c r="DV11" s="113">
        <v>20128</v>
      </c>
      <c r="DW11" s="110">
        <v>0</v>
      </c>
      <c r="DX11" s="114">
        <v>500452</v>
      </c>
      <c r="DY11" s="114">
        <v>1349874</v>
      </c>
      <c r="DZ11" s="114">
        <v>2116496</v>
      </c>
      <c r="EA11" s="114">
        <v>1981172</v>
      </c>
      <c r="EB11" s="114">
        <v>763016</v>
      </c>
      <c r="EC11" s="113">
        <v>6711010</v>
      </c>
      <c r="ED11" s="116">
        <v>6731138</v>
      </c>
      <c r="EE11" s="110">
        <v>0</v>
      </c>
      <c r="EF11" s="112">
        <v>0</v>
      </c>
      <c r="EG11" s="113">
        <v>0</v>
      </c>
      <c r="EH11" s="110">
        <v>0</v>
      </c>
      <c r="EI11" s="114">
        <v>199280</v>
      </c>
      <c r="EJ11" s="114">
        <v>269411</v>
      </c>
      <c r="EK11" s="114">
        <v>268360</v>
      </c>
      <c r="EL11" s="114">
        <v>580818</v>
      </c>
      <c r="EM11" s="114">
        <v>160636</v>
      </c>
      <c r="EN11" s="112">
        <v>1478505</v>
      </c>
      <c r="EO11" s="116">
        <v>1478505</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8"/>
      <c r="FE11" s="114">
        <v>0</v>
      </c>
      <c r="FF11" s="114">
        <v>0</v>
      </c>
      <c r="FG11" s="114">
        <v>0</v>
      </c>
      <c r="FH11" s="114">
        <v>0</v>
      </c>
      <c r="FI11" s="114">
        <v>0</v>
      </c>
      <c r="FJ11" s="113">
        <v>0</v>
      </c>
      <c r="FK11" s="116">
        <v>0</v>
      </c>
      <c r="FL11" s="110">
        <v>664972</v>
      </c>
      <c r="FM11" s="114">
        <v>929386</v>
      </c>
      <c r="FN11" s="113">
        <v>1594358</v>
      </c>
      <c r="FO11" s="110">
        <v>0</v>
      </c>
      <c r="FP11" s="114">
        <v>3190570</v>
      </c>
      <c r="FQ11" s="114">
        <v>4551358</v>
      </c>
      <c r="FR11" s="114">
        <v>3656067</v>
      </c>
      <c r="FS11" s="114">
        <v>3952648</v>
      </c>
      <c r="FT11" s="114">
        <v>2296413</v>
      </c>
      <c r="FU11" s="113">
        <v>17647056</v>
      </c>
      <c r="FV11" s="116">
        <v>19241414</v>
      </c>
      <c r="FW11" s="115">
        <v>384979</v>
      </c>
      <c r="FX11" s="114">
        <v>737114</v>
      </c>
      <c r="FY11" s="112">
        <v>1122093</v>
      </c>
      <c r="FZ11" s="111">
        <v>0</v>
      </c>
      <c r="GA11" s="114">
        <v>2090137</v>
      </c>
      <c r="GB11" s="114">
        <v>3964401</v>
      </c>
      <c r="GC11" s="114">
        <v>3256225</v>
      </c>
      <c r="GD11" s="114">
        <v>3599260</v>
      </c>
      <c r="GE11" s="114">
        <v>2178449</v>
      </c>
      <c r="GF11" s="113">
        <v>15088472</v>
      </c>
      <c r="GG11" s="319">
        <v>16210565</v>
      </c>
      <c r="GH11" s="115">
        <v>40593</v>
      </c>
      <c r="GI11" s="114">
        <v>34982</v>
      </c>
      <c r="GJ11" s="112">
        <v>75575</v>
      </c>
      <c r="GK11" s="111">
        <v>0</v>
      </c>
      <c r="GL11" s="114">
        <v>141902</v>
      </c>
      <c r="GM11" s="114">
        <v>119427</v>
      </c>
      <c r="GN11" s="114">
        <v>98424</v>
      </c>
      <c r="GO11" s="114">
        <v>177338</v>
      </c>
      <c r="GP11" s="114">
        <v>47334</v>
      </c>
      <c r="GQ11" s="113">
        <v>584425</v>
      </c>
      <c r="GR11" s="116">
        <v>660000</v>
      </c>
      <c r="GS11" s="110">
        <v>239400</v>
      </c>
      <c r="GT11" s="114">
        <v>157290</v>
      </c>
      <c r="GU11" s="113">
        <v>396690</v>
      </c>
      <c r="GV11" s="110">
        <v>0</v>
      </c>
      <c r="GW11" s="114">
        <v>958531</v>
      </c>
      <c r="GX11" s="114">
        <v>467530</v>
      </c>
      <c r="GY11" s="114">
        <v>301418</v>
      </c>
      <c r="GZ11" s="114">
        <v>176050</v>
      </c>
      <c r="HA11" s="114">
        <v>70630</v>
      </c>
      <c r="HB11" s="112">
        <v>1974159</v>
      </c>
      <c r="HC11" s="116">
        <v>2370849</v>
      </c>
      <c r="HD11" s="110">
        <v>1573462</v>
      </c>
      <c r="HE11" s="114">
        <v>1700394</v>
      </c>
      <c r="HF11" s="112">
        <v>3273856</v>
      </c>
      <c r="HG11" s="111">
        <v>0</v>
      </c>
      <c r="HH11" s="114">
        <v>14979149</v>
      </c>
      <c r="HI11" s="114">
        <v>13806041</v>
      </c>
      <c r="HJ11" s="114">
        <v>15525760</v>
      </c>
      <c r="HK11" s="114">
        <v>20297787</v>
      </c>
      <c r="HL11" s="114">
        <v>13983821</v>
      </c>
      <c r="HM11" s="113">
        <v>78592558</v>
      </c>
      <c r="HN11" s="109">
        <v>81866414</v>
      </c>
      <c r="HO11" s="329"/>
      <c r="HP11" s="330"/>
      <c r="HQ11" s="331"/>
      <c r="HR11" s="332"/>
      <c r="HS11" s="330"/>
      <c r="HT11" s="330"/>
      <c r="HU11" s="330"/>
      <c r="HV11" s="330"/>
      <c r="HW11" s="330"/>
      <c r="HX11" s="333"/>
      <c r="HY11" s="334"/>
      <c r="HZ11" s="131">
        <v>37996</v>
      </c>
      <c r="IA11" s="132">
        <v>262018</v>
      </c>
      <c r="IB11" s="133">
        <v>300014</v>
      </c>
      <c r="IC11" s="146">
        <v>0</v>
      </c>
      <c r="ID11" s="132">
        <v>10646288</v>
      </c>
      <c r="IE11" s="147">
        <v>11811419</v>
      </c>
      <c r="IF11" s="133">
        <v>14895649</v>
      </c>
      <c r="IG11" s="132">
        <v>10509891</v>
      </c>
      <c r="IH11" s="133">
        <v>7097318</v>
      </c>
      <c r="II11" s="148">
        <v>54960565</v>
      </c>
      <c r="IJ11" s="139">
        <v>55260579</v>
      </c>
      <c r="IK11" s="232">
        <v>0</v>
      </c>
      <c r="IL11" s="236">
        <v>0</v>
      </c>
      <c r="IM11" s="237">
        <v>0</v>
      </c>
      <c r="IN11" s="140"/>
      <c r="IO11" s="119">
        <v>604878</v>
      </c>
      <c r="IP11" s="119">
        <v>505138</v>
      </c>
      <c r="IQ11" s="119">
        <v>1049433</v>
      </c>
      <c r="IR11" s="119">
        <v>1129413</v>
      </c>
      <c r="IS11" s="119">
        <v>974600</v>
      </c>
      <c r="IT11" s="141">
        <v>4263462</v>
      </c>
      <c r="IU11" s="321">
        <v>4263462</v>
      </c>
      <c r="IV11" s="142">
        <v>0</v>
      </c>
      <c r="IW11" s="119">
        <v>0</v>
      </c>
      <c r="IX11" s="120">
        <v>0</v>
      </c>
      <c r="IY11" s="144"/>
      <c r="IZ11" s="119">
        <v>38995</v>
      </c>
      <c r="JA11" s="119">
        <v>90834</v>
      </c>
      <c r="JB11" s="119">
        <v>169904</v>
      </c>
      <c r="JC11" s="119">
        <v>249061</v>
      </c>
      <c r="JD11" s="119">
        <v>185512</v>
      </c>
      <c r="JE11" s="120">
        <v>734306</v>
      </c>
      <c r="JF11" s="121">
        <v>734306</v>
      </c>
      <c r="JG11" s="142">
        <v>0</v>
      </c>
      <c r="JH11" s="119">
        <v>0</v>
      </c>
      <c r="JI11" s="141">
        <v>0</v>
      </c>
      <c r="JJ11" s="118">
        <v>0</v>
      </c>
      <c r="JK11" s="119">
        <v>5049638</v>
      </c>
      <c r="JL11" s="119">
        <v>2430293</v>
      </c>
      <c r="JM11" s="119">
        <v>3179796</v>
      </c>
      <c r="JN11" s="119">
        <v>958871</v>
      </c>
      <c r="JO11" s="119">
        <v>663925</v>
      </c>
      <c r="JP11" s="120">
        <v>12282523</v>
      </c>
      <c r="JQ11" s="321">
        <v>12282523</v>
      </c>
      <c r="JR11" s="142">
        <v>0</v>
      </c>
      <c r="JS11" s="119">
        <v>0</v>
      </c>
      <c r="JT11" s="141">
        <v>0</v>
      </c>
      <c r="JU11" s="118">
        <v>0</v>
      </c>
      <c r="JV11" s="119">
        <v>424676</v>
      </c>
      <c r="JW11" s="119">
        <v>1079662</v>
      </c>
      <c r="JX11" s="119">
        <v>1607640</v>
      </c>
      <c r="JY11" s="119">
        <v>460041</v>
      </c>
      <c r="JZ11" s="119">
        <v>214152</v>
      </c>
      <c r="KA11" s="120">
        <v>3786171</v>
      </c>
      <c r="KB11" s="321">
        <v>3786171</v>
      </c>
      <c r="KC11" s="234">
        <v>37996</v>
      </c>
      <c r="KD11" s="230">
        <v>262018</v>
      </c>
      <c r="KE11" s="120">
        <v>300014</v>
      </c>
      <c r="KF11" s="118">
        <v>0</v>
      </c>
      <c r="KG11" s="119">
        <v>1453456</v>
      </c>
      <c r="KH11" s="119">
        <v>1340457</v>
      </c>
      <c r="KI11" s="119">
        <v>1870975</v>
      </c>
      <c r="KJ11" s="119">
        <v>1126342</v>
      </c>
      <c r="KK11" s="119">
        <v>0</v>
      </c>
      <c r="KL11" s="120">
        <v>5791230</v>
      </c>
      <c r="KM11" s="143">
        <v>6091244</v>
      </c>
      <c r="KN11" s="232">
        <v>0</v>
      </c>
      <c r="KO11" s="236">
        <v>0</v>
      </c>
      <c r="KP11" s="237">
        <v>0</v>
      </c>
      <c r="KQ11" s="140"/>
      <c r="KR11" s="119">
        <v>2588275</v>
      </c>
      <c r="KS11" s="119">
        <v>5621352</v>
      </c>
      <c r="KT11" s="119">
        <v>4726200</v>
      </c>
      <c r="KU11" s="119">
        <v>3031635</v>
      </c>
      <c r="KV11" s="119">
        <v>3775129</v>
      </c>
      <c r="KW11" s="120">
        <v>19742591</v>
      </c>
      <c r="KX11" s="321">
        <v>19742591</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192859</v>
      </c>
      <c r="LO11" s="119">
        <v>0</v>
      </c>
      <c r="LP11" s="119">
        <v>1172429</v>
      </c>
      <c r="LQ11" s="119">
        <v>1485017</v>
      </c>
      <c r="LR11" s="119">
        <v>289429</v>
      </c>
      <c r="LS11" s="120">
        <v>3139734</v>
      </c>
      <c r="LT11" s="321">
        <v>3139734</v>
      </c>
      <c r="LU11" s="142">
        <v>0</v>
      </c>
      <c r="LV11" s="119">
        <v>0</v>
      </c>
      <c r="LW11" s="120">
        <v>0</v>
      </c>
      <c r="LX11" s="145"/>
      <c r="LY11" s="119">
        <v>293511</v>
      </c>
      <c r="LZ11" s="119">
        <v>743683</v>
      </c>
      <c r="MA11" s="119">
        <v>1119272</v>
      </c>
      <c r="MB11" s="119">
        <v>2069511</v>
      </c>
      <c r="MC11" s="119">
        <v>994571</v>
      </c>
      <c r="MD11" s="120">
        <v>5220548</v>
      </c>
      <c r="ME11" s="121">
        <v>5220548</v>
      </c>
      <c r="MF11" s="142">
        <v>0</v>
      </c>
      <c r="MG11" s="119">
        <v>0</v>
      </c>
      <c r="MH11" s="120">
        <v>0</v>
      </c>
      <c r="MI11" s="145"/>
      <c r="MJ11" s="119">
        <v>1209243</v>
      </c>
      <c r="MK11" s="119">
        <v>3791256</v>
      </c>
      <c r="ML11" s="119">
        <v>13478981</v>
      </c>
      <c r="MM11" s="119">
        <v>26116788</v>
      </c>
      <c r="MN11" s="119">
        <v>15961792</v>
      </c>
      <c r="MO11" s="120">
        <v>60558060</v>
      </c>
      <c r="MP11" s="143">
        <v>60558060</v>
      </c>
      <c r="MQ11" s="142">
        <v>0</v>
      </c>
      <c r="MR11" s="119">
        <v>0</v>
      </c>
      <c r="MS11" s="120">
        <v>0</v>
      </c>
      <c r="MT11" s="145"/>
      <c r="MU11" s="119">
        <v>0</v>
      </c>
      <c r="MV11" s="119">
        <v>561252</v>
      </c>
      <c r="MW11" s="119">
        <v>6515103</v>
      </c>
      <c r="MX11" s="119">
        <v>13384278</v>
      </c>
      <c r="MY11" s="119">
        <v>8988026</v>
      </c>
      <c r="MZ11" s="120">
        <v>29448659</v>
      </c>
      <c r="NA11" s="143">
        <v>29448659</v>
      </c>
      <c r="NB11" s="142">
        <v>0</v>
      </c>
      <c r="NC11" s="119">
        <v>0</v>
      </c>
      <c r="ND11" s="120">
        <v>0</v>
      </c>
      <c r="NE11" s="145"/>
      <c r="NF11" s="119">
        <v>1209243</v>
      </c>
      <c r="NG11" s="119">
        <v>3230004</v>
      </c>
      <c r="NH11" s="119">
        <v>6963878</v>
      </c>
      <c r="NI11" s="119">
        <v>10237202</v>
      </c>
      <c r="NJ11" s="119">
        <v>4327745</v>
      </c>
      <c r="NK11" s="120">
        <v>25968072</v>
      </c>
      <c r="NL11" s="321">
        <v>25968072</v>
      </c>
      <c r="NM11" s="142">
        <v>0</v>
      </c>
      <c r="NN11" s="119">
        <v>0</v>
      </c>
      <c r="NO11" s="120">
        <v>0</v>
      </c>
      <c r="NP11" s="145"/>
      <c r="NQ11" s="119">
        <v>0</v>
      </c>
      <c r="NR11" s="119">
        <v>0</v>
      </c>
      <c r="NS11" s="119">
        <v>0</v>
      </c>
      <c r="NT11" s="119">
        <v>2197881</v>
      </c>
      <c r="NU11" s="119">
        <v>2318004</v>
      </c>
      <c r="NV11" s="120">
        <v>4515885</v>
      </c>
      <c r="NW11" s="121">
        <v>4515885</v>
      </c>
      <c r="NX11" s="142">
        <v>0</v>
      </c>
      <c r="NY11" s="119">
        <v>0</v>
      </c>
      <c r="NZ11" s="120">
        <v>0</v>
      </c>
      <c r="OA11" s="145"/>
      <c r="OB11" s="119">
        <v>0</v>
      </c>
      <c r="OC11" s="119">
        <v>0</v>
      </c>
      <c r="OD11" s="119">
        <v>0</v>
      </c>
      <c r="OE11" s="119">
        <v>297427</v>
      </c>
      <c r="OF11" s="119">
        <v>328017</v>
      </c>
      <c r="OG11" s="120">
        <v>625444</v>
      </c>
      <c r="OH11" s="121">
        <v>625444</v>
      </c>
      <c r="OI11" s="142">
        <v>3546303</v>
      </c>
      <c r="OJ11" s="119">
        <v>5283492</v>
      </c>
      <c r="OK11" s="141">
        <v>8829795</v>
      </c>
      <c r="OL11" s="118">
        <v>0</v>
      </c>
      <c r="OM11" s="119">
        <v>59548723</v>
      </c>
      <c r="ON11" s="119">
        <v>62599640</v>
      </c>
      <c r="OO11" s="119">
        <v>71675099</v>
      </c>
      <c r="OP11" s="119">
        <v>90615933</v>
      </c>
      <c r="OQ11" s="119">
        <v>62771265</v>
      </c>
      <c r="OR11" s="120">
        <v>347210660</v>
      </c>
      <c r="OS11" s="143">
        <v>356040455</v>
      </c>
    </row>
    <row r="12" spans="1:409" ht="20.25" customHeight="1" x14ac:dyDescent="0.2">
      <c r="B12" s="126" t="s">
        <v>14</v>
      </c>
      <c r="C12" s="110">
        <v>984047</v>
      </c>
      <c r="D12" s="114">
        <v>3324085</v>
      </c>
      <c r="E12" s="113">
        <v>4308132</v>
      </c>
      <c r="F12" s="109">
        <v>0</v>
      </c>
      <c r="G12" s="114">
        <v>13665643</v>
      </c>
      <c r="H12" s="114">
        <v>18037515</v>
      </c>
      <c r="I12" s="114">
        <v>16753541</v>
      </c>
      <c r="J12" s="114">
        <v>18156280</v>
      </c>
      <c r="K12" s="114">
        <v>18198956</v>
      </c>
      <c r="L12" s="112">
        <v>84811935</v>
      </c>
      <c r="M12" s="116">
        <v>89120067</v>
      </c>
      <c r="N12" s="110">
        <v>205681</v>
      </c>
      <c r="O12" s="114">
        <v>1110869</v>
      </c>
      <c r="P12" s="113">
        <v>1316550</v>
      </c>
      <c r="Q12" s="110">
        <v>0</v>
      </c>
      <c r="R12" s="114">
        <v>3598137</v>
      </c>
      <c r="S12" s="114">
        <v>5977984</v>
      </c>
      <c r="T12" s="114">
        <v>5449925</v>
      </c>
      <c r="U12" s="114">
        <v>7234197</v>
      </c>
      <c r="V12" s="114">
        <v>9334144</v>
      </c>
      <c r="W12" s="113">
        <v>31594387</v>
      </c>
      <c r="X12" s="116">
        <v>32910937</v>
      </c>
      <c r="Y12" s="110">
        <v>0</v>
      </c>
      <c r="Z12" s="114">
        <v>0</v>
      </c>
      <c r="AA12" s="113">
        <v>0</v>
      </c>
      <c r="AB12" s="110">
        <v>0</v>
      </c>
      <c r="AC12" s="114">
        <v>1777640</v>
      </c>
      <c r="AD12" s="114">
        <v>2600930</v>
      </c>
      <c r="AE12" s="114">
        <v>3062842</v>
      </c>
      <c r="AF12" s="114">
        <v>3484799</v>
      </c>
      <c r="AG12" s="114">
        <v>5317165</v>
      </c>
      <c r="AH12" s="113">
        <v>16243376</v>
      </c>
      <c r="AI12" s="116">
        <v>16243376</v>
      </c>
      <c r="AJ12" s="110">
        <v>0</v>
      </c>
      <c r="AK12" s="114">
        <v>0</v>
      </c>
      <c r="AL12" s="113">
        <v>0</v>
      </c>
      <c r="AM12" s="110">
        <v>0</v>
      </c>
      <c r="AN12" s="114">
        <v>0</v>
      </c>
      <c r="AO12" s="114">
        <v>42665</v>
      </c>
      <c r="AP12" s="114">
        <v>186288</v>
      </c>
      <c r="AQ12" s="114">
        <v>482991</v>
      </c>
      <c r="AR12" s="114">
        <v>1192226</v>
      </c>
      <c r="AS12" s="113">
        <v>1904170</v>
      </c>
      <c r="AT12" s="116">
        <v>1904170</v>
      </c>
      <c r="AU12" s="110">
        <v>68936</v>
      </c>
      <c r="AV12" s="114">
        <v>777939</v>
      </c>
      <c r="AW12" s="113">
        <v>846875</v>
      </c>
      <c r="AX12" s="110">
        <v>0</v>
      </c>
      <c r="AY12" s="114">
        <v>936363</v>
      </c>
      <c r="AZ12" s="114">
        <v>2309171</v>
      </c>
      <c r="BA12" s="114">
        <v>1272391</v>
      </c>
      <c r="BB12" s="114">
        <v>1921598</v>
      </c>
      <c r="BC12" s="114">
        <v>1769237</v>
      </c>
      <c r="BD12" s="113">
        <v>8208760</v>
      </c>
      <c r="BE12" s="116">
        <v>9055635</v>
      </c>
      <c r="BF12" s="110">
        <v>0</v>
      </c>
      <c r="BG12" s="114">
        <v>74756</v>
      </c>
      <c r="BH12" s="112">
        <v>74756</v>
      </c>
      <c r="BI12" s="111">
        <v>0</v>
      </c>
      <c r="BJ12" s="114">
        <v>43182</v>
      </c>
      <c r="BK12" s="114">
        <v>136750</v>
      </c>
      <c r="BL12" s="114">
        <v>36681</v>
      </c>
      <c r="BM12" s="114">
        <v>319317</v>
      </c>
      <c r="BN12" s="114">
        <v>14560</v>
      </c>
      <c r="BO12" s="113">
        <v>550490</v>
      </c>
      <c r="BP12" s="116">
        <v>625246</v>
      </c>
      <c r="BQ12" s="110">
        <v>136745</v>
      </c>
      <c r="BR12" s="114">
        <v>258174</v>
      </c>
      <c r="BS12" s="113">
        <v>394919</v>
      </c>
      <c r="BT12" s="110">
        <v>0</v>
      </c>
      <c r="BU12" s="114">
        <v>840952</v>
      </c>
      <c r="BV12" s="114">
        <v>888468</v>
      </c>
      <c r="BW12" s="114">
        <v>891723</v>
      </c>
      <c r="BX12" s="114">
        <v>1025492</v>
      </c>
      <c r="BY12" s="114">
        <v>1040956</v>
      </c>
      <c r="BZ12" s="113">
        <v>4687591</v>
      </c>
      <c r="CA12" s="116">
        <v>5082510</v>
      </c>
      <c r="CB12" s="110">
        <v>37193</v>
      </c>
      <c r="CC12" s="114">
        <v>197871</v>
      </c>
      <c r="CD12" s="113">
        <v>235064</v>
      </c>
      <c r="CE12" s="110">
        <v>0</v>
      </c>
      <c r="CF12" s="114">
        <v>4620906</v>
      </c>
      <c r="CG12" s="114">
        <v>4432114</v>
      </c>
      <c r="CH12" s="114">
        <v>4253200</v>
      </c>
      <c r="CI12" s="114">
        <v>2035261</v>
      </c>
      <c r="CJ12" s="114">
        <v>1626106</v>
      </c>
      <c r="CK12" s="113">
        <v>16967587</v>
      </c>
      <c r="CL12" s="116">
        <v>17202651</v>
      </c>
      <c r="CM12" s="110">
        <v>0</v>
      </c>
      <c r="CN12" s="114">
        <v>0</v>
      </c>
      <c r="CO12" s="113">
        <v>0</v>
      </c>
      <c r="CP12" s="111">
        <v>0</v>
      </c>
      <c r="CQ12" s="114">
        <v>4148097</v>
      </c>
      <c r="CR12" s="114">
        <v>3788090</v>
      </c>
      <c r="CS12" s="114">
        <v>3635047</v>
      </c>
      <c r="CT12" s="114">
        <v>1546930</v>
      </c>
      <c r="CU12" s="114">
        <v>1417054</v>
      </c>
      <c r="CV12" s="113">
        <v>14535218</v>
      </c>
      <c r="CW12" s="116">
        <v>14535218</v>
      </c>
      <c r="CX12" s="110">
        <v>37193</v>
      </c>
      <c r="CY12" s="114">
        <v>197871</v>
      </c>
      <c r="CZ12" s="113">
        <v>235064</v>
      </c>
      <c r="DA12" s="110">
        <v>0</v>
      </c>
      <c r="DB12" s="114">
        <v>472809</v>
      </c>
      <c r="DC12" s="114">
        <v>644024</v>
      </c>
      <c r="DD12" s="114">
        <v>618153</v>
      </c>
      <c r="DE12" s="114">
        <v>488331</v>
      </c>
      <c r="DF12" s="114">
        <v>209052</v>
      </c>
      <c r="DG12" s="113">
        <v>2432369</v>
      </c>
      <c r="DH12" s="116">
        <v>2667433</v>
      </c>
      <c r="DI12" s="110">
        <v>20967</v>
      </c>
      <c r="DJ12" s="114">
        <v>9163</v>
      </c>
      <c r="DK12" s="112">
        <v>30130</v>
      </c>
      <c r="DL12" s="111">
        <v>0</v>
      </c>
      <c r="DM12" s="114">
        <v>808416</v>
      </c>
      <c r="DN12" s="114">
        <v>846583</v>
      </c>
      <c r="DO12" s="114">
        <v>1126945</v>
      </c>
      <c r="DP12" s="114">
        <v>1435064</v>
      </c>
      <c r="DQ12" s="114">
        <v>1065061</v>
      </c>
      <c r="DR12" s="113">
        <v>5282069</v>
      </c>
      <c r="DS12" s="116">
        <v>5312199</v>
      </c>
      <c r="DT12" s="110">
        <v>20967</v>
      </c>
      <c r="DU12" s="114">
        <v>9163</v>
      </c>
      <c r="DV12" s="113">
        <v>30130</v>
      </c>
      <c r="DW12" s="110">
        <v>0</v>
      </c>
      <c r="DX12" s="114">
        <v>808416</v>
      </c>
      <c r="DY12" s="114">
        <v>810166</v>
      </c>
      <c r="DZ12" s="114">
        <v>1126945</v>
      </c>
      <c r="EA12" s="114">
        <v>1435064</v>
      </c>
      <c r="EB12" s="114">
        <v>1065061</v>
      </c>
      <c r="EC12" s="113">
        <v>5245652</v>
      </c>
      <c r="ED12" s="116">
        <v>5275782</v>
      </c>
      <c r="EE12" s="110">
        <v>0</v>
      </c>
      <c r="EF12" s="112">
        <v>0</v>
      </c>
      <c r="EG12" s="113">
        <v>0</v>
      </c>
      <c r="EH12" s="110">
        <v>0</v>
      </c>
      <c r="EI12" s="114">
        <v>0</v>
      </c>
      <c r="EJ12" s="114">
        <v>36417</v>
      </c>
      <c r="EK12" s="114">
        <v>0</v>
      </c>
      <c r="EL12" s="114">
        <v>0</v>
      </c>
      <c r="EM12" s="114">
        <v>0</v>
      </c>
      <c r="EN12" s="112">
        <v>36417</v>
      </c>
      <c r="EO12" s="116">
        <v>36417</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8"/>
      <c r="FE12" s="114">
        <v>0</v>
      </c>
      <c r="FF12" s="114">
        <v>0</v>
      </c>
      <c r="FG12" s="114">
        <v>0</v>
      </c>
      <c r="FH12" s="114">
        <v>0</v>
      </c>
      <c r="FI12" s="114">
        <v>0</v>
      </c>
      <c r="FJ12" s="113">
        <v>0</v>
      </c>
      <c r="FK12" s="116">
        <v>0</v>
      </c>
      <c r="FL12" s="110">
        <v>231217</v>
      </c>
      <c r="FM12" s="114">
        <v>782019</v>
      </c>
      <c r="FN12" s="113">
        <v>1013236</v>
      </c>
      <c r="FO12" s="110">
        <v>0</v>
      </c>
      <c r="FP12" s="114">
        <v>624204</v>
      </c>
      <c r="FQ12" s="114">
        <v>1842085</v>
      </c>
      <c r="FR12" s="114">
        <v>1465793</v>
      </c>
      <c r="FS12" s="114">
        <v>1632174</v>
      </c>
      <c r="FT12" s="114">
        <v>1338165</v>
      </c>
      <c r="FU12" s="113">
        <v>6902421</v>
      </c>
      <c r="FV12" s="116">
        <v>7915657</v>
      </c>
      <c r="FW12" s="115">
        <v>128527</v>
      </c>
      <c r="FX12" s="114">
        <v>417809</v>
      </c>
      <c r="FY12" s="112">
        <v>546336</v>
      </c>
      <c r="FZ12" s="111">
        <v>0</v>
      </c>
      <c r="GA12" s="114">
        <v>467404</v>
      </c>
      <c r="GB12" s="114">
        <v>1702085</v>
      </c>
      <c r="GC12" s="114">
        <v>1257774</v>
      </c>
      <c r="GD12" s="114">
        <v>1365440</v>
      </c>
      <c r="GE12" s="114">
        <v>1322573</v>
      </c>
      <c r="GF12" s="113">
        <v>6115276</v>
      </c>
      <c r="GG12" s="319">
        <v>6661612</v>
      </c>
      <c r="GH12" s="115">
        <v>0</v>
      </c>
      <c r="GI12" s="114">
        <v>87150</v>
      </c>
      <c r="GJ12" s="112">
        <v>87150</v>
      </c>
      <c r="GK12" s="111">
        <v>0</v>
      </c>
      <c r="GL12" s="114">
        <v>16800</v>
      </c>
      <c r="GM12" s="114">
        <v>0</v>
      </c>
      <c r="GN12" s="114">
        <v>45570</v>
      </c>
      <c r="GO12" s="114">
        <v>139684</v>
      </c>
      <c r="GP12" s="114">
        <v>15592</v>
      </c>
      <c r="GQ12" s="113">
        <v>217646</v>
      </c>
      <c r="GR12" s="116">
        <v>304796</v>
      </c>
      <c r="GS12" s="110">
        <v>102690</v>
      </c>
      <c r="GT12" s="114">
        <v>277060</v>
      </c>
      <c r="GU12" s="113">
        <v>379750</v>
      </c>
      <c r="GV12" s="110">
        <v>0</v>
      </c>
      <c r="GW12" s="114">
        <v>140000</v>
      </c>
      <c r="GX12" s="114">
        <v>140000</v>
      </c>
      <c r="GY12" s="114">
        <v>162449</v>
      </c>
      <c r="GZ12" s="114">
        <v>127050</v>
      </c>
      <c r="HA12" s="114">
        <v>0</v>
      </c>
      <c r="HB12" s="112">
        <v>569499</v>
      </c>
      <c r="HC12" s="116">
        <v>949249</v>
      </c>
      <c r="HD12" s="110">
        <v>488989</v>
      </c>
      <c r="HE12" s="114">
        <v>1224163</v>
      </c>
      <c r="HF12" s="112">
        <v>1713152</v>
      </c>
      <c r="HG12" s="111">
        <v>0</v>
      </c>
      <c r="HH12" s="114">
        <v>4013980</v>
      </c>
      <c r="HI12" s="114">
        <v>4938749</v>
      </c>
      <c r="HJ12" s="114">
        <v>4457678</v>
      </c>
      <c r="HK12" s="114">
        <v>5819584</v>
      </c>
      <c r="HL12" s="114">
        <v>4835480</v>
      </c>
      <c r="HM12" s="113">
        <v>24065471</v>
      </c>
      <c r="HN12" s="109">
        <v>25778623</v>
      </c>
      <c r="HO12" s="329"/>
      <c r="HP12" s="330"/>
      <c r="HQ12" s="331"/>
      <c r="HR12" s="332"/>
      <c r="HS12" s="330"/>
      <c r="HT12" s="330"/>
      <c r="HU12" s="330"/>
      <c r="HV12" s="330"/>
      <c r="HW12" s="330"/>
      <c r="HX12" s="333"/>
      <c r="HY12" s="334"/>
      <c r="HZ12" s="131">
        <v>0</v>
      </c>
      <c r="IA12" s="132">
        <v>0</v>
      </c>
      <c r="IB12" s="133">
        <v>0</v>
      </c>
      <c r="IC12" s="134">
        <v>0</v>
      </c>
      <c r="ID12" s="135">
        <v>4235362</v>
      </c>
      <c r="IE12" s="136">
        <v>4775772</v>
      </c>
      <c r="IF12" s="137">
        <v>5029667</v>
      </c>
      <c r="IG12" s="135">
        <v>3236528</v>
      </c>
      <c r="IH12" s="137">
        <v>2754903</v>
      </c>
      <c r="II12" s="138">
        <v>20032232</v>
      </c>
      <c r="IJ12" s="139">
        <v>20032232</v>
      </c>
      <c r="IK12" s="232">
        <v>0</v>
      </c>
      <c r="IL12" s="236">
        <v>0</v>
      </c>
      <c r="IM12" s="237">
        <v>0</v>
      </c>
      <c r="IN12" s="140"/>
      <c r="IO12" s="119">
        <v>0</v>
      </c>
      <c r="IP12" s="119">
        <v>0</v>
      </c>
      <c r="IQ12" s="119">
        <v>169667</v>
      </c>
      <c r="IR12" s="119">
        <v>204936</v>
      </c>
      <c r="IS12" s="119">
        <v>655449</v>
      </c>
      <c r="IT12" s="141">
        <v>1030052</v>
      </c>
      <c r="IU12" s="321">
        <v>1030052</v>
      </c>
      <c r="IV12" s="142">
        <v>0</v>
      </c>
      <c r="IW12" s="119">
        <v>0</v>
      </c>
      <c r="IX12" s="120">
        <v>0</v>
      </c>
      <c r="IY12" s="144"/>
      <c r="IZ12" s="119">
        <v>0</v>
      </c>
      <c r="JA12" s="119">
        <v>0</v>
      </c>
      <c r="JB12" s="119">
        <v>0</v>
      </c>
      <c r="JC12" s="119">
        <v>8839</v>
      </c>
      <c r="JD12" s="119">
        <v>0</v>
      </c>
      <c r="JE12" s="120">
        <v>8839</v>
      </c>
      <c r="JF12" s="121">
        <v>8839</v>
      </c>
      <c r="JG12" s="142">
        <v>0</v>
      </c>
      <c r="JH12" s="119">
        <v>0</v>
      </c>
      <c r="JI12" s="141">
        <v>0</v>
      </c>
      <c r="JJ12" s="118">
        <v>0</v>
      </c>
      <c r="JK12" s="119">
        <v>1368362</v>
      </c>
      <c r="JL12" s="119">
        <v>1449364</v>
      </c>
      <c r="JM12" s="119">
        <v>1815095</v>
      </c>
      <c r="JN12" s="119">
        <v>478553</v>
      </c>
      <c r="JO12" s="119">
        <v>131412</v>
      </c>
      <c r="JP12" s="120">
        <v>5242786</v>
      </c>
      <c r="JQ12" s="321">
        <v>5242786</v>
      </c>
      <c r="JR12" s="142">
        <v>0</v>
      </c>
      <c r="JS12" s="119">
        <v>0</v>
      </c>
      <c r="JT12" s="141">
        <v>0</v>
      </c>
      <c r="JU12" s="118">
        <v>0</v>
      </c>
      <c r="JV12" s="119">
        <v>83574</v>
      </c>
      <c r="JW12" s="119">
        <v>0</v>
      </c>
      <c r="JX12" s="119">
        <v>22490</v>
      </c>
      <c r="JY12" s="119">
        <v>10528</v>
      </c>
      <c r="JZ12" s="119">
        <v>99483</v>
      </c>
      <c r="KA12" s="120">
        <v>216075</v>
      </c>
      <c r="KB12" s="321">
        <v>216075</v>
      </c>
      <c r="KC12" s="234">
        <v>0</v>
      </c>
      <c r="KD12" s="230">
        <v>0</v>
      </c>
      <c r="KE12" s="120">
        <v>0</v>
      </c>
      <c r="KF12" s="118">
        <v>0</v>
      </c>
      <c r="KG12" s="119">
        <v>216553</v>
      </c>
      <c r="KH12" s="119">
        <v>1107168</v>
      </c>
      <c r="KI12" s="119">
        <v>1021515</v>
      </c>
      <c r="KJ12" s="119">
        <v>610016</v>
      </c>
      <c r="KK12" s="119">
        <v>736572</v>
      </c>
      <c r="KL12" s="120">
        <v>3691824</v>
      </c>
      <c r="KM12" s="143">
        <v>3691824</v>
      </c>
      <c r="KN12" s="232">
        <v>0</v>
      </c>
      <c r="KO12" s="236">
        <v>0</v>
      </c>
      <c r="KP12" s="237">
        <v>0</v>
      </c>
      <c r="KQ12" s="140"/>
      <c r="KR12" s="119">
        <v>2446519</v>
      </c>
      <c r="KS12" s="119">
        <v>1698363</v>
      </c>
      <c r="KT12" s="119">
        <v>2000900</v>
      </c>
      <c r="KU12" s="119">
        <v>1660472</v>
      </c>
      <c r="KV12" s="119">
        <v>1131987</v>
      </c>
      <c r="KW12" s="120">
        <v>8938241</v>
      </c>
      <c r="KX12" s="321">
        <v>8938241</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182059</v>
      </c>
      <c r="LP12" s="119">
        <v>0</v>
      </c>
      <c r="LQ12" s="119">
        <v>0</v>
      </c>
      <c r="LR12" s="119">
        <v>0</v>
      </c>
      <c r="LS12" s="120">
        <v>182059</v>
      </c>
      <c r="LT12" s="321">
        <v>182059</v>
      </c>
      <c r="LU12" s="142">
        <v>0</v>
      </c>
      <c r="LV12" s="119">
        <v>0</v>
      </c>
      <c r="LW12" s="120">
        <v>0</v>
      </c>
      <c r="LX12" s="145"/>
      <c r="LY12" s="119">
        <v>120354</v>
      </c>
      <c r="LZ12" s="119">
        <v>338818</v>
      </c>
      <c r="MA12" s="119">
        <v>0</v>
      </c>
      <c r="MB12" s="119">
        <v>263184</v>
      </c>
      <c r="MC12" s="119">
        <v>0</v>
      </c>
      <c r="MD12" s="120">
        <v>722356</v>
      </c>
      <c r="ME12" s="121">
        <v>722356</v>
      </c>
      <c r="MF12" s="142">
        <v>0</v>
      </c>
      <c r="MG12" s="119">
        <v>0</v>
      </c>
      <c r="MH12" s="120">
        <v>0</v>
      </c>
      <c r="MI12" s="145"/>
      <c r="MJ12" s="119">
        <v>210213</v>
      </c>
      <c r="MK12" s="119">
        <v>2270322</v>
      </c>
      <c r="ML12" s="119">
        <v>5687336</v>
      </c>
      <c r="MM12" s="119">
        <v>12108353</v>
      </c>
      <c r="MN12" s="119">
        <v>6831374</v>
      </c>
      <c r="MO12" s="120">
        <v>27107598</v>
      </c>
      <c r="MP12" s="143">
        <v>27107598</v>
      </c>
      <c r="MQ12" s="142">
        <v>0</v>
      </c>
      <c r="MR12" s="119">
        <v>0</v>
      </c>
      <c r="MS12" s="120">
        <v>0</v>
      </c>
      <c r="MT12" s="145"/>
      <c r="MU12" s="119">
        <v>0</v>
      </c>
      <c r="MV12" s="119">
        <v>0</v>
      </c>
      <c r="MW12" s="119">
        <v>3161903</v>
      </c>
      <c r="MX12" s="119">
        <v>8315576</v>
      </c>
      <c r="MY12" s="119">
        <v>5340554</v>
      </c>
      <c r="MZ12" s="120">
        <v>16818033</v>
      </c>
      <c r="NA12" s="143">
        <v>16818033</v>
      </c>
      <c r="NB12" s="142">
        <v>0</v>
      </c>
      <c r="NC12" s="119">
        <v>0</v>
      </c>
      <c r="ND12" s="120">
        <v>0</v>
      </c>
      <c r="NE12" s="145"/>
      <c r="NF12" s="119">
        <v>210213</v>
      </c>
      <c r="NG12" s="119">
        <v>2270322</v>
      </c>
      <c r="NH12" s="119">
        <v>2525433</v>
      </c>
      <c r="NI12" s="119">
        <v>3516768</v>
      </c>
      <c r="NJ12" s="119">
        <v>817410</v>
      </c>
      <c r="NK12" s="120">
        <v>9340146</v>
      </c>
      <c r="NL12" s="321">
        <v>9340146</v>
      </c>
      <c r="NM12" s="142">
        <v>0</v>
      </c>
      <c r="NN12" s="119">
        <v>0</v>
      </c>
      <c r="NO12" s="120">
        <v>0</v>
      </c>
      <c r="NP12" s="145"/>
      <c r="NQ12" s="119">
        <v>0</v>
      </c>
      <c r="NR12" s="119">
        <v>0</v>
      </c>
      <c r="NS12" s="119">
        <v>0</v>
      </c>
      <c r="NT12" s="119">
        <v>0</v>
      </c>
      <c r="NU12" s="119">
        <v>311083</v>
      </c>
      <c r="NV12" s="120">
        <v>311083</v>
      </c>
      <c r="NW12" s="121">
        <v>311083</v>
      </c>
      <c r="NX12" s="142">
        <v>0</v>
      </c>
      <c r="NY12" s="119">
        <v>0</v>
      </c>
      <c r="NZ12" s="120">
        <v>0</v>
      </c>
      <c r="OA12" s="145"/>
      <c r="OB12" s="119">
        <v>0</v>
      </c>
      <c r="OC12" s="119">
        <v>0</v>
      </c>
      <c r="OD12" s="119">
        <v>0</v>
      </c>
      <c r="OE12" s="119">
        <v>276009</v>
      </c>
      <c r="OF12" s="119">
        <v>362327</v>
      </c>
      <c r="OG12" s="120">
        <v>638336</v>
      </c>
      <c r="OH12" s="121">
        <v>638336</v>
      </c>
      <c r="OI12" s="142">
        <v>984047</v>
      </c>
      <c r="OJ12" s="119">
        <v>3324085</v>
      </c>
      <c r="OK12" s="141">
        <v>4308132</v>
      </c>
      <c r="OL12" s="118">
        <v>0</v>
      </c>
      <c r="OM12" s="119">
        <v>18111218</v>
      </c>
      <c r="ON12" s="119">
        <v>25083609</v>
      </c>
      <c r="OO12" s="119">
        <v>27470544</v>
      </c>
      <c r="OP12" s="119">
        <v>33501161</v>
      </c>
      <c r="OQ12" s="119">
        <v>27785233</v>
      </c>
      <c r="OR12" s="120">
        <v>131951765</v>
      </c>
      <c r="OS12" s="143">
        <v>136259897</v>
      </c>
    </row>
    <row r="13" spans="1:409" ht="20.25" customHeight="1" x14ac:dyDescent="0.2">
      <c r="B13" s="126" t="s">
        <v>7</v>
      </c>
      <c r="C13" s="110">
        <v>809580</v>
      </c>
      <c r="D13" s="114">
        <v>576750</v>
      </c>
      <c r="E13" s="113">
        <v>1386330</v>
      </c>
      <c r="F13" s="109">
        <v>0</v>
      </c>
      <c r="G13" s="114">
        <v>11735798</v>
      </c>
      <c r="H13" s="114">
        <v>11174065</v>
      </c>
      <c r="I13" s="114">
        <v>8622467</v>
      </c>
      <c r="J13" s="114">
        <v>5867237</v>
      </c>
      <c r="K13" s="114">
        <v>7595701</v>
      </c>
      <c r="L13" s="109">
        <v>44995268</v>
      </c>
      <c r="M13" s="116">
        <v>46381598</v>
      </c>
      <c r="N13" s="110">
        <v>135548</v>
      </c>
      <c r="O13" s="114">
        <v>110541</v>
      </c>
      <c r="P13" s="113">
        <v>246089</v>
      </c>
      <c r="Q13" s="110">
        <v>0</v>
      </c>
      <c r="R13" s="114">
        <v>2786461</v>
      </c>
      <c r="S13" s="114">
        <v>4139412</v>
      </c>
      <c r="T13" s="114">
        <v>3085845</v>
      </c>
      <c r="U13" s="114">
        <v>1920297</v>
      </c>
      <c r="V13" s="114">
        <v>4750383</v>
      </c>
      <c r="W13" s="113">
        <v>16682398</v>
      </c>
      <c r="X13" s="116">
        <v>16928487</v>
      </c>
      <c r="Y13" s="110">
        <v>0</v>
      </c>
      <c r="Z13" s="114">
        <v>0</v>
      </c>
      <c r="AA13" s="113">
        <v>0</v>
      </c>
      <c r="AB13" s="110">
        <v>0</v>
      </c>
      <c r="AC13" s="114">
        <v>1106253</v>
      </c>
      <c r="AD13" s="114">
        <v>1994547</v>
      </c>
      <c r="AE13" s="114">
        <v>1596266</v>
      </c>
      <c r="AF13" s="114">
        <v>838684</v>
      </c>
      <c r="AG13" s="114">
        <v>3067033</v>
      </c>
      <c r="AH13" s="113">
        <v>8602783</v>
      </c>
      <c r="AI13" s="116">
        <v>8602783</v>
      </c>
      <c r="AJ13" s="110">
        <v>0</v>
      </c>
      <c r="AK13" s="114">
        <v>0</v>
      </c>
      <c r="AL13" s="113">
        <v>0</v>
      </c>
      <c r="AM13" s="110">
        <v>0</v>
      </c>
      <c r="AN13" s="114">
        <v>60757</v>
      </c>
      <c r="AO13" s="114">
        <v>208638</v>
      </c>
      <c r="AP13" s="114">
        <v>156260</v>
      </c>
      <c r="AQ13" s="114">
        <v>122204</v>
      </c>
      <c r="AR13" s="114">
        <v>388374</v>
      </c>
      <c r="AS13" s="113">
        <v>936233</v>
      </c>
      <c r="AT13" s="116">
        <v>936233</v>
      </c>
      <c r="AU13" s="110">
        <v>0</v>
      </c>
      <c r="AV13" s="114">
        <v>60344</v>
      </c>
      <c r="AW13" s="113">
        <v>60344</v>
      </c>
      <c r="AX13" s="110">
        <v>0</v>
      </c>
      <c r="AY13" s="114">
        <v>1012317</v>
      </c>
      <c r="AZ13" s="114">
        <v>1202860</v>
      </c>
      <c r="BA13" s="114">
        <v>754480</v>
      </c>
      <c r="BB13" s="114">
        <v>568213</v>
      </c>
      <c r="BC13" s="114">
        <v>967687</v>
      </c>
      <c r="BD13" s="113">
        <v>4505557</v>
      </c>
      <c r="BE13" s="116">
        <v>4565901</v>
      </c>
      <c r="BF13" s="110">
        <v>0</v>
      </c>
      <c r="BG13" s="114">
        <v>0</v>
      </c>
      <c r="BH13" s="112">
        <v>0</v>
      </c>
      <c r="BI13" s="111">
        <v>0</v>
      </c>
      <c r="BJ13" s="114">
        <v>64816</v>
      </c>
      <c r="BK13" s="114">
        <v>161936</v>
      </c>
      <c r="BL13" s="114">
        <v>149837</v>
      </c>
      <c r="BM13" s="114">
        <v>34007</v>
      </c>
      <c r="BN13" s="114">
        <v>73819</v>
      </c>
      <c r="BO13" s="113">
        <v>484415</v>
      </c>
      <c r="BP13" s="116">
        <v>484415</v>
      </c>
      <c r="BQ13" s="110">
        <v>135548</v>
      </c>
      <c r="BR13" s="114">
        <v>50197</v>
      </c>
      <c r="BS13" s="113">
        <v>185745</v>
      </c>
      <c r="BT13" s="110">
        <v>0</v>
      </c>
      <c r="BU13" s="114">
        <v>542318</v>
      </c>
      <c r="BV13" s="114">
        <v>571431</v>
      </c>
      <c r="BW13" s="114">
        <v>429002</v>
      </c>
      <c r="BX13" s="114">
        <v>357189</v>
      </c>
      <c r="BY13" s="114">
        <v>253470</v>
      </c>
      <c r="BZ13" s="113">
        <v>2153410</v>
      </c>
      <c r="CA13" s="116">
        <v>2339155</v>
      </c>
      <c r="CB13" s="110">
        <v>57003</v>
      </c>
      <c r="CC13" s="114">
        <v>30108</v>
      </c>
      <c r="CD13" s="113">
        <v>87111</v>
      </c>
      <c r="CE13" s="110">
        <v>0</v>
      </c>
      <c r="CF13" s="114">
        <v>3641499</v>
      </c>
      <c r="CG13" s="114">
        <v>2143542</v>
      </c>
      <c r="CH13" s="114">
        <v>1425193</v>
      </c>
      <c r="CI13" s="114">
        <v>298364</v>
      </c>
      <c r="CJ13" s="114">
        <v>547689</v>
      </c>
      <c r="CK13" s="113">
        <v>8056287</v>
      </c>
      <c r="CL13" s="116">
        <v>8143398</v>
      </c>
      <c r="CM13" s="110">
        <v>0</v>
      </c>
      <c r="CN13" s="114">
        <v>0</v>
      </c>
      <c r="CO13" s="113">
        <v>0</v>
      </c>
      <c r="CP13" s="111">
        <v>0</v>
      </c>
      <c r="CQ13" s="114">
        <v>2727596</v>
      </c>
      <c r="CR13" s="114">
        <v>1831250</v>
      </c>
      <c r="CS13" s="114">
        <v>798327</v>
      </c>
      <c r="CT13" s="114">
        <v>278514</v>
      </c>
      <c r="CU13" s="114">
        <v>430239</v>
      </c>
      <c r="CV13" s="113">
        <v>6065926</v>
      </c>
      <c r="CW13" s="116">
        <v>6065926</v>
      </c>
      <c r="CX13" s="110">
        <v>57003</v>
      </c>
      <c r="CY13" s="114">
        <v>30108</v>
      </c>
      <c r="CZ13" s="113">
        <v>87111</v>
      </c>
      <c r="DA13" s="110">
        <v>0</v>
      </c>
      <c r="DB13" s="114">
        <v>913903</v>
      </c>
      <c r="DC13" s="114">
        <v>312292</v>
      </c>
      <c r="DD13" s="114">
        <v>626866</v>
      </c>
      <c r="DE13" s="114">
        <v>19850</v>
      </c>
      <c r="DF13" s="114">
        <v>117450</v>
      </c>
      <c r="DG13" s="113">
        <v>1990361</v>
      </c>
      <c r="DH13" s="116">
        <v>2077472</v>
      </c>
      <c r="DI13" s="110">
        <v>0</v>
      </c>
      <c r="DJ13" s="114">
        <v>0</v>
      </c>
      <c r="DK13" s="112">
        <v>0</v>
      </c>
      <c r="DL13" s="111">
        <v>0</v>
      </c>
      <c r="DM13" s="114">
        <v>256351</v>
      </c>
      <c r="DN13" s="114">
        <v>428406</v>
      </c>
      <c r="DO13" s="114">
        <v>802034</v>
      </c>
      <c r="DP13" s="114">
        <v>201545</v>
      </c>
      <c r="DQ13" s="114">
        <v>248897</v>
      </c>
      <c r="DR13" s="113">
        <v>1937233</v>
      </c>
      <c r="DS13" s="116">
        <v>1937233</v>
      </c>
      <c r="DT13" s="110">
        <v>0</v>
      </c>
      <c r="DU13" s="114">
        <v>0</v>
      </c>
      <c r="DV13" s="113">
        <v>0</v>
      </c>
      <c r="DW13" s="110">
        <v>0</v>
      </c>
      <c r="DX13" s="114">
        <v>256351</v>
      </c>
      <c r="DY13" s="114">
        <v>304237</v>
      </c>
      <c r="DZ13" s="114">
        <v>746046</v>
      </c>
      <c r="EA13" s="114">
        <v>201545</v>
      </c>
      <c r="EB13" s="114">
        <v>182990</v>
      </c>
      <c r="EC13" s="113">
        <v>1691169</v>
      </c>
      <c r="ED13" s="116">
        <v>1691169</v>
      </c>
      <c r="EE13" s="110">
        <v>0</v>
      </c>
      <c r="EF13" s="112">
        <v>0</v>
      </c>
      <c r="EG13" s="113">
        <v>0</v>
      </c>
      <c r="EH13" s="110">
        <v>0</v>
      </c>
      <c r="EI13" s="114">
        <v>0</v>
      </c>
      <c r="EJ13" s="114">
        <v>124169</v>
      </c>
      <c r="EK13" s="114">
        <v>55988</v>
      </c>
      <c r="EL13" s="114">
        <v>0</v>
      </c>
      <c r="EM13" s="114">
        <v>65907</v>
      </c>
      <c r="EN13" s="112">
        <v>246064</v>
      </c>
      <c r="EO13" s="116">
        <v>246064</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8"/>
      <c r="FE13" s="114">
        <v>0</v>
      </c>
      <c r="FF13" s="114">
        <v>0</v>
      </c>
      <c r="FG13" s="114">
        <v>0</v>
      </c>
      <c r="FH13" s="114">
        <v>0</v>
      </c>
      <c r="FI13" s="114">
        <v>0</v>
      </c>
      <c r="FJ13" s="113">
        <v>0</v>
      </c>
      <c r="FK13" s="116">
        <v>0</v>
      </c>
      <c r="FL13" s="110">
        <v>72534</v>
      </c>
      <c r="FM13" s="114">
        <v>72898</v>
      </c>
      <c r="FN13" s="113">
        <v>145432</v>
      </c>
      <c r="FO13" s="110">
        <v>0</v>
      </c>
      <c r="FP13" s="114">
        <v>487942</v>
      </c>
      <c r="FQ13" s="114">
        <v>1278522</v>
      </c>
      <c r="FR13" s="114">
        <v>687841</v>
      </c>
      <c r="FS13" s="114">
        <v>450618</v>
      </c>
      <c r="FT13" s="114">
        <v>489412</v>
      </c>
      <c r="FU13" s="113">
        <v>3394335</v>
      </c>
      <c r="FV13" s="116">
        <v>3539767</v>
      </c>
      <c r="FW13" s="115">
        <v>56210</v>
      </c>
      <c r="FX13" s="114">
        <v>72898</v>
      </c>
      <c r="FY13" s="112">
        <v>129108</v>
      </c>
      <c r="FZ13" s="111">
        <v>0</v>
      </c>
      <c r="GA13" s="114">
        <v>385252</v>
      </c>
      <c r="GB13" s="114">
        <v>1178107</v>
      </c>
      <c r="GC13" s="114">
        <v>624526</v>
      </c>
      <c r="GD13" s="114">
        <v>299852</v>
      </c>
      <c r="GE13" s="114">
        <v>489412</v>
      </c>
      <c r="GF13" s="113">
        <v>2977149</v>
      </c>
      <c r="GG13" s="319">
        <v>3106257</v>
      </c>
      <c r="GH13" s="115">
        <v>16324</v>
      </c>
      <c r="GI13" s="114">
        <v>0</v>
      </c>
      <c r="GJ13" s="112">
        <v>16324</v>
      </c>
      <c r="GK13" s="111">
        <v>0</v>
      </c>
      <c r="GL13" s="114">
        <v>28490</v>
      </c>
      <c r="GM13" s="114">
        <v>36995</v>
      </c>
      <c r="GN13" s="114">
        <v>24115</v>
      </c>
      <c r="GO13" s="114">
        <v>16324</v>
      </c>
      <c r="GP13" s="114">
        <v>0</v>
      </c>
      <c r="GQ13" s="113">
        <v>105924</v>
      </c>
      <c r="GR13" s="116">
        <v>122248</v>
      </c>
      <c r="GS13" s="110">
        <v>0</v>
      </c>
      <c r="GT13" s="114">
        <v>0</v>
      </c>
      <c r="GU13" s="113">
        <v>0</v>
      </c>
      <c r="GV13" s="110">
        <v>0</v>
      </c>
      <c r="GW13" s="114">
        <v>74200</v>
      </c>
      <c r="GX13" s="114">
        <v>63420</v>
      </c>
      <c r="GY13" s="114">
        <v>39200</v>
      </c>
      <c r="GZ13" s="114">
        <v>134442</v>
      </c>
      <c r="HA13" s="114">
        <v>0</v>
      </c>
      <c r="HB13" s="112">
        <v>311262</v>
      </c>
      <c r="HC13" s="116">
        <v>311262</v>
      </c>
      <c r="HD13" s="110">
        <v>544495</v>
      </c>
      <c r="HE13" s="114">
        <v>363203</v>
      </c>
      <c r="HF13" s="112">
        <v>907698</v>
      </c>
      <c r="HG13" s="111">
        <v>0</v>
      </c>
      <c r="HH13" s="114">
        <v>4563545</v>
      </c>
      <c r="HI13" s="114">
        <v>3184183</v>
      </c>
      <c r="HJ13" s="114">
        <v>2621554</v>
      </c>
      <c r="HK13" s="114">
        <v>2996413</v>
      </c>
      <c r="HL13" s="114">
        <v>1559320</v>
      </c>
      <c r="HM13" s="113">
        <v>14925015</v>
      </c>
      <c r="HN13" s="109">
        <v>15832713</v>
      </c>
      <c r="HO13" s="329"/>
      <c r="HP13" s="330"/>
      <c r="HQ13" s="331"/>
      <c r="HR13" s="332"/>
      <c r="HS13" s="330"/>
      <c r="HT13" s="330"/>
      <c r="HU13" s="330"/>
      <c r="HV13" s="330"/>
      <c r="HW13" s="330"/>
      <c r="HX13" s="333"/>
      <c r="HY13" s="334"/>
      <c r="HZ13" s="131">
        <v>0</v>
      </c>
      <c r="IA13" s="132">
        <v>0</v>
      </c>
      <c r="IB13" s="133">
        <v>0</v>
      </c>
      <c r="IC13" s="146">
        <v>0</v>
      </c>
      <c r="ID13" s="132">
        <v>1332731</v>
      </c>
      <c r="IE13" s="147">
        <v>1337743</v>
      </c>
      <c r="IF13" s="133">
        <v>3764184</v>
      </c>
      <c r="IG13" s="132">
        <v>1340390</v>
      </c>
      <c r="IH13" s="133">
        <v>823194</v>
      </c>
      <c r="II13" s="148">
        <v>8598242</v>
      </c>
      <c r="IJ13" s="139">
        <v>8598242</v>
      </c>
      <c r="IK13" s="232">
        <v>0</v>
      </c>
      <c r="IL13" s="236">
        <v>0</v>
      </c>
      <c r="IM13" s="237">
        <v>0</v>
      </c>
      <c r="IN13" s="140"/>
      <c r="IO13" s="119">
        <v>0</v>
      </c>
      <c r="IP13" s="119">
        <v>0</v>
      </c>
      <c r="IQ13" s="119">
        <v>381477</v>
      </c>
      <c r="IR13" s="119">
        <v>186845</v>
      </c>
      <c r="IS13" s="119">
        <v>0</v>
      </c>
      <c r="IT13" s="141">
        <v>568322</v>
      </c>
      <c r="IU13" s="321">
        <v>568322</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698216</v>
      </c>
      <c r="JL13" s="119">
        <v>438754</v>
      </c>
      <c r="JM13" s="119">
        <v>1057531</v>
      </c>
      <c r="JN13" s="119">
        <v>392161</v>
      </c>
      <c r="JO13" s="119">
        <v>254347</v>
      </c>
      <c r="JP13" s="120">
        <v>2841009</v>
      </c>
      <c r="JQ13" s="321">
        <v>2841009</v>
      </c>
      <c r="JR13" s="142">
        <v>0</v>
      </c>
      <c r="JS13" s="119">
        <v>0</v>
      </c>
      <c r="JT13" s="141">
        <v>0</v>
      </c>
      <c r="JU13" s="118">
        <v>0</v>
      </c>
      <c r="JV13" s="119">
        <v>26275</v>
      </c>
      <c r="JW13" s="119">
        <v>406326</v>
      </c>
      <c r="JX13" s="119">
        <v>406305</v>
      </c>
      <c r="JY13" s="119">
        <v>147832</v>
      </c>
      <c r="JZ13" s="119">
        <v>35410</v>
      </c>
      <c r="KA13" s="120">
        <v>1022148</v>
      </c>
      <c r="KB13" s="321">
        <v>1022148</v>
      </c>
      <c r="KC13" s="234">
        <v>0</v>
      </c>
      <c r="KD13" s="230">
        <v>0</v>
      </c>
      <c r="KE13" s="120">
        <v>0</v>
      </c>
      <c r="KF13" s="118">
        <v>0</v>
      </c>
      <c r="KG13" s="119">
        <v>0</v>
      </c>
      <c r="KH13" s="119">
        <v>274794</v>
      </c>
      <c r="KI13" s="119">
        <v>181345</v>
      </c>
      <c r="KJ13" s="119">
        <v>0</v>
      </c>
      <c r="KK13" s="119">
        <v>0</v>
      </c>
      <c r="KL13" s="120">
        <v>456139</v>
      </c>
      <c r="KM13" s="143">
        <v>456139</v>
      </c>
      <c r="KN13" s="232">
        <v>0</v>
      </c>
      <c r="KO13" s="236">
        <v>0</v>
      </c>
      <c r="KP13" s="237">
        <v>0</v>
      </c>
      <c r="KQ13" s="140"/>
      <c r="KR13" s="119">
        <v>608240</v>
      </c>
      <c r="KS13" s="119">
        <v>217869</v>
      </c>
      <c r="KT13" s="119">
        <v>1737526</v>
      </c>
      <c r="KU13" s="119">
        <v>613552</v>
      </c>
      <c r="KV13" s="119">
        <v>222455</v>
      </c>
      <c r="KW13" s="120">
        <v>3399642</v>
      </c>
      <c r="KX13" s="321">
        <v>3399642</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1">
        <v>0</v>
      </c>
      <c r="LU13" s="142">
        <v>0</v>
      </c>
      <c r="LV13" s="119">
        <v>0</v>
      </c>
      <c r="LW13" s="120">
        <v>0</v>
      </c>
      <c r="LX13" s="145"/>
      <c r="LY13" s="119">
        <v>0</v>
      </c>
      <c r="LZ13" s="119">
        <v>0</v>
      </c>
      <c r="MA13" s="119">
        <v>0</v>
      </c>
      <c r="MB13" s="119">
        <v>0</v>
      </c>
      <c r="MC13" s="119">
        <v>310982</v>
      </c>
      <c r="MD13" s="120">
        <v>310982</v>
      </c>
      <c r="ME13" s="121">
        <v>310982</v>
      </c>
      <c r="MF13" s="142">
        <v>0</v>
      </c>
      <c r="MG13" s="119">
        <v>0</v>
      </c>
      <c r="MH13" s="120">
        <v>0</v>
      </c>
      <c r="MI13" s="145"/>
      <c r="MJ13" s="119">
        <v>0</v>
      </c>
      <c r="MK13" s="119">
        <v>1345738</v>
      </c>
      <c r="ML13" s="119">
        <v>1939960</v>
      </c>
      <c r="MM13" s="119">
        <v>5204286</v>
      </c>
      <c r="MN13" s="119">
        <v>2604185</v>
      </c>
      <c r="MO13" s="120">
        <v>11094169</v>
      </c>
      <c r="MP13" s="143">
        <v>11094169</v>
      </c>
      <c r="MQ13" s="142">
        <v>0</v>
      </c>
      <c r="MR13" s="119">
        <v>0</v>
      </c>
      <c r="MS13" s="120">
        <v>0</v>
      </c>
      <c r="MT13" s="145"/>
      <c r="MU13" s="119">
        <v>0</v>
      </c>
      <c r="MV13" s="119">
        <v>197947</v>
      </c>
      <c r="MW13" s="119">
        <v>437435</v>
      </c>
      <c r="MX13" s="119">
        <v>4147042</v>
      </c>
      <c r="MY13" s="119">
        <v>2226269</v>
      </c>
      <c r="MZ13" s="120">
        <v>7008693</v>
      </c>
      <c r="NA13" s="143">
        <v>7008693</v>
      </c>
      <c r="NB13" s="142">
        <v>0</v>
      </c>
      <c r="NC13" s="119">
        <v>0</v>
      </c>
      <c r="ND13" s="120">
        <v>0</v>
      </c>
      <c r="NE13" s="145"/>
      <c r="NF13" s="119">
        <v>0</v>
      </c>
      <c r="NG13" s="119">
        <v>1147791</v>
      </c>
      <c r="NH13" s="119">
        <v>1502525</v>
      </c>
      <c r="NI13" s="119">
        <v>1057244</v>
      </c>
      <c r="NJ13" s="119">
        <v>377916</v>
      </c>
      <c r="NK13" s="120">
        <v>4085476</v>
      </c>
      <c r="NL13" s="321">
        <v>4085476</v>
      </c>
      <c r="NM13" s="142">
        <v>0</v>
      </c>
      <c r="NN13" s="119">
        <v>0</v>
      </c>
      <c r="NO13" s="120">
        <v>0</v>
      </c>
      <c r="NP13" s="145"/>
      <c r="NQ13" s="119">
        <v>0</v>
      </c>
      <c r="NR13" s="119">
        <v>0</v>
      </c>
      <c r="NS13" s="119">
        <v>0</v>
      </c>
      <c r="NT13" s="119">
        <v>0</v>
      </c>
      <c r="NU13" s="119">
        <v>0</v>
      </c>
      <c r="NV13" s="120">
        <v>0</v>
      </c>
      <c r="NW13" s="121">
        <v>0</v>
      </c>
      <c r="NX13" s="142">
        <v>0</v>
      </c>
      <c r="NY13" s="119">
        <v>0</v>
      </c>
      <c r="NZ13" s="120">
        <v>0</v>
      </c>
      <c r="OA13" s="145"/>
      <c r="OB13" s="119">
        <v>0</v>
      </c>
      <c r="OC13" s="119">
        <v>0</v>
      </c>
      <c r="OD13" s="119">
        <v>0</v>
      </c>
      <c r="OE13" s="119">
        <v>0</v>
      </c>
      <c r="OF13" s="119">
        <v>0</v>
      </c>
      <c r="OG13" s="120">
        <v>0</v>
      </c>
      <c r="OH13" s="121">
        <v>0</v>
      </c>
      <c r="OI13" s="142">
        <v>809580</v>
      </c>
      <c r="OJ13" s="119">
        <v>576750</v>
      </c>
      <c r="OK13" s="141">
        <v>1386330</v>
      </c>
      <c r="OL13" s="118">
        <v>0</v>
      </c>
      <c r="OM13" s="119">
        <v>13068529</v>
      </c>
      <c r="ON13" s="119">
        <v>13857546</v>
      </c>
      <c r="OO13" s="119">
        <v>14326611</v>
      </c>
      <c r="OP13" s="119">
        <v>12411913</v>
      </c>
      <c r="OQ13" s="119">
        <v>11023080</v>
      </c>
      <c r="OR13" s="120">
        <v>64687679</v>
      </c>
      <c r="OS13" s="143">
        <v>66074009</v>
      </c>
    </row>
    <row r="14" spans="1:409" ht="20.25" customHeight="1" x14ac:dyDescent="0.2">
      <c r="B14" s="126" t="s">
        <v>8</v>
      </c>
      <c r="C14" s="110">
        <v>483890</v>
      </c>
      <c r="D14" s="114">
        <v>158871</v>
      </c>
      <c r="E14" s="113">
        <v>642761</v>
      </c>
      <c r="F14" s="109">
        <v>0</v>
      </c>
      <c r="G14" s="114">
        <v>4399912</v>
      </c>
      <c r="H14" s="114">
        <v>6599433</v>
      </c>
      <c r="I14" s="114">
        <v>4073251</v>
      </c>
      <c r="J14" s="114">
        <v>4915401</v>
      </c>
      <c r="K14" s="114">
        <v>4535384</v>
      </c>
      <c r="L14" s="109">
        <v>24523381</v>
      </c>
      <c r="M14" s="116">
        <v>25166142</v>
      </c>
      <c r="N14" s="110">
        <v>74495</v>
      </c>
      <c r="O14" s="114">
        <v>21817</v>
      </c>
      <c r="P14" s="113">
        <v>96312</v>
      </c>
      <c r="Q14" s="110">
        <v>0</v>
      </c>
      <c r="R14" s="114">
        <v>1179427</v>
      </c>
      <c r="S14" s="114">
        <v>2099271</v>
      </c>
      <c r="T14" s="114">
        <v>911886</v>
      </c>
      <c r="U14" s="114">
        <v>1910034</v>
      </c>
      <c r="V14" s="114">
        <v>2061552</v>
      </c>
      <c r="W14" s="113">
        <v>8162170</v>
      </c>
      <c r="X14" s="116">
        <v>8258482</v>
      </c>
      <c r="Y14" s="110">
        <v>0</v>
      </c>
      <c r="Z14" s="114">
        <v>0</v>
      </c>
      <c r="AA14" s="113">
        <v>0</v>
      </c>
      <c r="AB14" s="110">
        <v>0</v>
      </c>
      <c r="AC14" s="114">
        <v>677312</v>
      </c>
      <c r="AD14" s="114">
        <v>1163933</v>
      </c>
      <c r="AE14" s="114">
        <v>483521</v>
      </c>
      <c r="AF14" s="114">
        <v>765283</v>
      </c>
      <c r="AG14" s="114">
        <v>1385625</v>
      </c>
      <c r="AH14" s="113">
        <v>4475674</v>
      </c>
      <c r="AI14" s="116">
        <v>4475674</v>
      </c>
      <c r="AJ14" s="110">
        <v>0</v>
      </c>
      <c r="AK14" s="114">
        <v>0</v>
      </c>
      <c r="AL14" s="113">
        <v>0</v>
      </c>
      <c r="AM14" s="110">
        <v>0</v>
      </c>
      <c r="AN14" s="114">
        <v>0</v>
      </c>
      <c r="AO14" s="114">
        <v>0</v>
      </c>
      <c r="AP14" s="114">
        <v>11571</v>
      </c>
      <c r="AQ14" s="114">
        <v>233732</v>
      </c>
      <c r="AR14" s="114">
        <v>131642</v>
      </c>
      <c r="AS14" s="113">
        <v>376945</v>
      </c>
      <c r="AT14" s="116">
        <v>376945</v>
      </c>
      <c r="AU14" s="110">
        <v>31074</v>
      </c>
      <c r="AV14" s="114">
        <v>0</v>
      </c>
      <c r="AW14" s="113">
        <v>31074</v>
      </c>
      <c r="AX14" s="110">
        <v>0</v>
      </c>
      <c r="AY14" s="114">
        <v>347569</v>
      </c>
      <c r="AZ14" s="114">
        <v>515967</v>
      </c>
      <c r="BA14" s="114">
        <v>184698</v>
      </c>
      <c r="BB14" s="114">
        <v>436480</v>
      </c>
      <c r="BC14" s="114">
        <v>245302</v>
      </c>
      <c r="BD14" s="113">
        <v>1730016</v>
      </c>
      <c r="BE14" s="116">
        <v>1761090</v>
      </c>
      <c r="BF14" s="110">
        <v>0</v>
      </c>
      <c r="BG14" s="114">
        <v>9245</v>
      </c>
      <c r="BH14" s="112">
        <v>9245</v>
      </c>
      <c r="BI14" s="111">
        <v>0</v>
      </c>
      <c r="BJ14" s="114">
        <v>58149</v>
      </c>
      <c r="BK14" s="114">
        <v>131090</v>
      </c>
      <c r="BL14" s="114">
        <v>97031</v>
      </c>
      <c r="BM14" s="114">
        <v>208042</v>
      </c>
      <c r="BN14" s="114">
        <v>65624</v>
      </c>
      <c r="BO14" s="113">
        <v>559936</v>
      </c>
      <c r="BP14" s="116">
        <v>569181</v>
      </c>
      <c r="BQ14" s="110">
        <v>43421</v>
      </c>
      <c r="BR14" s="114">
        <v>12572</v>
      </c>
      <c r="BS14" s="113">
        <v>55993</v>
      </c>
      <c r="BT14" s="110">
        <v>0</v>
      </c>
      <c r="BU14" s="114">
        <v>96397</v>
      </c>
      <c r="BV14" s="114">
        <v>288281</v>
      </c>
      <c r="BW14" s="114">
        <v>135065</v>
      </c>
      <c r="BX14" s="114">
        <v>266497</v>
      </c>
      <c r="BY14" s="114">
        <v>233359</v>
      </c>
      <c r="BZ14" s="113">
        <v>1019599</v>
      </c>
      <c r="CA14" s="116">
        <v>1075592</v>
      </c>
      <c r="CB14" s="110">
        <v>34627</v>
      </c>
      <c r="CC14" s="114">
        <v>98477</v>
      </c>
      <c r="CD14" s="113">
        <v>133104</v>
      </c>
      <c r="CE14" s="110">
        <v>0</v>
      </c>
      <c r="CF14" s="114">
        <v>1737198</v>
      </c>
      <c r="CG14" s="114">
        <v>1978223</v>
      </c>
      <c r="CH14" s="114">
        <v>731168</v>
      </c>
      <c r="CI14" s="114">
        <v>1324867</v>
      </c>
      <c r="CJ14" s="114">
        <v>288104</v>
      </c>
      <c r="CK14" s="113">
        <v>6059560</v>
      </c>
      <c r="CL14" s="116">
        <v>6192664</v>
      </c>
      <c r="CM14" s="110">
        <v>0</v>
      </c>
      <c r="CN14" s="114">
        <v>0</v>
      </c>
      <c r="CO14" s="113">
        <v>0</v>
      </c>
      <c r="CP14" s="111">
        <v>0</v>
      </c>
      <c r="CQ14" s="114">
        <v>1139763</v>
      </c>
      <c r="CR14" s="114">
        <v>1502341</v>
      </c>
      <c r="CS14" s="114">
        <v>489733</v>
      </c>
      <c r="CT14" s="114">
        <v>811819</v>
      </c>
      <c r="CU14" s="114">
        <v>143772</v>
      </c>
      <c r="CV14" s="113">
        <v>4087428</v>
      </c>
      <c r="CW14" s="116">
        <v>4087428</v>
      </c>
      <c r="CX14" s="110">
        <v>34627</v>
      </c>
      <c r="CY14" s="114">
        <v>98477</v>
      </c>
      <c r="CZ14" s="113">
        <v>133104</v>
      </c>
      <c r="DA14" s="110">
        <v>0</v>
      </c>
      <c r="DB14" s="114">
        <v>597435</v>
      </c>
      <c r="DC14" s="114">
        <v>475882</v>
      </c>
      <c r="DD14" s="114">
        <v>241435</v>
      </c>
      <c r="DE14" s="114">
        <v>513048</v>
      </c>
      <c r="DF14" s="114">
        <v>144332</v>
      </c>
      <c r="DG14" s="113">
        <v>1972132</v>
      </c>
      <c r="DH14" s="116">
        <v>2105236</v>
      </c>
      <c r="DI14" s="110">
        <v>0</v>
      </c>
      <c r="DJ14" s="114">
        <v>0</v>
      </c>
      <c r="DK14" s="112">
        <v>0</v>
      </c>
      <c r="DL14" s="111">
        <v>0</v>
      </c>
      <c r="DM14" s="114">
        <v>76905</v>
      </c>
      <c r="DN14" s="114">
        <v>175936</v>
      </c>
      <c r="DO14" s="114">
        <v>301066</v>
      </c>
      <c r="DP14" s="114">
        <v>300582</v>
      </c>
      <c r="DQ14" s="114">
        <v>19850</v>
      </c>
      <c r="DR14" s="113">
        <v>874339</v>
      </c>
      <c r="DS14" s="116">
        <v>874339</v>
      </c>
      <c r="DT14" s="110">
        <v>0</v>
      </c>
      <c r="DU14" s="114">
        <v>0</v>
      </c>
      <c r="DV14" s="113">
        <v>0</v>
      </c>
      <c r="DW14" s="110">
        <v>0</v>
      </c>
      <c r="DX14" s="114">
        <v>76905</v>
      </c>
      <c r="DY14" s="114">
        <v>175936</v>
      </c>
      <c r="DZ14" s="114">
        <v>301066</v>
      </c>
      <c r="EA14" s="114">
        <v>300582</v>
      </c>
      <c r="EB14" s="114">
        <v>19850</v>
      </c>
      <c r="EC14" s="113">
        <v>874339</v>
      </c>
      <c r="ED14" s="116">
        <v>874339</v>
      </c>
      <c r="EE14" s="110">
        <v>0</v>
      </c>
      <c r="EF14" s="112">
        <v>0</v>
      </c>
      <c r="EG14" s="113">
        <v>0</v>
      </c>
      <c r="EH14" s="110">
        <v>0</v>
      </c>
      <c r="EI14" s="114">
        <v>0</v>
      </c>
      <c r="EJ14" s="114">
        <v>0</v>
      </c>
      <c r="EK14" s="114">
        <v>0</v>
      </c>
      <c r="EL14" s="114">
        <v>0</v>
      </c>
      <c r="EM14" s="114">
        <v>0</v>
      </c>
      <c r="EN14" s="112">
        <v>0</v>
      </c>
      <c r="EO14" s="116">
        <v>0</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8"/>
      <c r="FE14" s="114">
        <v>0</v>
      </c>
      <c r="FF14" s="114">
        <v>0</v>
      </c>
      <c r="FG14" s="114">
        <v>0</v>
      </c>
      <c r="FH14" s="114">
        <v>0</v>
      </c>
      <c r="FI14" s="114">
        <v>0</v>
      </c>
      <c r="FJ14" s="113">
        <v>0</v>
      </c>
      <c r="FK14" s="116">
        <v>0</v>
      </c>
      <c r="FL14" s="110">
        <v>85814</v>
      </c>
      <c r="FM14" s="114">
        <v>38577</v>
      </c>
      <c r="FN14" s="113">
        <v>124391</v>
      </c>
      <c r="FO14" s="110">
        <v>0</v>
      </c>
      <c r="FP14" s="114">
        <v>268751</v>
      </c>
      <c r="FQ14" s="114">
        <v>651490</v>
      </c>
      <c r="FR14" s="114">
        <v>228522</v>
      </c>
      <c r="FS14" s="114">
        <v>516796</v>
      </c>
      <c r="FT14" s="114">
        <v>313537</v>
      </c>
      <c r="FU14" s="113">
        <v>1979096</v>
      </c>
      <c r="FV14" s="116">
        <v>2103487</v>
      </c>
      <c r="FW14" s="115">
        <v>39368</v>
      </c>
      <c r="FX14" s="114">
        <v>38577</v>
      </c>
      <c r="FY14" s="112">
        <v>77945</v>
      </c>
      <c r="FZ14" s="111">
        <v>0</v>
      </c>
      <c r="GA14" s="114">
        <v>236551</v>
      </c>
      <c r="GB14" s="114">
        <v>555590</v>
      </c>
      <c r="GC14" s="114">
        <v>228522</v>
      </c>
      <c r="GD14" s="114">
        <v>447496</v>
      </c>
      <c r="GE14" s="114">
        <v>261177</v>
      </c>
      <c r="GF14" s="113">
        <v>1729336</v>
      </c>
      <c r="GG14" s="319">
        <v>1807281</v>
      </c>
      <c r="GH14" s="115">
        <v>0</v>
      </c>
      <c r="GI14" s="114">
        <v>0</v>
      </c>
      <c r="GJ14" s="112">
        <v>0</v>
      </c>
      <c r="GK14" s="111">
        <v>0</v>
      </c>
      <c r="GL14" s="114">
        <v>11200</v>
      </c>
      <c r="GM14" s="114">
        <v>18900</v>
      </c>
      <c r="GN14" s="114">
        <v>0</v>
      </c>
      <c r="GO14" s="114">
        <v>0</v>
      </c>
      <c r="GP14" s="114">
        <v>52360</v>
      </c>
      <c r="GQ14" s="113">
        <v>82460</v>
      </c>
      <c r="GR14" s="116">
        <v>82460</v>
      </c>
      <c r="GS14" s="110">
        <v>46446</v>
      </c>
      <c r="GT14" s="114">
        <v>0</v>
      </c>
      <c r="GU14" s="113">
        <v>46446</v>
      </c>
      <c r="GV14" s="110">
        <v>0</v>
      </c>
      <c r="GW14" s="114">
        <v>21000</v>
      </c>
      <c r="GX14" s="114">
        <v>77000</v>
      </c>
      <c r="GY14" s="114">
        <v>0</v>
      </c>
      <c r="GZ14" s="114">
        <v>69300</v>
      </c>
      <c r="HA14" s="114">
        <v>0</v>
      </c>
      <c r="HB14" s="112">
        <v>167300</v>
      </c>
      <c r="HC14" s="116">
        <v>213746</v>
      </c>
      <c r="HD14" s="110">
        <v>288954</v>
      </c>
      <c r="HE14" s="114">
        <v>0</v>
      </c>
      <c r="HF14" s="112">
        <v>288954</v>
      </c>
      <c r="HG14" s="111">
        <v>0</v>
      </c>
      <c r="HH14" s="114">
        <v>1137631</v>
      </c>
      <c r="HI14" s="114">
        <v>1694513</v>
      </c>
      <c r="HJ14" s="114">
        <v>1900609</v>
      </c>
      <c r="HK14" s="114">
        <v>863122</v>
      </c>
      <c r="HL14" s="114">
        <v>1852341</v>
      </c>
      <c r="HM14" s="113">
        <v>7448216</v>
      </c>
      <c r="HN14" s="109">
        <v>7737170</v>
      </c>
      <c r="HO14" s="329"/>
      <c r="HP14" s="330"/>
      <c r="HQ14" s="331"/>
      <c r="HR14" s="332"/>
      <c r="HS14" s="330"/>
      <c r="HT14" s="330"/>
      <c r="HU14" s="330"/>
      <c r="HV14" s="330"/>
      <c r="HW14" s="330"/>
      <c r="HX14" s="333"/>
      <c r="HY14" s="334"/>
      <c r="HZ14" s="131">
        <v>0</v>
      </c>
      <c r="IA14" s="132">
        <v>0</v>
      </c>
      <c r="IB14" s="133">
        <v>0</v>
      </c>
      <c r="IC14" s="134">
        <v>0</v>
      </c>
      <c r="ID14" s="135">
        <v>1221358</v>
      </c>
      <c r="IE14" s="136">
        <v>1413914</v>
      </c>
      <c r="IF14" s="137">
        <v>1065426</v>
      </c>
      <c r="IG14" s="135">
        <v>1710380</v>
      </c>
      <c r="IH14" s="137">
        <v>689806</v>
      </c>
      <c r="II14" s="138">
        <v>6100884</v>
      </c>
      <c r="IJ14" s="139">
        <v>6100884</v>
      </c>
      <c r="IK14" s="232">
        <v>0</v>
      </c>
      <c r="IL14" s="236">
        <v>0</v>
      </c>
      <c r="IM14" s="237">
        <v>0</v>
      </c>
      <c r="IN14" s="140"/>
      <c r="IO14" s="119">
        <v>0</v>
      </c>
      <c r="IP14" s="119">
        <v>0</v>
      </c>
      <c r="IQ14" s="119">
        <v>0</v>
      </c>
      <c r="IR14" s="119">
        <v>210558</v>
      </c>
      <c r="IS14" s="119">
        <v>0</v>
      </c>
      <c r="IT14" s="141">
        <v>210558</v>
      </c>
      <c r="IU14" s="321">
        <v>210558</v>
      </c>
      <c r="IV14" s="142">
        <v>0</v>
      </c>
      <c r="IW14" s="119">
        <v>0</v>
      </c>
      <c r="IX14" s="120">
        <v>0</v>
      </c>
      <c r="IY14" s="144"/>
      <c r="IZ14" s="119">
        <v>0</v>
      </c>
      <c r="JA14" s="119">
        <v>0</v>
      </c>
      <c r="JB14" s="119">
        <v>0</v>
      </c>
      <c r="JC14" s="119">
        <v>0</v>
      </c>
      <c r="JD14" s="119">
        <v>30604</v>
      </c>
      <c r="JE14" s="120">
        <v>30604</v>
      </c>
      <c r="JF14" s="121">
        <v>30604</v>
      </c>
      <c r="JG14" s="142">
        <v>0</v>
      </c>
      <c r="JH14" s="119">
        <v>0</v>
      </c>
      <c r="JI14" s="141">
        <v>0</v>
      </c>
      <c r="JJ14" s="118">
        <v>0</v>
      </c>
      <c r="JK14" s="119">
        <v>1032746</v>
      </c>
      <c r="JL14" s="119">
        <v>984622</v>
      </c>
      <c r="JM14" s="119">
        <v>662812</v>
      </c>
      <c r="JN14" s="119">
        <v>165550</v>
      </c>
      <c r="JO14" s="119">
        <v>167014</v>
      </c>
      <c r="JP14" s="120">
        <v>3012744</v>
      </c>
      <c r="JQ14" s="321">
        <v>3012744</v>
      </c>
      <c r="JR14" s="142">
        <v>0</v>
      </c>
      <c r="JS14" s="119">
        <v>0</v>
      </c>
      <c r="JT14" s="141">
        <v>0</v>
      </c>
      <c r="JU14" s="118">
        <v>0</v>
      </c>
      <c r="JV14" s="119">
        <v>0</v>
      </c>
      <c r="JW14" s="119">
        <v>64027</v>
      </c>
      <c r="JX14" s="119">
        <v>196699</v>
      </c>
      <c r="JY14" s="119">
        <v>0</v>
      </c>
      <c r="JZ14" s="119">
        <v>0</v>
      </c>
      <c r="KA14" s="120">
        <v>260726</v>
      </c>
      <c r="KB14" s="321">
        <v>260726</v>
      </c>
      <c r="KC14" s="234">
        <v>0</v>
      </c>
      <c r="KD14" s="230">
        <v>0</v>
      </c>
      <c r="KE14" s="120">
        <v>0</v>
      </c>
      <c r="KF14" s="118">
        <v>0</v>
      </c>
      <c r="KG14" s="119">
        <v>188612</v>
      </c>
      <c r="KH14" s="119">
        <v>0</v>
      </c>
      <c r="KI14" s="119">
        <v>205915</v>
      </c>
      <c r="KJ14" s="119">
        <v>0</v>
      </c>
      <c r="KK14" s="119">
        <v>0</v>
      </c>
      <c r="KL14" s="120">
        <v>394527</v>
      </c>
      <c r="KM14" s="143">
        <v>394527</v>
      </c>
      <c r="KN14" s="232">
        <v>0</v>
      </c>
      <c r="KO14" s="236">
        <v>0</v>
      </c>
      <c r="KP14" s="237">
        <v>0</v>
      </c>
      <c r="KQ14" s="140"/>
      <c r="KR14" s="119">
        <v>0</v>
      </c>
      <c r="KS14" s="119">
        <v>212990</v>
      </c>
      <c r="KT14" s="119">
        <v>0</v>
      </c>
      <c r="KU14" s="119">
        <v>892806</v>
      </c>
      <c r="KV14" s="119">
        <v>227642</v>
      </c>
      <c r="KW14" s="120">
        <v>1333438</v>
      </c>
      <c r="KX14" s="321">
        <v>1333438</v>
      </c>
      <c r="KY14" s="142">
        <v>0</v>
      </c>
      <c r="KZ14" s="119">
        <v>0</v>
      </c>
      <c r="LA14" s="120">
        <v>0</v>
      </c>
      <c r="LB14" s="145"/>
      <c r="LC14" s="119">
        <v>0</v>
      </c>
      <c r="LD14" s="119">
        <v>152275</v>
      </c>
      <c r="LE14" s="119">
        <v>0</v>
      </c>
      <c r="LF14" s="119">
        <v>189501</v>
      </c>
      <c r="LG14" s="119">
        <v>0</v>
      </c>
      <c r="LH14" s="120">
        <v>341776</v>
      </c>
      <c r="LI14" s="121">
        <v>341776</v>
      </c>
      <c r="LJ14" s="142">
        <v>0</v>
      </c>
      <c r="LK14" s="119">
        <v>0</v>
      </c>
      <c r="LL14" s="120">
        <v>0</v>
      </c>
      <c r="LM14" s="145"/>
      <c r="LN14" s="119">
        <v>0</v>
      </c>
      <c r="LO14" s="119">
        <v>0</v>
      </c>
      <c r="LP14" s="119">
        <v>0</v>
      </c>
      <c r="LQ14" s="119">
        <v>251965</v>
      </c>
      <c r="LR14" s="119">
        <v>264546</v>
      </c>
      <c r="LS14" s="120">
        <v>516511</v>
      </c>
      <c r="LT14" s="321">
        <v>516511</v>
      </c>
      <c r="LU14" s="142">
        <v>0</v>
      </c>
      <c r="LV14" s="119">
        <v>0</v>
      </c>
      <c r="LW14" s="120">
        <v>0</v>
      </c>
      <c r="LX14" s="145"/>
      <c r="LY14" s="119">
        <v>0</v>
      </c>
      <c r="LZ14" s="119">
        <v>0</v>
      </c>
      <c r="MA14" s="119">
        <v>0</v>
      </c>
      <c r="MB14" s="119">
        <v>0</v>
      </c>
      <c r="MC14" s="119">
        <v>0</v>
      </c>
      <c r="MD14" s="120">
        <v>0</v>
      </c>
      <c r="ME14" s="121">
        <v>0</v>
      </c>
      <c r="MF14" s="142">
        <v>0</v>
      </c>
      <c r="MG14" s="119">
        <v>0</v>
      </c>
      <c r="MH14" s="120">
        <v>0</v>
      </c>
      <c r="MI14" s="145"/>
      <c r="MJ14" s="119">
        <v>-234</v>
      </c>
      <c r="MK14" s="119">
        <v>650565</v>
      </c>
      <c r="ML14" s="119">
        <v>946926</v>
      </c>
      <c r="MM14" s="119">
        <v>4028611</v>
      </c>
      <c r="MN14" s="119">
        <v>1323323</v>
      </c>
      <c r="MO14" s="120">
        <v>6949191</v>
      </c>
      <c r="MP14" s="143">
        <v>6949191</v>
      </c>
      <c r="MQ14" s="142">
        <v>0</v>
      </c>
      <c r="MR14" s="119">
        <v>0</v>
      </c>
      <c r="MS14" s="120">
        <v>0</v>
      </c>
      <c r="MT14" s="145"/>
      <c r="MU14" s="119">
        <v>-234</v>
      </c>
      <c r="MV14" s="119">
        <v>-482</v>
      </c>
      <c r="MW14" s="119">
        <v>198850</v>
      </c>
      <c r="MX14" s="119">
        <v>1837009</v>
      </c>
      <c r="MY14" s="119">
        <v>1308050</v>
      </c>
      <c r="MZ14" s="120">
        <v>3343193</v>
      </c>
      <c r="NA14" s="143">
        <v>3343193</v>
      </c>
      <c r="NB14" s="142">
        <v>0</v>
      </c>
      <c r="NC14" s="119">
        <v>0</v>
      </c>
      <c r="ND14" s="120">
        <v>0</v>
      </c>
      <c r="NE14" s="145"/>
      <c r="NF14" s="119">
        <v>0</v>
      </c>
      <c r="NG14" s="119">
        <v>651047</v>
      </c>
      <c r="NH14" s="119">
        <v>748076</v>
      </c>
      <c r="NI14" s="119">
        <v>1872694</v>
      </c>
      <c r="NJ14" s="119">
        <v>15273</v>
      </c>
      <c r="NK14" s="120">
        <v>3287090</v>
      </c>
      <c r="NL14" s="321">
        <v>3287090</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0</v>
      </c>
      <c r="OD14" s="119">
        <v>0</v>
      </c>
      <c r="OE14" s="119">
        <v>318908</v>
      </c>
      <c r="OF14" s="119">
        <v>0</v>
      </c>
      <c r="OG14" s="120">
        <v>318908</v>
      </c>
      <c r="OH14" s="121">
        <v>318908</v>
      </c>
      <c r="OI14" s="142">
        <v>483890</v>
      </c>
      <c r="OJ14" s="119">
        <v>158871</v>
      </c>
      <c r="OK14" s="141">
        <v>642761</v>
      </c>
      <c r="OL14" s="118">
        <v>0</v>
      </c>
      <c r="OM14" s="119">
        <v>5621036</v>
      </c>
      <c r="ON14" s="119">
        <v>8663912</v>
      </c>
      <c r="OO14" s="119">
        <v>6085603</v>
      </c>
      <c r="OP14" s="119">
        <v>10654392</v>
      </c>
      <c r="OQ14" s="119">
        <v>6548513</v>
      </c>
      <c r="OR14" s="120">
        <v>37573456</v>
      </c>
      <c r="OS14" s="143">
        <v>38216217</v>
      </c>
    </row>
    <row r="15" spans="1:409" ht="20.25" customHeight="1" x14ac:dyDescent="0.2">
      <c r="B15" s="126" t="s">
        <v>9</v>
      </c>
      <c r="C15" s="110">
        <v>1557197</v>
      </c>
      <c r="D15" s="114">
        <v>1248196</v>
      </c>
      <c r="E15" s="113">
        <v>2805393</v>
      </c>
      <c r="F15" s="111">
        <v>0</v>
      </c>
      <c r="G15" s="114">
        <v>12108022</v>
      </c>
      <c r="H15" s="114">
        <v>11185255</v>
      </c>
      <c r="I15" s="114">
        <v>12277483</v>
      </c>
      <c r="J15" s="114">
        <v>14379056</v>
      </c>
      <c r="K15" s="114">
        <v>11640859</v>
      </c>
      <c r="L15" s="109">
        <v>61590675</v>
      </c>
      <c r="M15" s="116">
        <v>64396068</v>
      </c>
      <c r="N15" s="110">
        <v>269246</v>
      </c>
      <c r="O15" s="114">
        <v>359181</v>
      </c>
      <c r="P15" s="113">
        <v>628427</v>
      </c>
      <c r="Q15" s="110">
        <v>0</v>
      </c>
      <c r="R15" s="114">
        <v>4730226</v>
      </c>
      <c r="S15" s="114">
        <v>3631132</v>
      </c>
      <c r="T15" s="114">
        <v>4817282</v>
      </c>
      <c r="U15" s="114">
        <v>5529380</v>
      </c>
      <c r="V15" s="114">
        <v>6102583</v>
      </c>
      <c r="W15" s="113">
        <v>24810603</v>
      </c>
      <c r="X15" s="116">
        <v>25439030</v>
      </c>
      <c r="Y15" s="110">
        <v>0</v>
      </c>
      <c r="Z15" s="114">
        <v>0</v>
      </c>
      <c r="AA15" s="113">
        <v>0</v>
      </c>
      <c r="AB15" s="110">
        <v>0</v>
      </c>
      <c r="AC15" s="114">
        <v>1921762</v>
      </c>
      <c r="AD15" s="114">
        <v>1678405</v>
      </c>
      <c r="AE15" s="114">
        <v>2273455</v>
      </c>
      <c r="AF15" s="114">
        <v>2893945</v>
      </c>
      <c r="AG15" s="114">
        <v>4132459</v>
      </c>
      <c r="AH15" s="113">
        <v>12900026</v>
      </c>
      <c r="AI15" s="116">
        <v>12900026</v>
      </c>
      <c r="AJ15" s="110">
        <v>0</v>
      </c>
      <c r="AK15" s="114">
        <v>0</v>
      </c>
      <c r="AL15" s="113">
        <v>0</v>
      </c>
      <c r="AM15" s="110">
        <v>0</v>
      </c>
      <c r="AN15" s="114">
        <v>188238</v>
      </c>
      <c r="AO15" s="114">
        <v>0</v>
      </c>
      <c r="AP15" s="114">
        <v>172301</v>
      </c>
      <c r="AQ15" s="114">
        <v>317053</v>
      </c>
      <c r="AR15" s="114">
        <v>636914</v>
      </c>
      <c r="AS15" s="113">
        <v>1314506</v>
      </c>
      <c r="AT15" s="116">
        <v>1314506</v>
      </c>
      <c r="AU15" s="110">
        <v>109541</v>
      </c>
      <c r="AV15" s="114">
        <v>275963</v>
      </c>
      <c r="AW15" s="113">
        <v>385504</v>
      </c>
      <c r="AX15" s="110">
        <v>0</v>
      </c>
      <c r="AY15" s="114">
        <v>1888445</v>
      </c>
      <c r="AZ15" s="114">
        <v>1101539</v>
      </c>
      <c r="BA15" s="114">
        <v>1419995</v>
      </c>
      <c r="BB15" s="114">
        <v>1244006</v>
      </c>
      <c r="BC15" s="114">
        <v>645982</v>
      </c>
      <c r="BD15" s="113">
        <v>6299967</v>
      </c>
      <c r="BE15" s="116">
        <v>6685471</v>
      </c>
      <c r="BF15" s="110">
        <v>0</v>
      </c>
      <c r="BG15" s="114">
        <v>43619</v>
      </c>
      <c r="BH15" s="112">
        <v>43619</v>
      </c>
      <c r="BI15" s="111">
        <v>0</v>
      </c>
      <c r="BJ15" s="114">
        <v>158348</v>
      </c>
      <c r="BK15" s="114">
        <v>176647</v>
      </c>
      <c r="BL15" s="114">
        <v>208705</v>
      </c>
      <c r="BM15" s="114">
        <v>201490</v>
      </c>
      <c r="BN15" s="114">
        <v>138274</v>
      </c>
      <c r="BO15" s="113">
        <v>883464</v>
      </c>
      <c r="BP15" s="116">
        <v>927083</v>
      </c>
      <c r="BQ15" s="110">
        <v>159705</v>
      </c>
      <c r="BR15" s="114">
        <v>39599</v>
      </c>
      <c r="BS15" s="113">
        <v>199304</v>
      </c>
      <c r="BT15" s="110">
        <v>0</v>
      </c>
      <c r="BU15" s="114">
        <v>573433</v>
      </c>
      <c r="BV15" s="114">
        <v>674541</v>
      </c>
      <c r="BW15" s="114">
        <v>742826</v>
      </c>
      <c r="BX15" s="114">
        <v>872886</v>
      </c>
      <c r="BY15" s="114">
        <v>548954</v>
      </c>
      <c r="BZ15" s="113">
        <v>3412640</v>
      </c>
      <c r="CA15" s="116">
        <v>3611944</v>
      </c>
      <c r="CB15" s="110">
        <v>54527</v>
      </c>
      <c r="CC15" s="114">
        <v>221529</v>
      </c>
      <c r="CD15" s="113">
        <v>276056</v>
      </c>
      <c r="CE15" s="110">
        <v>0</v>
      </c>
      <c r="CF15" s="114">
        <v>2168123</v>
      </c>
      <c r="CG15" s="114">
        <v>2386304</v>
      </c>
      <c r="CH15" s="114">
        <v>1858345</v>
      </c>
      <c r="CI15" s="114">
        <v>1464862</v>
      </c>
      <c r="CJ15" s="114">
        <v>778986</v>
      </c>
      <c r="CK15" s="113">
        <v>8656620</v>
      </c>
      <c r="CL15" s="116">
        <v>8932676</v>
      </c>
      <c r="CM15" s="110">
        <v>0</v>
      </c>
      <c r="CN15" s="114">
        <v>0</v>
      </c>
      <c r="CO15" s="113">
        <v>0</v>
      </c>
      <c r="CP15" s="111">
        <v>0</v>
      </c>
      <c r="CQ15" s="114">
        <v>1686970</v>
      </c>
      <c r="CR15" s="114">
        <v>2006460</v>
      </c>
      <c r="CS15" s="114">
        <v>1538577</v>
      </c>
      <c r="CT15" s="114">
        <v>943305</v>
      </c>
      <c r="CU15" s="114">
        <v>714571</v>
      </c>
      <c r="CV15" s="113">
        <v>6889883</v>
      </c>
      <c r="CW15" s="116">
        <v>6889883</v>
      </c>
      <c r="CX15" s="110">
        <v>54527</v>
      </c>
      <c r="CY15" s="114">
        <v>221529</v>
      </c>
      <c r="CZ15" s="113">
        <v>276056</v>
      </c>
      <c r="DA15" s="110">
        <v>0</v>
      </c>
      <c r="DB15" s="114">
        <v>481153</v>
      </c>
      <c r="DC15" s="114">
        <v>379844</v>
      </c>
      <c r="DD15" s="114">
        <v>319768</v>
      </c>
      <c r="DE15" s="114">
        <v>521557</v>
      </c>
      <c r="DF15" s="114">
        <v>64415</v>
      </c>
      <c r="DG15" s="113">
        <v>1766737</v>
      </c>
      <c r="DH15" s="116">
        <v>2042793</v>
      </c>
      <c r="DI15" s="110">
        <v>50337</v>
      </c>
      <c r="DJ15" s="114">
        <v>0</v>
      </c>
      <c r="DK15" s="112">
        <v>50337</v>
      </c>
      <c r="DL15" s="111">
        <v>0</v>
      </c>
      <c r="DM15" s="114">
        <v>337921</v>
      </c>
      <c r="DN15" s="114">
        <v>760143</v>
      </c>
      <c r="DO15" s="114">
        <v>767148</v>
      </c>
      <c r="DP15" s="114">
        <v>1042461</v>
      </c>
      <c r="DQ15" s="114">
        <v>545708</v>
      </c>
      <c r="DR15" s="113">
        <v>3453381</v>
      </c>
      <c r="DS15" s="116">
        <v>3503718</v>
      </c>
      <c r="DT15" s="110">
        <v>22453</v>
      </c>
      <c r="DU15" s="114">
        <v>0</v>
      </c>
      <c r="DV15" s="113">
        <v>22453</v>
      </c>
      <c r="DW15" s="110">
        <v>0</v>
      </c>
      <c r="DX15" s="114">
        <v>337921</v>
      </c>
      <c r="DY15" s="114">
        <v>760143</v>
      </c>
      <c r="DZ15" s="114">
        <v>605205</v>
      </c>
      <c r="EA15" s="114">
        <v>987835</v>
      </c>
      <c r="EB15" s="114">
        <v>440750</v>
      </c>
      <c r="EC15" s="113">
        <v>3131854</v>
      </c>
      <c r="ED15" s="116">
        <v>3154307</v>
      </c>
      <c r="EE15" s="110">
        <v>27884</v>
      </c>
      <c r="EF15" s="112">
        <v>0</v>
      </c>
      <c r="EG15" s="113">
        <v>27884</v>
      </c>
      <c r="EH15" s="110">
        <v>0</v>
      </c>
      <c r="EI15" s="114">
        <v>0</v>
      </c>
      <c r="EJ15" s="114">
        <v>0</v>
      </c>
      <c r="EK15" s="114">
        <v>161943</v>
      </c>
      <c r="EL15" s="114">
        <v>54626</v>
      </c>
      <c r="EM15" s="114">
        <v>104958</v>
      </c>
      <c r="EN15" s="112">
        <v>321527</v>
      </c>
      <c r="EO15" s="116">
        <v>349411</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8"/>
      <c r="FE15" s="114">
        <v>0</v>
      </c>
      <c r="FF15" s="114">
        <v>0</v>
      </c>
      <c r="FG15" s="114">
        <v>0</v>
      </c>
      <c r="FH15" s="114">
        <v>0</v>
      </c>
      <c r="FI15" s="114">
        <v>0</v>
      </c>
      <c r="FJ15" s="113">
        <v>0</v>
      </c>
      <c r="FK15" s="116">
        <v>0</v>
      </c>
      <c r="FL15" s="110">
        <v>536262</v>
      </c>
      <c r="FM15" s="114">
        <v>258258</v>
      </c>
      <c r="FN15" s="113">
        <v>794520</v>
      </c>
      <c r="FO15" s="110">
        <v>0</v>
      </c>
      <c r="FP15" s="114">
        <v>1166683</v>
      </c>
      <c r="FQ15" s="114">
        <v>1223516</v>
      </c>
      <c r="FR15" s="114">
        <v>1124991</v>
      </c>
      <c r="FS15" s="114">
        <v>1188467</v>
      </c>
      <c r="FT15" s="114">
        <v>1001021</v>
      </c>
      <c r="FU15" s="113">
        <v>5704678</v>
      </c>
      <c r="FV15" s="116">
        <v>6499198</v>
      </c>
      <c r="FW15" s="115">
        <v>147280</v>
      </c>
      <c r="FX15" s="114">
        <v>164318</v>
      </c>
      <c r="FY15" s="112">
        <v>311598</v>
      </c>
      <c r="FZ15" s="111">
        <v>0</v>
      </c>
      <c r="GA15" s="114">
        <v>667037</v>
      </c>
      <c r="GB15" s="114">
        <v>1005746</v>
      </c>
      <c r="GC15" s="114">
        <v>976941</v>
      </c>
      <c r="GD15" s="114">
        <v>1086267</v>
      </c>
      <c r="GE15" s="114">
        <v>827925</v>
      </c>
      <c r="GF15" s="113">
        <v>4563916</v>
      </c>
      <c r="GG15" s="319">
        <v>4875514</v>
      </c>
      <c r="GH15" s="115">
        <v>92400</v>
      </c>
      <c r="GI15" s="114">
        <v>0</v>
      </c>
      <c r="GJ15" s="112">
        <v>92400</v>
      </c>
      <c r="GK15" s="111">
        <v>0</v>
      </c>
      <c r="GL15" s="114">
        <v>95018</v>
      </c>
      <c r="GM15" s="114">
        <v>0</v>
      </c>
      <c r="GN15" s="114">
        <v>31150</v>
      </c>
      <c r="GO15" s="114">
        <v>0</v>
      </c>
      <c r="GP15" s="114">
        <v>11396</v>
      </c>
      <c r="GQ15" s="113">
        <v>137564</v>
      </c>
      <c r="GR15" s="116">
        <v>229964</v>
      </c>
      <c r="GS15" s="110">
        <v>296582</v>
      </c>
      <c r="GT15" s="114">
        <v>93940</v>
      </c>
      <c r="GU15" s="113">
        <v>390522</v>
      </c>
      <c r="GV15" s="110">
        <v>0</v>
      </c>
      <c r="GW15" s="114">
        <v>404628</v>
      </c>
      <c r="GX15" s="114">
        <v>217770</v>
      </c>
      <c r="GY15" s="114">
        <v>116900</v>
      </c>
      <c r="GZ15" s="114">
        <v>102200</v>
      </c>
      <c r="HA15" s="114">
        <v>161700</v>
      </c>
      <c r="HB15" s="112">
        <v>1003198</v>
      </c>
      <c r="HC15" s="116">
        <v>1393720</v>
      </c>
      <c r="HD15" s="110">
        <v>646825</v>
      </c>
      <c r="HE15" s="114">
        <v>409228</v>
      </c>
      <c r="HF15" s="112">
        <v>1056053</v>
      </c>
      <c r="HG15" s="111">
        <v>0</v>
      </c>
      <c r="HH15" s="114">
        <v>3705069</v>
      </c>
      <c r="HI15" s="114">
        <v>3184160</v>
      </c>
      <c r="HJ15" s="114">
        <v>3709717</v>
      </c>
      <c r="HK15" s="114">
        <v>5153886</v>
      </c>
      <c r="HL15" s="114">
        <v>3212561</v>
      </c>
      <c r="HM15" s="113">
        <v>18965393</v>
      </c>
      <c r="HN15" s="109">
        <v>20021446</v>
      </c>
      <c r="HO15" s="329"/>
      <c r="HP15" s="330"/>
      <c r="HQ15" s="331"/>
      <c r="HR15" s="332"/>
      <c r="HS15" s="330"/>
      <c r="HT15" s="330"/>
      <c r="HU15" s="330"/>
      <c r="HV15" s="330"/>
      <c r="HW15" s="330"/>
      <c r="HX15" s="333"/>
      <c r="HY15" s="334"/>
      <c r="HZ15" s="128">
        <v>37821</v>
      </c>
      <c r="IA15" s="149">
        <v>67121</v>
      </c>
      <c r="IB15" s="129">
        <v>104942</v>
      </c>
      <c r="IC15" s="146">
        <v>0</v>
      </c>
      <c r="ID15" s="132">
        <v>2043066</v>
      </c>
      <c r="IE15" s="147">
        <v>3306688</v>
      </c>
      <c r="IF15" s="133">
        <v>4064213</v>
      </c>
      <c r="IG15" s="132">
        <v>3934152</v>
      </c>
      <c r="IH15" s="133">
        <v>1502169</v>
      </c>
      <c r="II15" s="148">
        <v>14850288</v>
      </c>
      <c r="IJ15" s="130">
        <v>14955230</v>
      </c>
      <c r="IK15" s="232">
        <v>0</v>
      </c>
      <c r="IL15" s="236">
        <v>0</v>
      </c>
      <c r="IM15" s="237">
        <v>0</v>
      </c>
      <c r="IN15" s="140"/>
      <c r="IO15" s="119">
        <v>0</v>
      </c>
      <c r="IP15" s="119">
        <v>101846</v>
      </c>
      <c r="IQ15" s="119">
        <v>283139</v>
      </c>
      <c r="IR15" s="119">
        <v>892824</v>
      </c>
      <c r="IS15" s="119">
        <v>254968</v>
      </c>
      <c r="IT15" s="141">
        <v>1532777</v>
      </c>
      <c r="IU15" s="321">
        <v>1532777</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193705</v>
      </c>
      <c r="JL15" s="119">
        <v>1257438</v>
      </c>
      <c r="JM15" s="119">
        <v>1430470</v>
      </c>
      <c r="JN15" s="119">
        <v>299018</v>
      </c>
      <c r="JO15" s="119">
        <v>160557</v>
      </c>
      <c r="JP15" s="120">
        <v>4341188</v>
      </c>
      <c r="JQ15" s="321">
        <v>4341188</v>
      </c>
      <c r="JR15" s="142">
        <v>0</v>
      </c>
      <c r="JS15" s="119">
        <v>0</v>
      </c>
      <c r="JT15" s="141">
        <v>0</v>
      </c>
      <c r="JU15" s="118">
        <v>0</v>
      </c>
      <c r="JV15" s="119">
        <v>220893</v>
      </c>
      <c r="JW15" s="119">
        <v>0</v>
      </c>
      <c r="JX15" s="119">
        <v>192093</v>
      </c>
      <c r="JY15" s="119">
        <v>0</v>
      </c>
      <c r="JZ15" s="119">
        <v>112327</v>
      </c>
      <c r="KA15" s="120">
        <v>525313</v>
      </c>
      <c r="KB15" s="321">
        <v>525313</v>
      </c>
      <c r="KC15" s="234">
        <v>37821</v>
      </c>
      <c r="KD15" s="230">
        <v>67121</v>
      </c>
      <c r="KE15" s="120">
        <v>104942</v>
      </c>
      <c r="KF15" s="118">
        <v>0</v>
      </c>
      <c r="KG15" s="119">
        <v>628468</v>
      </c>
      <c r="KH15" s="119">
        <v>134714</v>
      </c>
      <c r="KI15" s="119">
        <v>399548</v>
      </c>
      <c r="KJ15" s="119">
        <v>1351120</v>
      </c>
      <c r="KK15" s="119">
        <v>243509</v>
      </c>
      <c r="KL15" s="120">
        <v>2757359</v>
      </c>
      <c r="KM15" s="143">
        <v>2862301</v>
      </c>
      <c r="KN15" s="232">
        <v>0</v>
      </c>
      <c r="KO15" s="236">
        <v>0</v>
      </c>
      <c r="KP15" s="237">
        <v>0</v>
      </c>
      <c r="KQ15" s="140"/>
      <c r="KR15" s="119">
        <v>0</v>
      </c>
      <c r="KS15" s="119">
        <v>1293471</v>
      </c>
      <c r="KT15" s="119">
        <v>1098199</v>
      </c>
      <c r="KU15" s="119">
        <v>684567</v>
      </c>
      <c r="KV15" s="119">
        <v>450547</v>
      </c>
      <c r="KW15" s="120">
        <v>3526784</v>
      </c>
      <c r="KX15" s="321">
        <v>3526784</v>
      </c>
      <c r="KY15" s="142">
        <v>0</v>
      </c>
      <c r="KZ15" s="119">
        <v>0</v>
      </c>
      <c r="LA15" s="120">
        <v>0</v>
      </c>
      <c r="LB15" s="145"/>
      <c r="LC15" s="119">
        <v>0</v>
      </c>
      <c r="LD15" s="119">
        <v>315844</v>
      </c>
      <c r="LE15" s="119">
        <v>0</v>
      </c>
      <c r="LF15" s="119">
        <v>192155</v>
      </c>
      <c r="LG15" s="119">
        <v>0</v>
      </c>
      <c r="LH15" s="120">
        <v>507999</v>
      </c>
      <c r="LI15" s="121">
        <v>507999</v>
      </c>
      <c r="LJ15" s="142">
        <v>0</v>
      </c>
      <c r="LK15" s="119">
        <v>0</v>
      </c>
      <c r="LL15" s="120">
        <v>0</v>
      </c>
      <c r="LM15" s="145"/>
      <c r="LN15" s="119">
        <v>0</v>
      </c>
      <c r="LO15" s="119">
        <v>0</v>
      </c>
      <c r="LP15" s="119">
        <v>0</v>
      </c>
      <c r="LQ15" s="119">
        <v>0</v>
      </c>
      <c r="LR15" s="119">
        <v>0</v>
      </c>
      <c r="LS15" s="120">
        <v>0</v>
      </c>
      <c r="LT15" s="321">
        <v>0</v>
      </c>
      <c r="LU15" s="142">
        <v>0</v>
      </c>
      <c r="LV15" s="119">
        <v>0</v>
      </c>
      <c r="LW15" s="120">
        <v>0</v>
      </c>
      <c r="LX15" s="145"/>
      <c r="LY15" s="119">
        <v>0</v>
      </c>
      <c r="LZ15" s="119">
        <v>203375</v>
      </c>
      <c r="MA15" s="119">
        <v>660764</v>
      </c>
      <c r="MB15" s="119">
        <v>514468</v>
      </c>
      <c r="MC15" s="119">
        <v>280261</v>
      </c>
      <c r="MD15" s="120">
        <v>1658868</v>
      </c>
      <c r="ME15" s="121">
        <v>1658868</v>
      </c>
      <c r="MF15" s="142">
        <v>0</v>
      </c>
      <c r="MG15" s="119">
        <v>0</v>
      </c>
      <c r="MH15" s="120">
        <v>0</v>
      </c>
      <c r="MI15" s="145"/>
      <c r="MJ15" s="119">
        <v>507392</v>
      </c>
      <c r="MK15" s="119">
        <v>248957</v>
      </c>
      <c r="ML15" s="119">
        <v>3035105</v>
      </c>
      <c r="MM15" s="119">
        <v>6542775</v>
      </c>
      <c r="MN15" s="119">
        <v>4679642</v>
      </c>
      <c r="MO15" s="120">
        <v>15013871</v>
      </c>
      <c r="MP15" s="143">
        <v>15013871</v>
      </c>
      <c r="MQ15" s="142">
        <v>0</v>
      </c>
      <c r="MR15" s="119">
        <v>0</v>
      </c>
      <c r="MS15" s="120">
        <v>0</v>
      </c>
      <c r="MT15" s="145"/>
      <c r="MU15" s="119">
        <v>0</v>
      </c>
      <c r="MV15" s="119">
        <v>0</v>
      </c>
      <c r="MW15" s="119">
        <v>1090467</v>
      </c>
      <c r="MX15" s="119">
        <v>4771849</v>
      </c>
      <c r="MY15" s="119">
        <v>3064218</v>
      </c>
      <c r="MZ15" s="120">
        <v>8926534</v>
      </c>
      <c r="NA15" s="143">
        <v>8926534</v>
      </c>
      <c r="NB15" s="142">
        <v>0</v>
      </c>
      <c r="NC15" s="119">
        <v>0</v>
      </c>
      <c r="ND15" s="120">
        <v>0</v>
      </c>
      <c r="NE15" s="145"/>
      <c r="NF15" s="119">
        <v>507392</v>
      </c>
      <c r="NG15" s="119">
        <v>248957</v>
      </c>
      <c r="NH15" s="119">
        <v>1944638</v>
      </c>
      <c r="NI15" s="119">
        <v>1770926</v>
      </c>
      <c r="NJ15" s="119">
        <v>1615424</v>
      </c>
      <c r="NK15" s="120">
        <v>6087337</v>
      </c>
      <c r="NL15" s="321">
        <v>6087337</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0</v>
      </c>
      <c r="OE15" s="119">
        <v>0</v>
      </c>
      <c r="OF15" s="119">
        <v>0</v>
      </c>
      <c r="OG15" s="120">
        <v>0</v>
      </c>
      <c r="OH15" s="121">
        <v>0</v>
      </c>
      <c r="OI15" s="142">
        <v>1595018</v>
      </c>
      <c r="OJ15" s="119">
        <v>1315317</v>
      </c>
      <c r="OK15" s="141">
        <v>2910335</v>
      </c>
      <c r="OL15" s="118">
        <v>0</v>
      </c>
      <c r="OM15" s="119">
        <v>14658480</v>
      </c>
      <c r="ON15" s="119">
        <v>14740900</v>
      </c>
      <c r="OO15" s="119">
        <v>19376801</v>
      </c>
      <c r="OP15" s="119">
        <v>24855983</v>
      </c>
      <c r="OQ15" s="119">
        <v>17822670</v>
      </c>
      <c r="OR15" s="120">
        <v>91454834</v>
      </c>
      <c r="OS15" s="143">
        <v>94365169</v>
      </c>
    </row>
    <row r="16" spans="1:409" ht="20.25" customHeight="1" x14ac:dyDescent="0.2">
      <c r="B16" s="126" t="s">
        <v>10</v>
      </c>
      <c r="C16" s="110">
        <v>1476133</v>
      </c>
      <c r="D16" s="114">
        <v>2165943</v>
      </c>
      <c r="E16" s="113">
        <v>3642076</v>
      </c>
      <c r="F16" s="172">
        <v>0</v>
      </c>
      <c r="G16" s="114">
        <v>17175405</v>
      </c>
      <c r="H16" s="114">
        <v>14848247</v>
      </c>
      <c r="I16" s="114">
        <v>14340518</v>
      </c>
      <c r="J16" s="114">
        <v>14113778</v>
      </c>
      <c r="K16" s="114">
        <v>11812486</v>
      </c>
      <c r="L16" s="109">
        <v>72290434</v>
      </c>
      <c r="M16" s="116">
        <v>75932510</v>
      </c>
      <c r="N16" s="110">
        <v>499718</v>
      </c>
      <c r="O16" s="114">
        <v>883967</v>
      </c>
      <c r="P16" s="113">
        <v>1383685</v>
      </c>
      <c r="Q16" s="110">
        <v>0</v>
      </c>
      <c r="R16" s="114">
        <v>6101800</v>
      </c>
      <c r="S16" s="114">
        <v>5023686</v>
      </c>
      <c r="T16" s="114">
        <v>4627894</v>
      </c>
      <c r="U16" s="114">
        <v>4951906</v>
      </c>
      <c r="V16" s="114">
        <v>6118319</v>
      </c>
      <c r="W16" s="113">
        <v>26823605</v>
      </c>
      <c r="X16" s="116">
        <v>28207290</v>
      </c>
      <c r="Y16" s="110">
        <v>0</v>
      </c>
      <c r="Z16" s="114">
        <v>0</v>
      </c>
      <c r="AA16" s="113">
        <v>0</v>
      </c>
      <c r="AB16" s="110">
        <v>0</v>
      </c>
      <c r="AC16" s="114">
        <v>2992414</v>
      </c>
      <c r="AD16" s="114">
        <v>2360838</v>
      </c>
      <c r="AE16" s="114">
        <v>2930578</v>
      </c>
      <c r="AF16" s="114">
        <v>3088463</v>
      </c>
      <c r="AG16" s="114">
        <v>3568154</v>
      </c>
      <c r="AH16" s="113">
        <v>14940447</v>
      </c>
      <c r="AI16" s="116">
        <v>14940447</v>
      </c>
      <c r="AJ16" s="110">
        <v>0</v>
      </c>
      <c r="AK16" s="114">
        <v>0</v>
      </c>
      <c r="AL16" s="113">
        <v>0</v>
      </c>
      <c r="AM16" s="110">
        <v>0</v>
      </c>
      <c r="AN16" s="114">
        <v>92330</v>
      </c>
      <c r="AO16" s="114">
        <v>168542</v>
      </c>
      <c r="AP16" s="114">
        <v>0</v>
      </c>
      <c r="AQ16" s="114">
        <v>165325</v>
      </c>
      <c r="AR16" s="114">
        <v>519055</v>
      </c>
      <c r="AS16" s="113">
        <v>945252</v>
      </c>
      <c r="AT16" s="116">
        <v>945252</v>
      </c>
      <c r="AU16" s="110">
        <v>236566</v>
      </c>
      <c r="AV16" s="114">
        <v>574994</v>
      </c>
      <c r="AW16" s="113">
        <v>811560</v>
      </c>
      <c r="AX16" s="110">
        <v>0</v>
      </c>
      <c r="AY16" s="114">
        <v>1874897</v>
      </c>
      <c r="AZ16" s="114">
        <v>1426652</v>
      </c>
      <c r="BA16" s="114">
        <v>761288</v>
      </c>
      <c r="BB16" s="114">
        <v>565698</v>
      </c>
      <c r="BC16" s="114">
        <v>957737</v>
      </c>
      <c r="BD16" s="113">
        <v>5586272</v>
      </c>
      <c r="BE16" s="116">
        <v>6397832</v>
      </c>
      <c r="BF16" s="110">
        <v>75230</v>
      </c>
      <c r="BG16" s="114">
        <v>155869</v>
      </c>
      <c r="BH16" s="112">
        <v>231099</v>
      </c>
      <c r="BI16" s="111">
        <v>0</v>
      </c>
      <c r="BJ16" s="114">
        <v>72594</v>
      </c>
      <c r="BK16" s="114">
        <v>178472</v>
      </c>
      <c r="BL16" s="114">
        <v>86795</v>
      </c>
      <c r="BM16" s="114">
        <v>138742</v>
      </c>
      <c r="BN16" s="114">
        <v>121954</v>
      </c>
      <c r="BO16" s="113">
        <v>598557</v>
      </c>
      <c r="BP16" s="116">
        <v>829656</v>
      </c>
      <c r="BQ16" s="110">
        <v>187922</v>
      </c>
      <c r="BR16" s="114">
        <v>153104</v>
      </c>
      <c r="BS16" s="113">
        <v>341026</v>
      </c>
      <c r="BT16" s="110">
        <v>0</v>
      </c>
      <c r="BU16" s="114">
        <v>1069565</v>
      </c>
      <c r="BV16" s="114">
        <v>889182</v>
      </c>
      <c r="BW16" s="114">
        <v>849233</v>
      </c>
      <c r="BX16" s="114">
        <v>993678</v>
      </c>
      <c r="BY16" s="114">
        <v>951419</v>
      </c>
      <c r="BZ16" s="113">
        <v>4753077</v>
      </c>
      <c r="CA16" s="116">
        <v>5094103</v>
      </c>
      <c r="CB16" s="110">
        <v>54046</v>
      </c>
      <c r="CC16" s="114">
        <v>130927</v>
      </c>
      <c r="CD16" s="113">
        <v>184973</v>
      </c>
      <c r="CE16" s="110">
        <v>0</v>
      </c>
      <c r="CF16" s="114">
        <v>5447896</v>
      </c>
      <c r="CG16" s="114">
        <v>3915290</v>
      </c>
      <c r="CH16" s="114">
        <v>2648323</v>
      </c>
      <c r="CI16" s="114">
        <v>1324673</v>
      </c>
      <c r="CJ16" s="114">
        <v>379356</v>
      </c>
      <c r="CK16" s="113">
        <v>13715538</v>
      </c>
      <c r="CL16" s="116">
        <v>13900511</v>
      </c>
      <c r="CM16" s="110">
        <v>0</v>
      </c>
      <c r="CN16" s="114">
        <v>0</v>
      </c>
      <c r="CO16" s="113">
        <v>0</v>
      </c>
      <c r="CP16" s="111">
        <v>0</v>
      </c>
      <c r="CQ16" s="114">
        <v>4756874</v>
      </c>
      <c r="CR16" s="114">
        <v>3423434</v>
      </c>
      <c r="CS16" s="114">
        <v>2150882</v>
      </c>
      <c r="CT16" s="114">
        <v>1113928</v>
      </c>
      <c r="CU16" s="114">
        <v>271211</v>
      </c>
      <c r="CV16" s="113">
        <v>11716329</v>
      </c>
      <c r="CW16" s="116">
        <v>11716329</v>
      </c>
      <c r="CX16" s="110">
        <v>54046</v>
      </c>
      <c r="CY16" s="114">
        <v>130927</v>
      </c>
      <c r="CZ16" s="113">
        <v>184973</v>
      </c>
      <c r="DA16" s="110">
        <v>0</v>
      </c>
      <c r="DB16" s="114">
        <v>691022</v>
      </c>
      <c r="DC16" s="114">
        <v>491856</v>
      </c>
      <c r="DD16" s="114">
        <v>497441</v>
      </c>
      <c r="DE16" s="114">
        <v>210745</v>
      </c>
      <c r="DF16" s="114">
        <v>108145</v>
      </c>
      <c r="DG16" s="113">
        <v>1999209</v>
      </c>
      <c r="DH16" s="116">
        <v>2184182</v>
      </c>
      <c r="DI16" s="110">
        <v>0</v>
      </c>
      <c r="DJ16" s="114">
        <v>50911</v>
      </c>
      <c r="DK16" s="112">
        <v>50911</v>
      </c>
      <c r="DL16" s="111">
        <v>0</v>
      </c>
      <c r="DM16" s="114">
        <v>658650</v>
      </c>
      <c r="DN16" s="114">
        <v>280459</v>
      </c>
      <c r="DO16" s="114">
        <v>1416785</v>
      </c>
      <c r="DP16" s="114">
        <v>729071</v>
      </c>
      <c r="DQ16" s="114">
        <v>324675</v>
      </c>
      <c r="DR16" s="113">
        <v>3409640</v>
      </c>
      <c r="DS16" s="116">
        <v>3460551</v>
      </c>
      <c r="DT16" s="110">
        <v>0</v>
      </c>
      <c r="DU16" s="114">
        <v>50911</v>
      </c>
      <c r="DV16" s="113">
        <v>50911</v>
      </c>
      <c r="DW16" s="110">
        <v>0</v>
      </c>
      <c r="DX16" s="114">
        <v>600580</v>
      </c>
      <c r="DY16" s="114">
        <v>238175</v>
      </c>
      <c r="DZ16" s="114">
        <v>1393198</v>
      </c>
      <c r="EA16" s="114">
        <v>677505</v>
      </c>
      <c r="EB16" s="114">
        <v>278660</v>
      </c>
      <c r="EC16" s="113">
        <v>3188118</v>
      </c>
      <c r="ED16" s="116">
        <v>3239029</v>
      </c>
      <c r="EE16" s="110">
        <v>0</v>
      </c>
      <c r="EF16" s="112">
        <v>0</v>
      </c>
      <c r="EG16" s="113">
        <v>0</v>
      </c>
      <c r="EH16" s="110">
        <v>0</v>
      </c>
      <c r="EI16" s="114">
        <v>58070</v>
      </c>
      <c r="EJ16" s="114">
        <v>42284</v>
      </c>
      <c r="EK16" s="114">
        <v>23587</v>
      </c>
      <c r="EL16" s="114">
        <v>51566</v>
      </c>
      <c r="EM16" s="114">
        <v>46015</v>
      </c>
      <c r="EN16" s="112">
        <v>221522</v>
      </c>
      <c r="EO16" s="116">
        <v>221522</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8"/>
      <c r="FE16" s="114">
        <v>0</v>
      </c>
      <c r="FF16" s="114">
        <v>0</v>
      </c>
      <c r="FG16" s="114">
        <v>0</v>
      </c>
      <c r="FH16" s="114">
        <v>0</v>
      </c>
      <c r="FI16" s="114">
        <v>0</v>
      </c>
      <c r="FJ16" s="113">
        <v>0</v>
      </c>
      <c r="FK16" s="116">
        <v>0</v>
      </c>
      <c r="FL16" s="110">
        <v>480774</v>
      </c>
      <c r="FM16" s="114">
        <v>552958</v>
      </c>
      <c r="FN16" s="113">
        <v>1033732</v>
      </c>
      <c r="FO16" s="110">
        <v>0</v>
      </c>
      <c r="FP16" s="114">
        <v>998662</v>
      </c>
      <c r="FQ16" s="114">
        <v>1300677</v>
      </c>
      <c r="FR16" s="114">
        <v>952959</v>
      </c>
      <c r="FS16" s="114">
        <v>750442</v>
      </c>
      <c r="FT16" s="114">
        <v>1085805</v>
      </c>
      <c r="FU16" s="113">
        <v>5088545</v>
      </c>
      <c r="FV16" s="116">
        <v>6122277</v>
      </c>
      <c r="FW16" s="115">
        <v>203168</v>
      </c>
      <c r="FX16" s="114">
        <v>420063</v>
      </c>
      <c r="FY16" s="112">
        <v>623231</v>
      </c>
      <c r="FZ16" s="111">
        <v>0</v>
      </c>
      <c r="GA16" s="114">
        <v>799029</v>
      </c>
      <c r="GB16" s="114">
        <v>1166487</v>
      </c>
      <c r="GC16" s="114">
        <v>831999</v>
      </c>
      <c r="GD16" s="114">
        <v>750442</v>
      </c>
      <c r="GE16" s="114">
        <v>1085805</v>
      </c>
      <c r="GF16" s="113">
        <v>4633762</v>
      </c>
      <c r="GG16" s="319">
        <v>5256993</v>
      </c>
      <c r="GH16" s="115">
        <v>18676</v>
      </c>
      <c r="GI16" s="114">
        <v>10395</v>
      </c>
      <c r="GJ16" s="112">
        <v>29071</v>
      </c>
      <c r="GK16" s="111">
        <v>0</v>
      </c>
      <c r="GL16" s="114">
        <v>51233</v>
      </c>
      <c r="GM16" s="114">
        <v>0</v>
      </c>
      <c r="GN16" s="114">
        <v>120960</v>
      </c>
      <c r="GO16" s="114">
        <v>0</v>
      </c>
      <c r="GP16" s="114">
        <v>0</v>
      </c>
      <c r="GQ16" s="113">
        <v>172193</v>
      </c>
      <c r="GR16" s="116">
        <v>201264</v>
      </c>
      <c r="GS16" s="110">
        <v>258930</v>
      </c>
      <c r="GT16" s="114">
        <v>122500</v>
      </c>
      <c r="GU16" s="113">
        <v>381430</v>
      </c>
      <c r="GV16" s="110">
        <v>0</v>
      </c>
      <c r="GW16" s="114">
        <v>148400</v>
      </c>
      <c r="GX16" s="114">
        <v>134190</v>
      </c>
      <c r="GY16" s="114">
        <v>0</v>
      </c>
      <c r="GZ16" s="114">
        <v>0</v>
      </c>
      <c r="HA16" s="114">
        <v>0</v>
      </c>
      <c r="HB16" s="112">
        <v>282590</v>
      </c>
      <c r="HC16" s="116">
        <v>664020</v>
      </c>
      <c r="HD16" s="110">
        <v>441595</v>
      </c>
      <c r="HE16" s="114">
        <v>547180</v>
      </c>
      <c r="HF16" s="112">
        <v>988775</v>
      </c>
      <c r="HG16" s="111">
        <v>0</v>
      </c>
      <c r="HH16" s="114">
        <v>3968397</v>
      </c>
      <c r="HI16" s="114">
        <v>4328135</v>
      </c>
      <c r="HJ16" s="114">
        <v>4694557</v>
      </c>
      <c r="HK16" s="114">
        <v>6357686</v>
      </c>
      <c r="HL16" s="114">
        <v>3904331</v>
      </c>
      <c r="HM16" s="113">
        <v>23253106</v>
      </c>
      <c r="HN16" s="109">
        <v>24241881</v>
      </c>
      <c r="HO16" s="329"/>
      <c r="HP16" s="330"/>
      <c r="HQ16" s="331"/>
      <c r="HR16" s="332"/>
      <c r="HS16" s="330"/>
      <c r="HT16" s="330"/>
      <c r="HU16" s="330"/>
      <c r="HV16" s="330"/>
      <c r="HW16" s="330"/>
      <c r="HX16" s="333"/>
      <c r="HY16" s="334"/>
      <c r="HZ16" s="150">
        <v>82454</v>
      </c>
      <c r="IA16" s="135">
        <v>137956</v>
      </c>
      <c r="IB16" s="150">
        <v>220410</v>
      </c>
      <c r="IC16" s="134">
        <v>0</v>
      </c>
      <c r="ID16" s="135">
        <v>3026838</v>
      </c>
      <c r="IE16" s="136">
        <v>2590538</v>
      </c>
      <c r="IF16" s="137">
        <v>4254986</v>
      </c>
      <c r="IG16" s="135">
        <v>3375325</v>
      </c>
      <c r="IH16" s="137">
        <v>5720244</v>
      </c>
      <c r="II16" s="138">
        <v>18967931</v>
      </c>
      <c r="IJ16" s="150">
        <v>19188341</v>
      </c>
      <c r="IK16" s="232">
        <v>0</v>
      </c>
      <c r="IL16" s="236">
        <v>0</v>
      </c>
      <c r="IM16" s="237">
        <v>0</v>
      </c>
      <c r="IN16" s="140"/>
      <c r="IO16" s="119">
        <v>91988</v>
      </c>
      <c r="IP16" s="119">
        <v>209398</v>
      </c>
      <c r="IQ16" s="119">
        <v>274645</v>
      </c>
      <c r="IR16" s="119">
        <v>200011</v>
      </c>
      <c r="IS16" s="119">
        <v>0</v>
      </c>
      <c r="IT16" s="141">
        <v>776042</v>
      </c>
      <c r="IU16" s="321">
        <v>776042</v>
      </c>
      <c r="IV16" s="142">
        <v>0</v>
      </c>
      <c r="IW16" s="119">
        <v>0</v>
      </c>
      <c r="IX16" s="120">
        <v>0</v>
      </c>
      <c r="IY16" s="144"/>
      <c r="IZ16" s="119">
        <v>0</v>
      </c>
      <c r="JA16" s="119">
        <v>0</v>
      </c>
      <c r="JB16" s="119">
        <v>9165</v>
      </c>
      <c r="JC16" s="119">
        <v>0</v>
      </c>
      <c r="JD16" s="119">
        <v>9165</v>
      </c>
      <c r="JE16" s="120">
        <v>18330</v>
      </c>
      <c r="JF16" s="121">
        <v>18330</v>
      </c>
      <c r="JG16" s="142">
        <v>0</v>
      </c>
      <c r="JH16" s="119">
        <v>0</v>
      </c>
      <c r="JI16" s="141">
        <v>0</v>
      </c>
      <c r="JJ16" s="118">
        <v>0</v>
      </c>
      <c r="JK16" s="119">
        <v>1198330</v>
      </c>
      <c r="JL16" s="119">
        <v>630154</v>
      </c>
      <c r="JM16" s="119">
        <v>572065</v>
      </c>
      <c r="JN16" s="119">
        <v>275324</v>
      </c>
      <c r="JO16" s="119">
        <v>193523</v>
      </c>
      <c r="JP16" s="120">
        <v>2869396</v>
      </c>
      <c r="JQ16" s="321">
        <v>2869396</v>
      </c>
      <c r="JR16" s="142">
        <v>0</v>
      </c>
      <c r="JS16" s="119">
        <v>0</v>
      </c>
      <c r="JT16" s="141">
        <v>0</v>
      </c>
      <c r="JU16" s="118">
        <v>0</v>
      </c>
      <c r="JV16" s="119">
        <v>145119</v>
      </c>
      <c r="JW16" s="119">
        <v>213509</v>
      </c>
      <c r="JX16" s="119">
        <v>181823</v>
      </c>
      <c r="JY16" s="119">
        <v>0</v>
      </c>
      <c r="JZ16" s="119">
        <v>19244</v>
      </c>
      <c r="KA16" s="120">
        <v>559695</v>
      </c>
      <c r="KB16" s="321">
        <v>559695</v>
      </c>
      <c r="KC16" s="234">
        <v>82454</v>
      </c>
      <c r="KD16" s="230">
        <v>137956</v>
      </c>
      <c r="KE16" s="120">
        <v>220410</v>
      </c>
      <c r="KF16" s="118">
        <v>0</v>
      </c>
      <c r="KG16" s="119">
        <v>279196</v>
      </c>
      <c r="KH16" s="119">
        <v>146038</v>
      </c>
      <c r="KI16" s="119">
        <v>715050</v>
      </c>
      <c r="KJ16" s="119">
        <v>443742</v>
      </c>
      <c r="KK16" s="119">
        <v>1202536</v>
      </c>
      <c r="KL16" s="120">
        <v>2786562</v>
      </c>
      <c r="KM16" s="143">
        <v>3006972</v>
      </c>
      <c r="KN16" s="232">
        <v>0</v>
      </c>
      <c r="KO16" s="236">
        <v>0</v>
      </c>
      <c r="KP16" s="237">
        <v>0</v>
      </c>
      <c r="KQ16" s="140"/>
      <c r="KR16" s="119">
        <v>414952</v>
      </c>
      <c r="KS16" s="119">
        <v>1085136</v>
      </c>
      <c r="KT16" s="119">
        <v>1530162</v>
      </c>
      <c r="KU16" s="119">
        <v>1359792</v>
      </c>
      <c r="KV16" s="119">
        <v>1380789</v>
      </c>
      <c r="KW16" s="120">
        <v>5770831</v>
      </c>
      <c r="KX16" s="321">
        <v>5770831</v>
      </c>
      <c r="KY16" s="142">
        <v>0</v>
      </c>
      <c r="KZ16" s="119">
        <v>0</v>
      </c>
      <c r="LA16" s="120">
        <v>0</v>
      </c>
      <c r="LB16" s="145"/>
      <c r="LC16" s="119">
        <v>304200</v>
      </c>
      <c r="LD16" s="119">
        <v>306303</v>
      </c>
      <c r="LE16" s="119">
        <v>972076</v>
      </c>
      <c r="LF16" s="119">
        <v>186810</v>
      </c>
      <c r="LG16" s="119">
        <v>1533584</v>
      </c>
      <c r="LH16" s="120">
        <v>3302973</v>
      </c>
      <c r="LI16" s="121">
        <v>3302973</v>
      </c>
      <c r="LJ16" s="142">
        <v>0</v>
      </c>
      <c r="LK16" s="119">
        <v>0</v>
      </c>
      <c r="LL16" s="120">
        <v>0</v>
      </c>
      <c r="LM16" s="145"/>
      <c r="LN16" s="119">
        <v>0</v>
      </c>
      <c r="LO16" s="119">
        <v>0</v>
      </c>
      <c r="LP16" s="119">
        <v>0</v>
      </c>
      <c r="LQ16" s="119">
        <v>909646</v>
      </c>
      <c r="LR16" s="119">
        <v>236774</v>
      </c>
      <c r="LS16" s="120">
        <v>1146420</v>
      </c>
      <c r="LT16" s="321">
        <v>1146420</v>
      </c>
      <c r="LU16" s="142">
        <v>0</v>
      </c>
      <c r="LV16" s="119">
        <v>0</v>
      </c>
      <c r="LW16" s="120">
        <v>0</v>
      </c>
      <c r="LX16" s="145"/>
      <c r="LY16" s="119">
        <v>593053</v>
      </c>
      <c r="LZ16" s="119">
        <v>0</v>
      </c>
      <c r="MA16" s="119">
        <v>0</v>
      </c>
      <c r="MB16" s="119">
        <v>0</v>
      </c>
      <c r="MC16" s="119">
        <v>1144629</v>
      </c>
      <c r="MD16" s="120">
        <v>1737682</v>
      </c>
      <c r="ME16" s="121">
        <v>1737682</v>
      </c>
      <c r="MF16" s="142">
        <v>0</v>
      </c>
      <c r="MG16" s="119">
        <v>0</v>
      </c>
      <c r="MH16" s="120">
        <v>0</v>
      </c>
      <c r="MI16" s="145"/>
      <c r="MJ16" s="119">
        <v>212708</v>
      </c>
      <c r="MK16" s="119">
        <v>1130209</v>
      </c>
      <c r="ML16" s="119">
        <v>4989074</v>
      </c>
      <c r="MM16" s="119">
        <v>4020202</v>
      </c>
      <c r="MN16" s="119">
        <v>5186628</v>
      </c>
      <c r="MO16" s="120">
        <v>15538821</v>
      </c>
      <c r="MP16" s="143">
        <v>15538821</v>
      </c>
      <c r="MQ16" s="142">
        <v>0</v>
      </c>
      <c r="MR16" s="119">
        <v>0</v>
      </c>
      <c r="MS16" s="120">
        <v>0</v>
      </c>
      <c r="MT16" s="145"/>
      <c r="MU16" s="119">
        <v>0</v>
      </c>
      <c r="MV16" s="119">
        <v>406704</v>
      </c>
      <c r="MW16" s="119">
        <v>2649876</v>
      </c>
      <c r="MX16" s="119">
        <v>3247304</v>
      </c>
      <c r="MY16" s="119">
        <v>3621618</v>
      </c>
      <c r="MZ16" s="120">
        <v>9925502</v>
      </c>
      <c r="NA16" s="143">
        <v>9925502</v>
      </c>
      <c r="NB16" s="142">
        <v>0</v>
      </c>
      <c r="NC16" s="119">
        <v>0</v>
      </c>
      <c r="ND16" s="120">
        <v>0</v>
      </c>
      <c r="NE16" s="145"/>
      <c r="NF16" s="119">
        <v>212708</v>
      </c>
      <c r="NG16" s="119">
        <v>723505</v>
      </c>
      <c r="NH16" s="119">
        <v>2339198</v>
      </c>
      <c r="NI16" s="119">
        <v>772898</v>
      </c>
      <c r="NJ16" s="119">
        <v>920659</v>
      </c>
      <c r="NK16" s="120">
        <v>4968968</v>
      </c>
      <c r="NL16" s="321">
        <v>4968968</v>
      </c>
      <c r="NM16" s="142">
        <v>0</v>
      </c>
      <c r="NN16" s="119">
        <v>0</v>
      </c>
      <c r="NO16" s="120">
        <v>0</v>
      </c>
      <c r="NP16" s="145"/>
      <c r="NQ16" s="119">
        <v>0</v>
      </c>
      <c r="NR16" s="119">
        <v>0</v>
      </c>
      <c r="NS16" s="119">
        <v>0</v>
      </c>
      <c r="NT16" s="119">
        <v>0</v>
      </c>
      <c r="NU16" s="119">
        <v>0</v>
      </c>
      <c r="NV16" s="120">
        <v>0</v>
      </c>
      <c r="NW16" s="121">
        <v>0</v>
      </c>
      <c r="NX16" s="142">
        <v>0</v>
      </c>
      <c r="NY16" s="119">
        <v>0</v>
      </c>
      <c r="NZ16" s="120">
        <v>0</v>
      </c>
      <c r="OA16" s="145"/>
      <c r="OB16" s="119">
        <v>0</v>
      </c>
      <c r="OC16" s="119">
        <v>0</v>
      </c>
      <c r="OD16" s="119">
        <v>0</v>
      </c>
      <c r="OE16" s="119">
        <v>0</v>
      </c>
      <c r="OF16" s="119">
        <v>644351</v>
      </c>
      <c r="OG16" s="120">
        <v>644351</v>
      </c>
      <c r="OH16" s="121">
        <v>644351</v>
      </c>
      <c r="OI16" s="142">
        <v>1558587</v>
      </c>
      <c r="OJ16" s="119">
        <v>2303899</v>
      </c>
      <c r="OK16" s="141">
        <v>3862486</v>
      </c>
      <c r="OL16" s="118">
        <v>0</v>
      </c>
      <c r="OM16" s="119">
        <v>20414951</v>
      </c>
      <c r="ON16" s="119">
        <v>18568994</v>
      </c>
      <c r="OO16" s="119">
        <v>23584578</v>
      </c>
      <c r="OP16" s="119">
        <v>21509305</v>
      </c>
      <c r="OQ16" s="119">
        <v>22719358</v>
      </c>
      <c r="OR16" s="120">
        <v>106797186</v>
      </c>
      <c r="OS16" s="143">
        <v>110659672</v>
      </c>
    </row>
    <row r="17" spans="2:409" ht="20.25" customHeight="1" x14ac:dyDescent="0.2">
      <c r="B17" s="126" t="s">
        <v>11</v>
      </c>
      <c r="C17" s="110">
        <v>265143</v>
      </c>
      <c r="D17" s="114">
        <v>652611</v>
      </c>
      <c r="E17" s="171">
        <v>917754</v>
      </c>
      <c r="F17" s="111">
        <v>0</v>
      </c>
      <c r="G17" s="114">
        <v>5512803</v>
      </c>
      <c r="H17" s="114">
        <v>3262708</v>
      </c>
      <c r="I17" s="114">
        <v>4661420</v>
      </c>
      <c r="J17" s="114">
        <v>6277703</v>
      </c>
      <c r="K17" s="114">
        <v>5202597</v>
      </c>
      <c r="L17" s="109">
        <v>24917231</v>
      </c>
      <c r="M17" s="116">
        <v>25834985</v>
      </c>
      <c r="N17" s="110">
        <v>81493</v>
      </c>
      <c r="O17" s="114">
        <v>56326</v>
      </c>
      <c r="P17" s="113">
        <v>137819</v>
      </c>
      <c r="Q17" s="110">
        <v>0</v>
      </c>
      <c r="R17" s="114">
        <v>1181135</v>
      </c>
      <c r="S17" s="114">
        <v>1011394</v>
      </c>
      <c r="T17" s="114">
        <v>1175384</v>
      </c>
      <c r="U17" s="114">
        <v>1747305</v>
      </c>
      <c r="V17" s="114">
        <v>1952752</v>
      </c>
      <c r="W17" s="113">
        <v>7067970</v>
      </c>
      <c r="X17" s="116">
        <v>7205789</v>
      </c>
      <c r="Y17" s="110">
        <v>0</v>
      </c>
      <c r="Z17" s="114">
        <v>0</v>
      </c>
      <c r="AA17" s="113">
        <v>0</v>
      </c>
      <c r="AB17" s="110">
        <v>0</v>
      </c>
      <c r="AC17" s="114">
        <v>275745</v>
      </c>
      <c r="AD17" s="114">
        <v>309706</v>
      </c>
      <c r="AE17" s="114">
        <v>707025</v>
      </c>
      <c r="AF17" s="114">
        <v>867659</v>
      </c>
      <c r="AG17" s="114">
        <v>1040625</v>
      </c>
      <c r="AH17" s="113">
        <v>3200760</v>
      </c>
      <c r="AI17" s="116">
        <v>3200760</v>
      </c>
      <c r="AJ17" s="110">
        <v>0</v>
      </c>
      <c r="AK17" s="114">
        <v>0</v>
      </c>
      <c r="AL17" s="113">
        <v>0</v>
      </c>
      <c r="AM17" s="110">
        <v>0</v>
      </c>
      <c r="AN17" s="114">
        <v>0</v>
      </c>
      <c r="AO17" s="114">
        <v>0</v>
      </c>
      <c r="AP17" s="114">
        <v>0</v>
      </c>
      <c r="AQ17" s="114">
        <v>210315</v>
      </c>
      <c r="AR17" s="114">
        <v>213034</v>
      </c>
      <c r="AS17" s="113">
        <v>423349</v>
      </c>
      <c r="AT17" s="116">
        <v>423349</v>
      </c>
      <c r="AU17" s="110">
        <v>48516</v>
      </c>
      <c r="AV17" s="114">
        <v>54240</v>
      </c>
      <c r="AW17" s="113">
        <v>102756</v>
      </c>
      <c r="AX17" s="110">
        <v>0</v>
      </c>
      <c r="AY17" s="114">
        <v>575942</v>
      </c>
      <c r="AZ17" s="114">
        <v>526099</v>
      </c>
      <c r="BA17" s="114">
        <v>282460</v>
      </c>
      <c r="BB17" s="114">
        <v>459737</v>
      </c>
      <c r="BC17" s="114">
        <v>469353</v>
      </c>
      <c r="BD17" s="113">
        <v>2313591</v>
      </c>
      <c r="BE17" s="116">
        <v>2416347</v>
      </c>
      <c r="BF17" s="110">
        <v>0</v>
      </c>
      <c r="BG17" s="114">
        <v>0</v>
      </c>
      <c r="BH17" s="112">
        <v>0</v>
      </c>
      <c r="BI17" s="111">
        <v>0</v>
      </c>
      <c r="BJ17" s="114">
        <v>107072</v>
      </c>
      <c r="BK17" s="114">
        <v>45431</v>
      </c>
      <c r="BL17" s="114">
        <v>0</v>
      </c>
      <c r="BM17" s="114">
        <v>0</v>
      </c>
      <c r="BN17" s="114">
        <v>66325</v>
      </c>
      <c r="BO17" s="113">
        <v>218828</v>
      </c>
      <c r="BP17" s="116">
        <v>218828</v>
      </c>
      <c r="BQ17" s="110">
        <v>32977</v>
      </c>
      <c r="BR17" s="114">
        <v>2086</v>
      </c>
      <c r="BS17" s="113">
        <v>35063</v>
      </c>
      <c r="BT17" s="110">
        <v>0</v>
      </c>
      <c r="BU17" s="114">
        <v>222376</v>
      </c>
      <c r="BV17" s="114">
        <v>130158</v>
      </c>
      <c r="BW17" s="114">
        <v>185899</v>
      </c>
      <c r="BX17" s="114">
        <v>209594</v>
      </c>
      <c r="BY17" s="114">
        <v>163415</v>
      </c>
      <c r="BZ17" s="113">
        <v>911442</v>
      </c>
      <c r="CA17" s="116">
        <v>946505</v>
      </c>
      <c r="CB17" s="110">
        <v>56796</v>
      </c>
      <c r="CC17" s="114">
        <v>136636</v>
      </c>
      <c r="CD17" s="113">
        <v>193432</v>
      </c>
      <c r="CE17" s="110">
        <v>0</v>
      </c>
      <c r="CF17" s="114">
        <v>1417395</v>
      </c>
      <c r="CG17" s="114">
        <v>951491</v>
      </c>
      <c r="CH17" s="114">
        <v>1177143</v>
      </c>
      <c r="CI17" s="114">
        <v>1085733</v>
      </c>
      <c r="CJ17" s="114">
        <v>291370</v>
      </c>
      <c r="CK17" s="113">
        <v>4923132</v>
      </c>
      <c r="CL17" s="116">
        <v>5116564</v>
      </c>
      <c r="CM17" s="110">
        <v>0</v>
      </c>
      <c r="CN17" s="114">
        <v>0</v>
      </c>
      <c r="CO17" s="113">
        <v>0</v>
      </c>
      <c r="CP17" s="111">
        <v>0</v>
      </c>
      <c r="CQ17" s="114">
        <v>897397</v>
      </c>
      <c r="CR17" s="114">
        <v>738577</v>
      </c>
      <c r="CS17" s="114">
        <v>771414</v>
      </c>
      <c r="CT17" s="114">
        <v>916604</v>
      </c>
      <c r="CU17" s="114">
        <v>188051</v>
      </c>
      <c r="CV17" s="113">
        <v>3512043</v>
      </c>
      <c r="CW17" s="116">
        <v>3512043</v>
      </c>
      <c r="CX17" s="110">
        <v>56796</v>
      </c>
      <c r="CY17" s="114">
        <v>136636</v>
      </c>
      <c r="CZ17" s="113">
        <v>193432</v>
      </c>
      <c r="DA17" s="110">
        <v>0</v>
      </c>
      <c r="DB17" s="114">
        <v>519998</v>
      </c>
      <c r="DC17" s="114">
        <v>212914</v>
      </c>
      <c r="DD17" s="114">
        <v>405729</v>
      </c>
      <c r="DE17" s="114">
        <v>169129</v>
      </c>
      <c r="DF17" s="114">
        <v>103319</v>
      </c>
      <c r="DG17" s="113">
        <v>1411089</v>
      </c>
      <c r="DH17" s="116">
        <v>1604521</v>
      </c>
      <c r="DI17" s="110">
        <v>0</v>
      </c>
      <c r="DJ17" s="114">
        <v>86380</v>
      </c>
      <c r="DK17" s="112">
        <v>86380</v>
      </c>
      <c r="DL17" s="111">
        <v>0</v>
      </c>
      <c r="DM17" s="114">
        <v>211019</v>
      </c>
      <c r="DN17" s="114">
        <v>308420</v>
      </c>
      <c r="DO17" s="114">
        <v>363349</v>
      </c>
      <c r="DP17" s="114">
        <v>409223</v>
      </c>
      <c r="DQ17" s="114">
        <v>328256</v>
      </c>
      <c r="DR17" s="113">
        <v>1620267</v>
      </c>
      <c r="DS17" s="116">
        <v>1706647</v>
      </c>
      <c r="DT17" s="110">
        <v>0</v>
      </c>
      <c r="DU17" s="114">
        <v>0</v>
      </c>
      <c r="DV17" s="113">
        <v>0</v>
      </c>
      <c r="DW17" s="110">
        <v>0</v>
      </c>
      <c r="DX17" s="114">
        <v>167305</v>
      </c>
      <c r="DY17" s="114">
        <v>218092</v>
      </c>
      <c r="DZ17" s="114">
        <v>136139</v>
      </c>
      <c r="EA17" s="114">
        <v>273885</v>
      </c>
      <c r="EB17" s="114">
        <v>328256</v>
      </c>
      <c r="EC17" s="113">
        <v>1123677</v>
      </c>
      <c r="ED17" s="116">
        <v>1123677</v>
      </c>
      <c r="EE17" s="110">
        <v>0</v>
      </c>
      <c r="EF17" s="112">
        <v>86380</v>
      </c>
      <c r="EG17" s="113">
        <v>86380</v>
      </c>
      <c r="EH17" s="110">
        <v>0</v>
      </c>
      <c r="EI17" s="114">
        <v>43714</v>
      </c>
      <c r="EJ17" s="114">
        <v>90328</v>
      </c>
      <c r="EK17" s="114">
        <v>227210</v>
      </c>
      <c r="EL17" s="114">
        <v>135338</v>
      </c>
      <c r="EM17" s="114">
        <v>0</v>
      </c>
      <c r="EN17" s="112">
        <v>496590</v>
      </c>
      <c r="EO17" s="116">
        <v>582970</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8"/>
      <c r="FE17" s="114">
        <v>0</v>
      </c>
      <c r="FF17" s="114">
        <v>0</v>
      </c>
      <c r="FG17" s="114">
        <v>0</v>
      </c>
      <c r="FH17" s="114">
        <v>0</v>
      </c>
      <c r="FI17" s="114">
        <v>0</v>
      </c>
      <c r="FJ17" s="113">
        <v>0</v>
      </c>
      <c r="FK17" s="116">
        <v>0</v>
      </c>
      <c r="FL17" s="110">
        <v>44408</v>
      </c>
      <c r="FM17" s="114">
        <v>124768</v>
      </c>
      <c r="FN17" s="113">
        <v>169176</v>
      </c>
      <c r="FO17" s="110">
        <v>0</v>
      </c>
      <c r="FP17" s="114">
        <v>175427</v>
      </c>
      <c r="FQ17" s="114">
        <v>308945</v>
      </c>
      <c r="FR17" s="114">
        <v>374731</v>
      </c>
      <c r="FS17" s="114">
        <v>331282</v>
      </c>
      <c r="FT17" s="114">
        <v>305109</v>
      </c>
      <c r="FU17" s="113">
        <v>1495494</v>
      </c>
      <c r="FV17" s="116">
        <v>1664670</v>
      </c>
      <c r="FW17" s="115">
        <v>44408</v>
      </c>
      <c r="FX17" s="114">
        <v>124768</v>
      </c>
      <c r="FY17" s="112">
        <v>169176</v>
      </c>
      <c r="FZ17" s="111">
        <v>0</v>
      </c>
      <c r="GA17" s="114">
        <v>175427</v>
      </c>
      <c r="GB17" s="114">
        <v>308945</v>
      </c>
      <c r="GC17" s="114">
        <v>374731</v>
      </c>
      <c r="GD17" s="114">
        <v>331282</v>
      </c>
      <c r="GE17" s="114">
        <v>305109</v>
      </c>
      <c r="GF17" s="113">
        <v>1495494</v>
      </c>
      <c r="GG17" s="319">
        <v>1664670</v>
      </c>
      <c r="GH17" s="115">
        <v>0</v>
      </c>
      <c r="GI17" s="114">
        <v>0</v>
      </c>
      <c r="GJ17" s="112">
        <v>0</v>
      </c>
      <c r="GK17" s="111">
        <v>0</v>
      </c>
      <c r="GL17" s="114">
        <v>0</v>
      </c>
      <c r="GM17" s="114">
        <v>0</v>
      </c>
      <c r="GN17" s="114">
        <v>0</v>
      </c>
      <c r="GO17" s="114">
        <v>0</v>
      </c>
      <c r="GP17" s="114">
        <v>0</v>
      </c>
      <c r="GQ17" s="113">
        <v>0</v>
      </c>
      <c r="GR17" s="116">
        <v>0</v>
      </c>
      <c r="GS17" s="110">
        <v>0</v>
      </c>
      <c r="GT17" s="114">
        <v>0</v>
      </c>
      <c r="GU17" s="113">
        <v>0</v>
      </c>
      <c r="GV17" s="110">
        <v>0</v>
      </c>
      <c r="GW17" s="114">
        <v>0</v>
      </c>
      <c r="GX17" s="114">
        <v>0</v>
      </c>
      <c r="GY17" s="114">
        <v>0</v>
      </c>
      <c r="GZ17" s="114">
        <v>0</v>
      </c>
      <c r="HA17" s="114">
        <v>0</v>
      </c>
      <c r="HB17" s="112">
        <v>0</v>
      </c>
      <c r="HC17" s="116">
        <v>0</v>
      </c>
      <c r="HD17" s="110">
        <v>82446</v>
      </c>
      <c r="HE17" s="114">
        <v>248501</v>
      </c>
      <c r="HF17" s="112">
        <v>330947</v>
      </c>
      <c r="HG17" s="111">
        <v>0</v>
      </c>
      <c r="HH17" s="114">
        <v>2527827</v>
      </c>
      <c r="HI17" s="114">
        <v>682458</v>
      </c>
      <c r="HJ17" s="114">
        <v>1570813</v>
      </c>
      <c r="HK17" s="114">
        <v>2704160</v>
      </c>
      <c r="HL17" s="114">
        <v>2325110</v>
      </c>
      <c r="HM17" s="113">
        <v>9810368</v>
      </c>
      <c r="HN17" s="109">
        <v>10141315</v>
      </c>
      <c r="HO17" s="329"/>
      <c r="HP17" s="330"/>
      <c r="HQ17" s="331"/>
      <c r="HR17" s="332"/>
      <c r="HS17" s="330"/>
      <c r="HT17" s="330"/>
      <c r="HU17" s="330"/>
      <c r="HV17" s="330"/>
      <c r="HW17" s="330"/>
      <c r="HX17" s="333"/>
      <c r="HY17" s="334"/>
      <c r="HZ17" s="131">
        <v>0</v>
      </c>
      <c r="IA17" s="132">
        <v>323372</v>
      </c>
      <c r="IB17" s="133">
        <v>323372</v>
      </c>
      <c r="IC17" s="146">
        <v>0</v>
      </c>
      <c r="ID17" s="132">
        <v>835752</v>
      </c>
      <c r="IE17" s="147">
        <v>1027554</v>
      </c>
      <c r="IF17" s="133">
        <v>947765</v>
      </c>
      <c r="IG17" s="132">
        <v>719365</v>
      </c>
      <c r="IH17" s="133">
        <v>969649</v>
      </c>
      <c r="II17" s="148">
        <v>4500085</v>
      </c>
      <c r="IJ17" s="139">
        <v>4823457</v>
      </c>
      <c r="IK17" s="232">
        <v>0</v>
      </c>
      <c r="IL17" s="236">
        <v>0</v>
      </c>
      <c r="IM17" s="237">
        <v>0</v>
      </c>
      <c r="IN17" s="140"/>
      <c r="IO17" s="119">
        <v>130520</v>
      </c>
      <c r="IP17" s="119">
        <v>108383</v>
      </c>
      <c r="IQ17" s="119">
        <v>130186</v>
      </c>
      <c r="IR17" s="119">
        <v>0</v>
      </c>
      <c r="IS17" s="119">
        <v>302257</v>
      </c>
      <c r="IT17" s="141">
        <v>671346</v>
      </c>
      <c r="IU17" s="321">
        <v>671346</v>
      </c>
      <c r="IV17" s="142">
        <v>0</v>
      </c>
      <c r="IW17" s="119">
        <v>0</v>
      </c>
      <c r="IX17" s="120">
        <v>0</v>
      </c>
      <c r="IY17" s="144"/>
      <c r="IZ17" s="119">
        <v>0</v>
      </c>
      <c r="JA17" s="119">
        <v>54412</v>
      </c>
      <c r="JB17" s="119">
        <v>0</v>
      </c>
      <c r="JC17" s="119">
        <v>0</v>
      </c>
      <c r="JD17" s="119">
        <v>0</v>
      </c>
      <c r="JE17" s="120">
        <v>54412</v>
      </c>
      <c r="JF17" s="121">
        <v>54412</v>
      </c>
      <c r="JG17" s="142">
        <v>0</v>
      </c>
      <c r="JH17" s="119">
        <v>0</v>
      </c>
      <c r="JI17" s="141">
        <v>0</v>
      </c>
      <c r="JJ17" s="118">
        <v>0</v>
      </c>
      <c r="JK17" s="119">
        <v>599819</v>
      </c>
      <c r="JL17" s="119">
        <v>64668</v>
      </c>
      <c r="JM17" s="119">
        <v>407823</v>
      </c>
      <c r="JN17" s="119">
        <v>53308</v>
      </c>
      <c r="JO17" s="119">
        <v>78080</v>
      </c>
      <c r="JP17" s="120">
        <v>1203698</v>
      </c>
      <c r="JQ17" s="321">
        <v>1203698</v>
      </c>
      <c r="JR17" s="142">
        <v>0</v>
      </c>
      <c r="JS17" s="119">
        <v>0</v>
      </c>
      <c r="JT17" s="141">
        <v>0</v>
      </c>
      <c r="JU17" s="118">
        <v>0</v>
      </c>
      <c r="JV17" s="119">
        <v>0</v>
      </c>
      <c r="JW17" s="119">
        <v>0</v>
      </c>
      <c r="JX17" s="119">
        <v>0</v>
      </c>
      <c r="JY17" s="119">
        <v>0</v>
      </c>
      <c r="JZ17" s="119">
        <v>128351</v>
      </c>
      <c r="KA17" s="120">
        <v>128351</v>
      </c>
      <c r="KB17" s="321">
        <v>128351</v>
      </c>
      <c r="KC17" s="234">
        <v>0</v>
      </c>
      <c r="KD17" s="230">
        <v>323372</v>
      </c>
      <c r="KE17" s="120">
        <v>323372</v>
      </c>
      <c r="KF17" s="118">
        <v>0</v>
      </c>
      <c r="KG17" s="119">
        <v>105413</v>
      </c>
      <c r="KH17" s="119">
        <v>152263</v>
      </c>
      <c r="KI17" s="119">
        <v>409756</v>
      </c>
      <c r="KJ17" s="119">
        <v>0</v>
      </c>
      <c r="KK17" s="119">
        <v>0</v>
      </c>
      <c r="KL17" s="120">
        <v>667432</v>
      </c>
      <c r="KM17" s="143">
        <v>990804</v>
      </c>
      <c r="KN17" s="232">
        <v>0</v>
      </c>
      <c r="KO17" s="236">
        <v>0</v>
      </c>
      <c r="KP17" s="237">
        <v>0</v>
      </c>
      <c r="KQ17" s="140"/>
      <c r="KR17" s="119">
        <v>0</v>
      </c>
      <c r="KS17" s="119">
        <v>647828</v>
      </c>
      <c r="KT17" s="119">
        <v>0</v>
      </c>
      <c r="KU17" s="119">
        <v>666057</v>
      </c>
      <c r="KV17" s="119">
        <v>460961</v>
      </c>
      <c r="KW17" s="120">
        <v>1774846</v>
      </c>
      <c r="KX17" s="321">
        <v>1774846</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21">
        <v>0</v>
      </c>
      <c r="LU17" s="142">
        <v>0</v>
      </c>
      <c r="LV17" s="119">
        <v>0</v>
      </c>
      <c r="LW17" s="120">
        <v>0</v>
      </c>
      <c r="LX17" s="145"/>
      <c r="LY17" s="119">
        <v>0</v>
      </c>
      <c r="LZ17" s="119">
        <v>0</v>
      </c>
      <c r="MA17" s="119">
        <v>0</v>
      </c>
      <c r="MB17" s="119">
        <v>0</v>
      </c>
      <c r="MC17" s="119">
        <v>0</v>
      </c>
      <c r="MD17" s="120">
        <v>0</v>
      </c>
      <c r="ME17" s="121">
        <v>0</v>
      </c>
      <c r="MF17" s="142">
        <v>0</v>
      </c>
      <c r="MG17" s="119">
        <v>0</v>
      </c>
      <c r="MH17" s="120">
        <v>0</v>
      </c>
      <c r="MI17" s="145"/>
      <c r="MJ17" s="119">
        <v>819676</v>
      </c>
      <c r="MK17" s="119">
        <v>0</v>
      </c>
      <c r="ML17" s="119">
        <v>674799</v>
      </c>
      <c r="MM17" s="119">
        <v>3492821</v>
      </c>
      <c r="MN17" s="119">
        <v>1580313</v>
      </c>
      <c r="MO17" s="120">
        <v>6567609</v>
      </c>
      <c r="MP17" s="143">
        <v>6567609</v>
      </c>
      <c r="MQ17" s="142">
        <v>0</v>
      </c>
      <c r="MR17" s="119">
        <v>0</v>
      </c>
      <c r="MS17" s="120">
        <v>0</v>
      </c>
      <c r="MT17" s="145"/>
      <c r="MU17" s="119">
        <v>0</v>
      </c>
      <c r="MV17" s="119">
        <v>0</v>
      </c>
      <c r="MW17" s="119">
        <v>0</v>
      </c>
      <c r="MX17" s="119">
        <v>2269197</v>
      </c>
      <c r="MY17" s="119">
        <v>1310134</v>
      </c>
      <c r="MZ17" s="120">
        <v>3579331</v>
      </c>
      <c r="NA17" s="143">
        <v>3579331</v>
      </c>
      <c r="NB17" s="142">
        <v>0</v>
      </c>
      <c r="NC17" s="119">
        <v>0</v>
      </c>
      <c r="ND17" s="120">
        <v>0</v>
      </c>
      <c r="NE17" s="145"/>
      <c r="NF17" s="119">
        <v>819676</v>
      </c>
      <c r="NG17" s="119">
        <v>0</v>
      </c>
      <c r="NH17" s="119">
        <v>674799</v>
      </c>
      <c r="NI17" s="119">
        <v>1223624</v>
      </c>
      <c r="NJ17" s="119">
        <v>270179</v>
      </c>
      <c r="NK17" s="120">
        <v>2988278</v>
      </c>
      <c r="NL17" s="321">
        <v>2988278</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0</v>
      </c>
      <c r="OD17" s="119">
        <v>0</v>
      </c>
      <c r="OE17" s="119">
        <v>0</v>
      </c>
      <c r="OF17" s="119">
        <v>0</v>
      </c>
      <c r="OG17" s="120">
        <v>0</v>
      </c>
      <c r="OH17" s="121">
        <v>0</v>
      </c>
      <c r="OI17" s="142">
        <v>265143</v>
      </c>
      <c r="OJ17" s="119">
        <v>975983</v>
      </c>
      <c r="OK17" s="141">
        <v>1241126</v>
      </c>
      <c r="OL17" s="118">
        <v>0</v>
      </c>
      <c r="OM17" s="119">
        <v>7168231</v>
      </c>
      <c r="ON17" s="119">
        <v>4290262</v>
      </c>
      <c r="OO17" s="119">
        <v>6283984</v>
      </c>
      <c r="OP17" s="119">
        <v>10489889</v>
      </c>
      <c r="OQ17" s="119">
        <v>7752559</v>
      </c>
      <c r="OR17" s="120">
        <v>35984925</v>
      </c>
      <c r="OS17" s="143">
        <v>37226051</v>
      </c>
    </row>
    <row r="18" spans="2:409" ht="20.25" customHeight="1" x14ac:dyDescent="0.2">
      <c r="B18" s="126" t="s">
        <v>12</v>
      </c>
      <c r="C18" s="110">
        <v>1035611</v>
      </c>
      <c r="D18" s="114">
        <v>1173975</v>
      </c>
      <c r="E18" s="113">
        <v>2209586</v>
      </c>
      <c r="F18" s="109">
        <v>0</v>
      </c>
      <c r="G18" s="114">
        <v>5196296</v>
      </c>
      <c r="H18" s="170">
        <v>5570180</v>
      </c>
      <c r="I18" s="170">
        <v>6576921</v>
      </c>
      <c r="J18" s="170">
        <v>7131130</v>
      </c>
      <c r="K18" s="170">
        <v>5316307</v>
      </c>
      <c r="L18" s="112">
        <v>29790834</v>
      </c>
      <c r="M18" s="116">
        <v>32000420</v>
      </c>
      <c r="N18" s="110">
        <v>280956</v>
      </c>
      <c r="O18" s="114">
        <v>274384</v>
      </c>
      <c r="P18" s="113">
        <v>555340</v>
      </c>
      <c r="Q18" s="110">
        <v>0</v>
      </c>
      <c r="R18" s="114">
        <v>1804071</v>
      </c>
      <c r="S18" s="114">
        <v>1843220</v>
      </c>
      <c r="T18" s="114">
        <v>2528099</v>
      </c>
      <c r="U18" s="114">
        <v>2102487</v>
      </c>
      <c r="V18" s="114">
        <v>2559956</v>
      </c>
      <c r="W18" s="113">
        <v>10837833</v>
      </c>
      <c r="X18" s="116">
        <v>11393173</v>
      </c>
      <c r="Y18" s="110">
        <v>0</v>
      </c>
      <c r="Z18" s="114">
        <v>0</v>
      </c>
      <c r="AA18" s="113">
        <v>0</v>
      </c>
      <c r="AB18" s="110">
        <v>0</v>
      </c>
      <c r="AC18" s="114">
        <v>1154683</v>
      </c>
      <c r="AD18" s="114">
        <v>1052202</v>
      </c>
      <c r="AE18" s="114">
        <v>1573779</v>
      </c>
      <c r="AF18" s="114">
        <v>1371422</v>
      </c>
      <c r="AG18" s="114">
        <v>1226613</v>
      </c>
      <c r="AH18" s="113">
        <v>6378699</v>
      </c>
      <c r="AI18" s="116">
        <v>6378699</v>
      </c>
      <c r="AJ18" s="110">
        <v>0</v>
      </c>
      <c r="AK18" s="114">
        <v>0</v>
      </c>
      <c r="AL18" s="113">
        <v>0</v>
      </c>
      <c r="AM18" s="110">
        <v>0</v>
      </c>
      <c r="AN18" s="114">
        <v>0</v>
      </c>
      <c r="AO18" s="114">
        <v>51780</v>
      </c>
      <c r="AP18" s="114">
        <v>0</v>
      </c>
      <c r="AQ18" s="114">
        <v>60750</v>
      </c>
      <c r="AR18" s="114">
        <v>551980</v>
      </c>
      <c r="AS18" s="113">
        <v>664510</v>
      </c>
      <c r="AT18" s="116">
        <v>664510</v>
      </c>
      <c r="AU18" s="110">
        <v>191867</v>
      </c>
      <c r="AV18" s="114">
        <v>226651</v>
      </c>
      <c r="AW18" s="113">
        <v>418518</v>
      </c>
      <c r="AX18" s="110">
        <v>0</v>
      </c>
      <c r="AY18" s="114">
        <v>343837</v>
      </c>
      <c r="AZ18" s="114">
        <v>496856</v>
      </c>
      <c r="BA18" s="114">
        <v>669217</v>
      </c>
      <c r="BB18" s="114">
        <v>351058</v>
      </c>
      <c r="BC18" s="114">
        <v>602891</v>
      </c>
      <c r="BD18" s="113">
        <v>2463859</v>
      </c>
      <c r="BE18" s="116">
        <v>2882377</v>
      </c>
      <c r="BF18" s="110">
        <v>0</v>
      </c>
      <c r="BG18" s="114">
        <v>0</v>
      </c>
      <c r="BH18" s="112">
        <v>0</v>
      </c>
      <c r="BI18" s="111">
        <v>0</v>
      </c>
      <c r="BJ18" s="114">
        <v>84113</v>
      </c>
      <c r="BK18" s="114">
        <v>54152</v>
      </c>
      <c r="BL18" s="114">
        <v>0</v>
      </c>
      <c r="BM18" s="114">
        <v>13868</v>
      </c>
      <c r="BN18" s="114">
        <v>0</v>
      </c>
      <c r="BO18" s="113">
        <v>152133</v>
      </c>
      <c r="BP18" s="116">
        <v>152133</v>
      </c>
      <c r="BQ18" s="110">
        <v>89089</v>
      </c>
      <c r="BR18" s="114">
        <v>47733</v>
      </c>
      <c r="BS18" s="113">
        <v>136822</v>
      </c>
      <c r="BT18" s="110">
        <v>0</v>
      </c>
      <c r="BU18" s="114">
        <v>221438</v>
      </c>
      <c r="BV18" s="114">
        <v>188230</v>
      </c>
      <c r="BW18" s="114">
        <v>285103</v>
      </c>
      <c r="BX18" s="114">
        <v>305389</v>
      </c>
      <c r="BY18" s="114">
        <v>178472</v>
      </c>
      <c r="BZ18" s="113">
        <v>1178632</v>
      </c>
      <c r="CA18" s="116">
        <v>1315454</v>
      </c>
      <c r="CB18" s="110">
        <v>206659</v>
      </c>
      <c r="CC18" s="114">
        <v>283637</v>
      </c>
      <c r="CD18" s="113">
        <v>490296</v>
      </c>
      <c r="CE18" s="110">
        <v>0</v>
      </c>
      <c r="CF18" s="114">
        <v>1928230</v>
      </c>
      <c r="CG18" s="114">
        <v>1835694</v>
      </c>
      <c r="CH18" s="114">
        <v>1380655</v>
      </c>
      <c r="CI18" s="114">
        <v>1711040</v>
      </c>
      <c r="CJ18" s="114">
        <v>459884</v>
      </c>
      <c r="CK18" s="113">
        <v>7315503</v>
      </c>
      <c r="CL18" s="116">
        <v>7805799</v>
      </c>
      <c r="CM18" s="110">
        <v>0</v>
      </c>
      <c r="CN18" s="114">
        <v>0</v>
      </c>
      <c r="CO18" s="113">
        <v>0</v>
      </c>
      <c r="CP18" s="111">
        <v>0</v>
      </c>
      <c r="CQ18" s="114">
        <v>1606890</v>
      </c>
      <c r="CR18" s="114">
        <v>1242008</v>
      </c>
      <c r="CS18" s="114">
        <v>730132</v>
      </c>
      <c r="CT18" s="114">
        <v>1259562</v>
      </c>
      <c r="CU18" s="114">
        <v>273688</v>
      </c>
      <c r="CV18" s="113">
        <v>5112280</v>
      </c>
      <c r="CW18" s="116">
        <v>5112280</v>
      </c>
      <c r="CX18" s="110">
        <v>206659</v>
      </c>
      <c r="CY18" s="114">
        <v>283637</v>
      </c>
      <c r="CZ18" s="113">
        <v>490296</v>
      </c>
      <c r="DA18" s="110">
        <v>0</v>
      </c>
      <c r="DB18" s="114">
        <v>321340</v>
      </c>
      <c r="DC18" s="114">
        <v>593686</v>
      </c>
      <c r="DD18" s="114">
        <v>650523</v>
      </c>
      <c r="DE18" s="114">
        <v>451478</v>
      </c>
      <c r="DF18" s="114">
        <v>186196</v>
      </c>
      <c r="DG18" s="113">
        <v>2203223</v>
      </c>
      <c r="DH18" s="116">
        <v>2693519</v>
      </c>
      <c r="DI18" s="110">
        <v>0</v>
      </c>
      <c r="DJ18" s="114">
        <v>41487</v>
      </c>
      <c r="DK18" s="112">
        <v>41487</v>
      </c>
      <c r="DL18" s="111">
        <v>0</v>
      </c>
      <c r="DM18" s="114">
        <v>412421</v>
      </c>
      <c r="DN18" s="114">
        <v>36850</v>
      </c>
      <c r="DO18" s="114">
        <v>656308</v>
      </c>
      <c r="DP18" s="114">
        <v>633493</v>
      </c>
      <c r="DQ18" s="114">
        <v>212598</v>
      </c>
      <c r="DR18" s="113">
        <v>1951670</v>
      </c>
      <c r="DS18" s="116">
        <v>1993157</v>
      </c>
      <c r="DT18" s="110">
        <v>0</v>
      </c>
      <c r="DU18" s="114">
        <v>41487</v>
      </c>
      <c r="DV18" s="113">
        <v>41487</v>
      </c>
      <c r="DW18" s="110">
        <v>0</v>
      </c>
      <c r="DX18" s="114">
        <v>412421</v>
      </c>
      <c r="DY18" s="114">
        <v>36850</v>
      </c>
      <c r="DZ18" s="114">
        <v>656308</v>
      </c>
      <c r="EA18" s="114">
        <v>633493</v>
      </c>
      <c r="EB18" s="114">
        <v>212598</v>
      </c>
      <c r="EC18" s="113">
        <v>1951670</v>
      </c>
      <c r="ED18" s="116">
        <v>1993157</v>
      </c>
      <c r="EE18" s="110">
        <v>0</v>
      </c>
      <c r="EF18" s="112">
        <v>0</v>
      </c>
      <c r="EG18" s="113">
        <v>0</v>
      </c>
      <c r="EH18" s="110">
        <v>0</v>
      </c>
      <c r="EI18" s="114">
        <v>0</v>
      </c>
      <c r="EJ18" s="114">
        <v>0</v>
      </c>
      <c r="EK18" s="114">
        <v>0</v>
      </c>
      <c r="EL18" s="114">
        <v>0</v>
      </c>
      <c r="EM18" s="114">
        <v>0</v>
      </c>
      <c r="EN18" s="112">
        <v>0</v>
      </c>
      <c r="EO18" s="116">
        <v>0</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8"/>
      <c r="FE18" s="114">
        <v>0</v>
      </c>
      <c r="FF18" s="114">
        <v>0</v>
      </c>
      <c r="FG18" s="114">
        <v>0</v>
      </c>
      <c r="FH18" s="114">
        <v>0</v>
      </c>
      <c r="FI18" s="114">
        <v>0</v>
      </c>
      <c r="FJ18" s="113">
        <v>0</v>
      </c>
      <c r="FK18" s="116">
        <v>0</v>
      </c>
      <c r="FL18" s="110">
        <v>265125</v>
      </c>
      <c r="FM18" s="114">
        <v>230314</v>
      </c>
      <c r="FN18" s="113">
        <v>495439</v>
      </c>
      <c r="FO18" s="110">
        <v>0</v>
      </c>
      <c r="FP18" s="114">
        <v>185325</v>
      </c>
      <c r="FQ18" s="114">
        <v>482384</v>
      </c>
      <c r="FR18" s="114">
        <v>618695</v>
      </c>
      <c r="FS18" s="114">
        <v>625383</v>
      </c>
      <c r="FT18" s="114">
        <v>417438</v>
      </c>
      <c r="FU18" s="113">
        <v>2329225</v>
      </c>
      <c r="FV18" s="116">
        <v>2824664</v>
      </c>
      <c r="FW18" s="115">
        <v>97426</v>
      </c>
      <c r="FX18" s="114">
        <v>230314</v>
      </c>
      <c r="FY18" s="112">
        <v>327740</v>
      </c>
      <c r="FZ18" s="111">
        <v>0</v>
      </c>
      <c r="GA18" s="114">
        <v>114625</v>
      </c>
      <c r="GB18" s="114">
        <v>465059</v>
      </c>
      <c r="GC18" s="114">
        <v>559643</v>
      </c>
      <c r="GD18" s="114">
        <v>609791</v>
      </c>
      <c r="GE18" s="114">
        <v>417438</v>
      </c>
      <c r="GF18" s="113">
        <v>2166556</v>
      </c>
      <c r="GG18" s="319">
        <v>2494296</v>
      </c>
      <c r="GH18" s="115">
        <v>27699</v>
      </c>
      <c r="GI18" s="114">
        <v>0</v>
      </c>
      <c r="GJ18" s="112">
        <v>27699</v>
      </c>
      <c r="GK18" s="111">
        <v>0</v>
      </c>
      <c r="GL18" s="114">
        <v>0</v>
      </c>
      <c r="GM18" s="114">
        <v>17325</v>
      </c>
      <c r="GN18" s="114">
        <v>13552</v>
      </c>
      <c r="GO18" s="114">
        <v>15592</v>
      </c>
      <c r="GP18" s="114">
        <v>0</v>
      </c>
      <c r="GQ18" s="113">
        <v>46469</v>
      </c>
      <c r="GR18" s="116">
        <v>74168</v>
      </c>
      <c r="GS18" s="110">
        <v>140000</v>
      </c>
      <c r="GT18" s="114">
        <v>0</v>
      </c>
      <c r="GU18" s="113">
        <v>140000</v>
      </c>
      <c r="GV18" s="110">
        <v>0</v>
      </c>
      <c r="GW18" s="114">
        <v>70700</v>
      </c>
      <c r="GX18" s="114">
        <v>0</v>
      </c>
      <c r="GY18" s="114">
        <v>45500</v>
      </c>
      <c r="GZ18" s="114">
        <v>0</v>
      </c>
      <c r="HA18" s="114">
        <v>0</v>
      </c>
      <c r="HB18" s="112">
        <v>116200</v>
      </c>
      <c r="HC18" s="116">
        <v>256200</v>
      </c>
      <c r="HD18" s="110">
        <v>282871</v>
      </c>
      <c r="HE18" s="114">
        <v>344153</v>
      </c>
      <c r="HF18" s="112">
        <v>627024</v>
      </c>
      <c r="HG18" s="111">
        <v>0</v>
      </c>
      <c r="HH18" s="114">
        <v>866249</v>
      </c>
      <c r="HI18" s="114">
        <v>1372032</v>
      </c>
      <c r="HJ18" s="114">
        <v>1393164</v>
      </c>
      <c r="HK18" s="114">
        <v>2058727</v>
      </c>
      <c r="HL18" s="114">
        <v>1666431</v>
      </c>
      <c r="HM18" s="113">
        <v>7356603</v>
      </c>
      <c r="HN18" s="109">
        <v>7983627</v>
      </c>
      <c r="HO18" s="329"/>
      <c r="HP18" s="330"/>
      <c r="HQ18" s="331"/>
      <c r="HR18" s="332"/>
      <c r="HS18" s="330"/>
      <c r="HT18" s="330"/>
      <c r="HU18" s="330"/>
      <c r="HV18" s="330"/>
      <c r="HW18" s="330"/>
      <c r="HX18" s="333"/>
      <c r="HY18" s="334"/>
      <c r="HZ18" s="150">
        <v>0</v>
      </c>
      <c r="IA18" s="135">
        <v>0</v>
      </c>
      <c r="IB18" s="150">
        <v>0</v>
      </c>
      <c r="IC18" s="134">
        <v>0</v>
      </c>
      <c r="ID18" s="135">
        <v>1590712</v>
      </c>
      <c r="IE18" s="136">
        <v>1572459</v>
      </c>
      <c r="IF18" s="137">
        <v>896559</v>
      </c>
      <c r="IG18" s="135">
        <v>2207874</v>
      </c>
      <c r="IH18" s="137">
        <v>1412183</v>
      </c>
      <c r="II18" s="138">
        <v>7679787</v>
      </c>
      <c r="IJ18" s="150">
        <v>7679787</v>
      </c>
      <c r="IK18" s="232">
        <v>0</v>
      </c>
      <c r="IL18" s="236">
        <v>0</v>
      </c>
      <c r="IM18" s="237">
        <v>0</v>
      </c>
      <c r="IN18" s="140"/>
      <c r="IO18" s="119">
        <v>66930</v>
      </c>
      <c r="IP18" s="119">
        <v>0</v>
      </c>
      <c r="IQ18" s="119">
        <v>0</v>
      </c>
      <c r="IR18" s="119">
        <v>0</v>
      </c>
      <c r="IS18" s="119">
        <v>0</v>
      </c>
      <c r="IT18" s="141">
        <v>66930</v>
      </c>
      <c r="IU18" s="321">
        <v>66930</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670921</v>
      </c>
      <c r="JL18" s="119">
        <v>450589</v>
      </c>
      <c r="JM18" s="119">
        <v>676444</v>
      </c>
      <c r="JN18" s="119">
        <v>383834</v>
      </c>
      <c r="JO18" s="119">
        <v>99805</v>
      </c>
      <c r="JP18" s="120">
        <v>2281593</v>
      </c>
      <c r="JQ18" s="321">
        <v>2281593</v>
      </c>
      <c r="JR18" s="142">
        <v>0</v>
      </c>
      <c r="JS18" s="119">
        <v>0</v>
      </c>
      <c r="JT18" s="141">
        <v>0</v>
      </c>
      <c r="JU18" s="118">
        <v>0</v>
      </c>
      <c r="JV18" s="119">
        <v>0</v>
      </c>
      <c r="JW18" s="119">
        <v>37175</v>
      </c>
      <c r="JX18" s="119">
        <v>0</v>
      </c>
      <c r="JY18" s="119">
        <v>0</v>
      </c>
      <c r="JZ18" s="119">
        <v>0</v>
      </c>
      <c r="KA18" s="120">
        <v>37175</v>
      </c>
      <c r="KB18" s="321">
        <v>37175</v>
      </c>
      <c r="KC18" s="234">
        <v>0</v>
      </c>
      <c r="KD18" s="230">
        <v>0</v>
      </c>
      <c r="KE18" s="120">
        <v>0</v>
      </c>
      <c r="KF18" s="118">
        <v>0</v>
      </c>
      <c r="KG18" s="119">
        <v>106801</v>
      </c>
      <c r="KH18" s="119">
        <v>162484</v>
      </c>
      <c r="KI18" s="119">
        <v>0</v>
      </c>
      <c r="KJ18" s="119">
        <v>459375</v>
      </c>
      <c r="KK18" s="119">
        <v>0</v>
      </c>
      <c r="KL18" s="120">
        <v>728660</v>
      </c>
      <c r="KM18" s="143">
        <v>728660</v>
      </c>
      <c r="KN18" s="232">
        <v>0</v>
      </c>
      <c r="KO18" s="236">
        <v>0</v>
      </c>
      <c r="KP18" s="237">
        <v>0</v>
      </c>
      <c r="KQ18" s="140"/>
      <c r="KR18" s="119">
        <v>746060</v>
      </c>
      <c r="KS18" s="119">
        <v>429096</v>
      </c>
      <c r="KT18" s="119">
        <v>220115</v>
      </c>
      <c r="KU18" s="119">
        <v>448810</v>
      </c>
      <c r="KV18" s="119">
        <v>460616</v>
      </c>
      <c r="KW18" s="120">
        <v>2304697</v>
      </c>
      <c r="KX18" s="321">
        <v>2304697</v>
      </c>
      <c r="KY18" s="142">
        <v>0</v>
      </c>
      <c r="KZ18" s="119">
        <v>0</v>
      </c>
      <c r="LA18" s="120">
        <v>0</v>
      </c>
      <c r="LB18" s="145"/>
      <c r="LC18" s="119">
        <v>0</v>
      </c>
      <c r="LD18" s="119">
        <v>317338</v>
      </c>
      <c r="LE18" s="119">
        <v>0</v>
      </c>
      <c r="LF18" s="119">
        <v>384314</v>
      </c>
      <c r="LG18" s="119">
        <v>0</v>
      </c>
      <c r="LH18" s="120">
        <v>701652</v>
      </c>
      <c r="LI18" s="121">
        <v>701652</v>
      </c>
      <c r="LJ18" s="142">
        <v>0</v>
      </c>
      <c r="LK18" s="119">
        <v>0</v>
      </c>
      <c r="LL18" s="120">
        <v>0</v>
      </c>
      <c r="LM18" s="145"/>
      <c r="LN18" s="119">
        <v>0</v>
      </c>
      <c r="LO18" s="119">
        <v>0</v>
      </c>
      <c r="LP18" s="119">
        <v>0</v>
      </c>
      <c r="LQ18" s="119">
        <v>0</v>
      </c>
      <c r="LR18" s="119">
        <v>256222</v>
      </c>
      <c r="LS18" s="120">
        <v>256222</v>
      </c>
      <c r="LT18" s="321">
        <v>256222</v>
      </c>
      <c r="LU18" s="142">
        <v>0</v>
      </c>
      <c r="LV18" s="119">
        <v>0</v>
      </c>
      <c r="LW18" s="120">
        <v>0</v>
      </c>
      <c r="LX18" s="145"/>
      <c r="LY18" s="119">
        <v>0</v>
      </c>
      <c r="LZ18" s="119">
        <v>175777</v>
      </c>
      <c r="MA18" s="119">
        <v>0</v>
      </c>
      <c r="MB18" s="119">
        <v>531541</v>
      </c>
      <c r="MC18" s="119">
        <v>595540</v>
      </c>
      <c r="MD18" s="120">
        <v>1302858</v>
      </c>
      <c r="ME18" s="121">
        <v>1302858</v>
      </c>
      <c r="MF18" s="142">
        <v>0</v>
      </c>
      <c r="MG18" s="119">
        <v>0</v>
      </c>
      <c r="MH18" s="120">
        <v>0</v>
      </c>
      <c r="MI18" s="145"/>
      <c r="MJ18" s="119">
        <v>0</v>
      </c>
      <c r="MK18" s="119">
        <v>663182</v>
      </c>
      <c r="ML18" s="119">
        <v>2300703</v>
      </c>
      <c r="MM18" s="119">
        <v>5976195</v>
      </c>
      <c r="MN18" s="119">
        <v>1718606</v>
      </c>
      <c r="MO18" s="120">
        <v>10658686</v>
      </c>
      <c r="MP18" s="143">
        <v>10658686</v>
      </c>
      <c r="MQ18" s="142">
        <v>0</v>
      </c>
      <c r="MR18" s="119">
        <v>0</v>
      </c>
      <c r="MS18" s="120">
        <v>0</v>
      </c>
      <c r="MT18" s="145"/>
      <c r="MU18" s="119">
        <v>0</v>
      </c>
      <c r="MV18" s="119">
        <v>0</v>
      </c>
      <c r="MW18" s="119">
        <v>1125289</v>
      </c>
      <c r="MX18" s="119">
        <v>2569631</v>
      </c>
      <c r="MY18" s="119">
        <v>1219162</v>
      </c>
      <c r="MZ18" s="120">
        <v>4914082</v>
      </c>
      <c r="NA18" s="143">
        <v>4914082</v>
      </c>
      <c r="NB18" s="142">
        <v>0</v>
      </c>
      <c r="NC18" s="119">
        <v>0</v>
      </c>
      <c r="ND18" s="120">
        <v>0</v>
      </c>
      <c r="NE18" s="145"/>
      <c r="NF18" s="119">
        <v>0</v>
      </c>
      <c r="NG18" s="119">
        <v>663182</v>
      </c>
      <c r="NH18" s="119">
        <v>1175414</v>
      </c>
      <c r="NI18" s="119">
        <v>3108351</v>
      </c>
      <c r="NJ18" s="119">
        <v>499444</v>
      </c>
      <c r="NK18" s="120">
        <v>5446391</v>
      </c>
      <c r="NL18" s="321">
        <v>5446391</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298213</v>
      </c>
      <c r="OF18" s="119">
        <v>0</v>
      </c>
      <c r="OG18" s="120">
        <v>298213</v>
      </c>
      <c r="OH18" s="121">
        <v>298213</v>
      </c>
      <c r="OI18" s="142">
        <v>1035611</v>
      </c>
      <c r="OJ18" s="119">
        <v>1173975</v>
      </c>
      <c r="OK18" s="141">
        <v>2209586</v>
      </c>
      <c r="OL18" s="118">
        <v>0</v>
      </c>
      <c r="OM18" s="119">
        <v>6787008</v>
      </c>
      <c r="ON18" s="119">
        <v>7805821</v>
      </c>
      <c r="OO18" s="119">
        <v>9774183</v>
      </c>
      <c r="OP18" s="119">
        <v>15315199</v>
      </c>
      <c r="OQ18" s="119">
        <v>8447096</v>
      </c>
      <c r="OR18" s="120">
        <v>48129307</v>
      </c>
      <c r="OS18" s="143">
        <v>50338893</v>
      </c>
    </row>
    <row r="19" spans="2:409" ht="20.25" customHeight="1" x14ac:dyDescent="0.2">
      <c r="B19" s="126" t="s">
        <v>13</v>
      </c>
      <c r="C19" s="110">
        <v>506819</v>
      </c>
      <c r="D19" s="114">
        <v>656158</v>
      </c>
      <c r="E19" s="113">
        <v>1162977</v>
      </c>
      <c r="F19" s="110">
        <v>0</v>
      </c>
      <c r="G19" s="170">
        <v>3579061</v>
      </c>
      <c r="H19" s="114">
        <v>4341515</v>
      </c>
      <c r="I19" s="114">
        <v>5935007</v>
      </c>
      <c r="J19" s="114">
        <v>4557073</v>
      </c>
      <c r="K19" s="114">
        <v>3799816</v>
      </c>
      <c r="L19" s="112">
        <v>22212472</v>
      </c>
      <c r="M19" s="116">
        <v>23375449</v>
      </c>
      <c r="N19" s="110">
        <v>83888</v>
      </c>
      <c r="O19" s="114">
        <v>202260</v>
      </c>
      <c r="P19" s="113">
        <v>286148</v>
      </c>
      <c r="Q19" s="110">
        <v>0</v>
      </c>
      <c r="R19" s="114">
        <v>1092841</v>
      </c>
      <c r="S19" s="114">
        <v>1475017</v>
      </c>
      <c r="T19" s="114">
        <v>2122277</v>
      </c>
      <c r="U19" s="114">
        <v>2817259</v>
      </c>
      <c r="V19" s="114">
        <v>1937120</v>
      </c>
      <c r="W19" s="113">
        <v>9444514</v>
      </c>
      <c r="X19" s="116">
        <v>9730662</v>
      </c>
      <c r="Y19" s="110">
        <v>0</v>
      </c>
      <c r="Z19" s="114">
        <v>0</v>
      </c>
      <c r="AA19" s="113">
        <v>0</v>
      </c>
      <c r="AB19" s="110">
        <v>0</v>
      </c>
      <c r="AC19" s="114">
        <v>403775</v>
      </c>
      <c r="AD19" s="114">
        <v>718759</v>
      </c>
      <c r="AE19" s="114">
        <v>1173707</v>
      </c>
      <c r="AF19" s="114">
        <v>2073309</v>
      </c>
      <c r="AG19" s="114">
        <v>1355095</v>
      </c>
      <c r="AH19" s="113">
        <v>5724645</v>
      </c>
      <c r="AI19" s="116">
        <v>5724645</v>
      </c>
      <c r="AJ19" s="110">
        <v>0</v>
      </c>
      <c r="AK19" s="114">
        <v>0</v>
      </c>
      <c r="AL19" s="113">
        <v>0</v>
      </c>
      <c r="AM19" s="110">
        <v>0</v>
      </c>
      <c r="AN19" s="114">
        <v>0</v>
      </c>
      <c r="AO19" s="114">
        <v>0</v>
      </c>
      <c r="AP19" s="114">
        <v>94118</v>
      </c>
      <c r="AQ19" s="114">
        <v>82717</v>
      </c>
      <c r="AR19" s="114">
        <v>0</v>
      </c>
      <c r="AS19" s="113">
        <v>176835</v>
      </c>
      <c r="AT19" s="116">
        <v>176835</v>
      </c>
      <c r="AU19" s="110">
        <v>0</v>
      </c>
      <c r="AV19" s="114">
        <v>129838</v>
      </c>
      <c r="AW19" s="113">
        <v>129838</v>
      </c>
      <c r="AX19" s="110">
        <v>0</v>
      </c>
      <c r="AY19" s="114">
        <v>473073</v>
      </c>
      <c r="AZ19" s="114">
        <v>348082</v>
      </c>
      <c r="BA19" s="114">
        <v>498656</v>
      </c>
      <c r="BB19" s="114">
        <v>452491</v>
      </c>
      <c r="BC19" s="114">
        <v>321778</v>
      </c>
      <c r="BD19" s="113">
        <v>2094080</v>
      </c>
      <c r="BE19" s="116">
        <v>2223918</v>
      </c>
      <c r="BF19" s="110">
        <v>0</v>
      </c>
      <c r="BG19" s="114">
        <v>0</v>
      </c>
      <c r="BH19" s="112">
        <v>0</v>
      </c>
      <c r="BI19" s="111">
        <v>0</v>
      </c>
      <c r="BJ19" s="114">
        <v>21400</v>
      </c>
      <c r="BK19" s="114">
        <v>202194</v>
      </c>
      <c r="BL19" s="114">
        <v>0</v>
      </c>
      <c r="BM19" s="114">
        <v>17236</v>
      </c>
      <c r="BN19" s="114">
        <v>77232</v>
      </c>
      <c r="BO19" s="113">
        <v>318062</v>
      </c>
      <c r="BP19" s="116">
        <v>318062</v>
      </c>
      <c r="BQ19" s="110">
        <v>83888</v>
      </c>
      <c r="BR19" s="114">
        <v>72422</v>
      </c>
      <c r="BS19" s="113">
        <v>156310</v>
      </c>
      <c r="BT19" s="110">
        <v>0</v>
      </c>
      <c r="BU19" s="114">
        <v>194593</v>
      </c>
      <c r="BV19" s="114">
        <v>205982</v>
      </c>
      <c r="BW19" s="114">
        <v>355796</v>
      </c>
      <c r="BX19" s="114">
        <v>191506</v>
      </c>
      <c r="BY19" s="114">
        <v>183015</v>
      </c>
      <c r="BZ19" s="113">
        <v>1130892</v>
      </c>
      <c r="CA19" s="116">
        <v>1287202</v>
      </c>
      <c r="CB19" s="110">
        <v>0</v>
      </c>
      <c r="CC19" s="114">
        <v>32713</v>
      </c>
      <c r="CD19" s="113">
        <v>32713</v>
      </c>
      <c r="CE19" s="110">
        <v>0</v>
      </c>
      <c r="CF19" s="114">
        <v>633817</v>
      </c>
      <c r="CG19" s="114">
        <v>937249</v>
      </c>
      <c r="CH19" s="114">
        <v>1071890</v>
      </c>
      <c r="CI19" s="114">
        <v>391152</v>
      </c>
      <c r="CJ19" s="114">
        <v>146521</v>
      </c>
      <c r="CK19" s="113">
        <v>3180629</v>
      </c>
      <c r="CL19" s="116">
        <v>3213342</v>
      </c>
      <c r="CM19" s="110">
        <v>0</v>
      </c>
      <c r="CN19" s="114">
        <v>0</v>
      </c>
      <c r="CO19" s="113">
        <v>0</v>
      </c>
      <c r="CP19" s="111">
        <v>0</v>
      </c>
      <c r="CQ19" s="114">
        <v>617692</v>
      </c>
      <c r="CR19" s="114">
        <v>831119</v>
      </c>
      <c r="CS19" s="114">
        <v>900090</v>
      </c>
      <c r="CT19" s="114">
        <v>279906</v>
      </c>
      <c r="CU19" s="114">
        <v>146521</v>
      </c>
      <c r="CV19" s="113">
        <v>2775328</v>
      </c>
      <c r="CW19" s="116">
        <v>2775328</v>
      </c>
      <c r="CX19" s="110">
        <v>0</v>
      </c>
      <c r="CY19" s="114">
        <v>32713</v>
      </c>
      <c r="CZ19" s="113">
        <v>32713</v>
      </c>
      <c r="DA19" s="110">
        <v>0</v>
      </c>
      <c r="DB19" s="114">
        <v>16125</v>
      </c>
      <c r="DC19" s="114">
        <v>106130</v>
      </c>
      <c r="DD19" s="114">
        <v>171800</v>
      </c>
      <c r="DE19" s="114">
        <v>111246</v>
      </c>
      <c r="DF19" s="114">
        <v>0</v>
      </c>
      <c r="DG19" s="113">
        <v>405301</v>
      </c>
      <c r="DH19" s="116">
        <v>438014</v>
      </c>
      <c r="DI19" s="110">
        <v>0</v>
      </c>
      <c r="DJ19" s="114">
        <v>0</v>
      </c>
      <c r="DK19" s="112">
        <v>0</v>
      </c>
      <c r="DL19" s="111">
        <v>0</v>
      </c>
      <c r="DM19" s="114">
        <v>81843</v>
      </c>
      <c r="DN19" s="114">
        <v>31880</v>
      </c>
      <c r="DO19" s="114">
        <v>577631</v>
      </c>
      <c r="DP19" s="114">
        <v>157230</v>
      </c>
      <c r="DQ19" s="114">
        <v>297852</v>
      </c>
      <c r="DR19" s="113">
        <v>1146436</v>
      </c>
      <c r="DS19" s="116">
        <v>1146436</v>
      </c>
      <c r="DT19" s="110">
        <v>0</v>
      </c>
      <c r="DU19" s="114">
        <v>0</v>
      </c>
      <c r="DV19" s="113">
        <v>0</v>
      </c>
      <c r="DW19" s="110">
        <v>0</v>
      </c>
      <c r="DX19" s="114">
        <v>81843</v>
      </c>
      <c r="DY19" s="114">
        <v>31880</v>
      </c>
      <c r="DZ19" s="114">
        <v>577631</v>
      </c>
      <c r="EA19" s="114">
        <v>102803</v>
      </c>
      <c r="EB19" s="114">
        <v>297852</v>
      </c>
      <c r="EC19" s="113">
        <v>1092009</v>
      </c>
      <c r="ED19" s="116">
        <v>1092009</v>
      </c>
      <c r="EE19" s="110">
        <v>0</v>
      </c>
      <c r="EF19" s="112">
        <v>0</v>
      </c>
      <c r="EG19" s="113">
        <v>0</v>
      </c>
      <c r="EH19" s="110">
        <v>0</v>
      </c>
      <c r="EI19" s="114">
        <v>0</v>
      </c>
      <c r="EJ19" s="114">
        <v>0</v>
      </c>
      <c r="EK19" s="114">
        <v>0</v>
      </c>
      <c r="EL19" s="114">
        <v>54427</v>
      </c>
      <c r="EM19" s="114">
        <v>0</v>
      </c>
      <c r="EN19" s="112">
        <v>54427</v>
      </c>
      <c r="EO19" s="116">
        <v>54427</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8"/>
      <c r="FE19" s="114">
        <v>0</v>
      </c>
      <c r="FF19" s="114">
        <v>0</v>
      </c>
      <c r="FG19" s="114">
        <v>0</v>
      </c>
      <c r="FH19" s="114">
        <v>0</v>
      </c>
      <c r="FI19" s="114">
        <v>0</v>
      </c>
      <c r="FJ19" s="113">
        <v>0</v>
      </c>
      <c r="FK19" s="116">
        <v>0</v>
      </c>
      <c r="FL19" s="110">
        <v>143640</v>
      </c>
      <c r="FM19" s="114">
        <v>91637</v>
      </c>
      <c r="FN19" s="113">
        <v>235277</v>
      </c>
      <c r="FO19" s="110">
        <v>0</v>
      </c>
      <c r="FP19" s="114">
        <v>84759</v>
      </c>
      <c r="FQ19" s="114">
        <v>505960</v>
      </c>
      <c r="FR19" s="114">
        <v>316922</v>
      </c>
      <c r="FS19" s="114">
        <v>372617</v>
      </c>
      <c r="FT19" s="114">
        <v>183554</v>
      </c>
      <c r="FU19" s="113">
        <v>1463812</v>
      </c>
      <c r="FV19" s="116">
        <v>1699089</v>
      </c>
      <c r="FW19" s="115">
        <v>16100</v>
      </c>
      <c r="FX19" s="114">
        <v>62937</v>
      </c>
      <c r="FY19" s="112">
        <v>79037</v>
      </c>
      <c r="FZ19" s="111">
        <v>0</v>
      </c>
      <c r="GA19" s="114">
        <v>78407</v>
      </c>
      <c r="GB19" s="114">
        <v>350364</v>
      </c>
      <c r="GC19" s="114">
        <v>297672</v>
      </c>
      <c r="GD19" s="114">
        <v>311717</v>
      </c>
      <c r="GE19" s="114">
        <v>183554</v>
      </c>
      <c r="GF19" s="113">
        <v>1221714</v>
      </c>
      <c r="GG19" s="319">
        <v>1300751</v>
      </c>
      <c r="GH19" s="115">
        <v>0</v>
      </c>
      <c r="GI19" s="114">
        <v>0</v>
      </c>
      <c r="GJ19" s="112">
        <v>0</v>
      </c>
      <c r="GK19" s="111">
        <v>0</v>
      </c>
      <c r="GL19" s="114">
        <v>6352</v>
      </c>
      <c r="GM19" s="114">
        <v>34496</v>
      </c>
      <c r="GN19" s="114">
        <v>0</v>
      </c>
      <c r="GO19" s="114">
        <v>0</v>
      </c>
      <c r="GP19" s="114">
        <v>0</v>
      </c>
      <c r="GQ19" s="113">
        <v>40848</v>
      </c>
      <c r="GR19" s="116">
        <v>40848</v>
      </c>
      <c r="GS19" s="110">
        <v>127540</v>
      </c>
      <c r="GT19" s="114">
        <v>28700</v>
      </c>
      <c r="GU19" s="113">
        <v>156240</v>
      </c>
      <c r="GV19" s="110">
        <v>0</v>
      </c>
      <c r="GW19" s="114">
        <v>0</v>
      </c>
      <c r="GX19" s="114">
        <v>121100</v>
      </c>
      <c r="GY19" s="114">
        <v>19250</v>
      </c>
      <c r="GZ19" s="114">
        <v>60900</v>
      </c>
      <c r="HA19" s="114">
        <v>0</v>
      </c>
      <c r="HB19" s="112">
        <v>201250</v>
      </c>
      <c r="HC19" s="116">
        <v>357490</v>
      </c>
      <c r="HD19" s="110">
        <v>279291</v>
      </c>
      <c r="HE19" s="114">
        <v>329548</v>
      </c>
      <c r="HF19" s="112">
        <v>608839</v>
      </c>
      <c r="HG19" s="111">
        <v>0</v>
      </c>
      <c r="HH19" s="114">
        <v>1685801</v>
      </c>
      <c r="HI19" s="114">
        <v>1391409</v>
      </c>
      <c r="HJ19" s="114">
        <v>1846287</v>
      </c>
      <c r="HK19" s="114">
        <v>818815</v>
      </c>
      <c r="HL19" s="114">
        <v>1234769</v>
      </c>
      <c r="HM19" s="113">
        <v>6977081</v>
      </c>
      <c r="HN19" s="109">
        <v>7585920</v>
      </c>
      <c r="HO19" s="329"/>
      <c r="HP19" s="330"/>
      <c r="HQ19" s="331"/>
      <c r="HR19" s="332"/>
      <c r="HS19" s="330"/>
      <c r="HT19" s="330"/>
      <c r="HU19" s="330"/>
      <c r="HV19" s="330"/>
      <c r="HW19" s="330"/>
      <c r="HX19" s="333"/>
      <c r="HY19" s="334"/>
      <c r="HZ19" s="131">
        <v>0</v>
      </c>
      <c r="IA19" s="132">
        <v>0</v>
      </c>
      <c r="IB19" s="133">
        <v>0</v>
      </c>
      <c r="IC19" s="146">
        <v>0</v>
      </c>
      <c r="ID19" s="132">
        <v>255671</v>
      </c>
      <c r="IE19" s="147">
        <v>418566</v>
      </c>
      <c r="IF19" s="133">
        <v>1552487</v>
      </c>
      <c r="IG19" s="132">
        <v>503597</v>
      </c>
      <c r="IH19" s="133">
        <v>121057</v>
      </c>
      <c r="II19" s="148">
        <v>2851378</v>
      </c>
      <c r="IJ19" s="139">
        <v>2851378</v>
      </c>
      <c r="IK19" s="232">
        <v>0</v>
      </c>
      <c r="IL19" s="236">
        <v>0</v>
      </c>
      <c r="IM19" s="237">
        <v>0</v>
      </c>
      <c r="IN19" s="140"/>
      <c r="IO19" s="119">
        <v>0</v>
      </c>
      <c r="IP19" s="119">
        <v>0</v>
      </c>
      <c r="IQ19" s="119">
        <v>0</v>
      </c>
      <c r="IR19" s="119">
        <v>0</v>
      </c>
      <c r="IS19" s="119">
        <v>0</v>
      </c>
      <c r="IT19" s="141">
        <v>0</v>
      </c>
      <c r="IU19" s="321">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255671</v>
      </c>
      <c r="JL19" s="119">
        <v>418566</v>
      </c>
      <c r="JM19" s="119">
        <v>370609</v>
      </c>
      <c r="JN19" s="119">
        <v>275246</v>
      </c>
      <c r="JO19" s="119">
        <v>121057</v>
      </c>
      <c r="JP19" s="120">
        <v>1441149</v>
      </c>
      <c r="JQ19" s="321">
        <v>1441149</v>
      </c>
      <c r="JR19" s="142">
        <v>0</v>
      </c>
      <c r="JS19" s="119">
        <v>0</v>
      </c>
      <c r="JT19" s="141">
        <v>0</v>
      </c>
      <c r="JU19" s="118">
        <v>0</v>
      </c>
      <c r="JV19" s="119">
        <v>0</v>
      </c>
      <c r="JW19" s="119">
        <v>0</v>
      </c>
      <c r="JX19" s="119">
        <v>0</v>
      </c>
      <c r="JY19" s="119">
        <v>40043</v>
      </c>
      <c r="JZ19" s="119">
        <v>0</v>
      </c>
      <c r="KA19" s="120">
        <v>40043</v>
      </c>
      <c r="KB19" s="321">
        <v>40043</v>
      </c>
      <c r="KC19" s="234">
        <v>0</v>
      </c>
      <c r="KD19" s="230">
        <v>0</v>
      </c>
      <c r="KE19" s="120">
        <v>0</v>
      </c>
      <c r="KF19" s="118">
        <v>0</v>
      </c>
      <c r="KG19" s="119">
        <v>0</v>
      </c>
      <c r="KH19" s="119">
        <v>0</v>
      </c>
      <c r="KI19" s="119">
        <v>388096</v>
      </c>
      <c r="KJ19" s="119">
        <v>0</v>
      </c>
      <c r="KK19" s="119">
        <v>0</v>
      </c>
      <c r="KL19" s="120">
        <v>388096</v>
      </c>
      <c r="KM19" s="143">
        <v>388096</v>
      </c>
      <c r="KN19" s="232">
        <v>0</v>
      </c>
      <c r="KO19" s="236">
        <v>0</v>
      </c>
      <c r="KP19" s="237">
        <v>0</v>
      </c>
      <c r="KQ19" s="140"/>
      <c r="KR19" s="119">
        <v>0</v>
      </c>
      <c r="KS19" s="119">
        <v>0</v>
      </c>
      <c r="KT19" s="119">
        <v>449688</v>
      </c>
      <c r="KU19" s="119">
        <v>0</v>
      </c>
      <c r="KV19" s="119">
        <v>0</v>
      </c>
      <c r="KW19" s="120">
        <v>449688</v>
      </c>
      <c r="KX19" s="321">
        <v>449688</v>
      </c>
      <c r="KY19" s="142">
        <v>0</v>
      </c>
      <c r="KZ19" s="119">
        <v>0</v>
      </c>
      <c r="LA19" s="120">
        <v>0</v>
      </c>
      <c r="LB19" s="145"/>
      <c r="LC19" s="119">
        <v>0</v>
      </c>
      <c r="LD19" s="119">
        <v>0</v>
      </c>
      <c r="LE19" s="119">
        <v>344094</v>
      </c>
      <c r="LF19" s="119">
        <v>188308</v>
      </c>
      <c r="LG19" s="119">
        <v>0</v>
      </c>
      <c r="LH19" s="120">
        <v>532402</v>
      </c>
      <c r="LI19" s="121">
        <v>532402</v>
      </c>
      <c r="LJ19" s="142">
        <v>0</v>
      </c>
      <c r="LK19" s="119">
        <v>0</v>
      </c>
      <c r="LL19" s="120">
        <v>0</v>
      </c>
      <c r="LM19" s="145"/>
      <c r="LN19" s="119">
        <v>0</v>
      </c>
      <c r="LO19" s="119">
        <v>0</v>
      </c>
      <c r="LP19" s="119">
        <v>0</v>
      </c>
      <c r="LQ19" s="119">
        <v>0</v>
      </c>
      <c r="LR19" s="119">
        <v>0</v>
      </c>
      <c r="LS19" s="120">
        <v>0</v>
      </c>
      <c r="LT19" s="321">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0</v>
      </c>
      <c r="MK19" s="119">
        <v>0</v>
      </c>
      <c r="ML19" s="119">
        <v>1076348</v>
      </c>
      <c r="MM19" s="119">
        <v>1752703</v>
      </c>
      <c r="MN19" s="119">
        <v>1120255</v>
      </c>
      <c r="MO19" s="120">
        <v>3949306</v>
      </c>
      <c r="MP19" s="143">
        <v>3949306</v>
      </c>
      <c r="MQ19" s="142">
        <v>0</v>
      </c>
      <c r="MR19" s="119">
        <v>0</v>
      </c>
      <c r="MS19" s="120">
        <v>0</v>
      </c>
      <c r="MT19" s="145"/>
      <c r="MU19" s="119">
        <v>0</v>
      </c>
      <c r="MV19" s="119">
        <v>0</v>
      </c>
      <c r="MW19" s="119">
        <v>825027</v>
      </c>
      <c r="MX19" s="119">
        <v>918112</v>
      </c>
      <c r="MY19" s="119">
        <v>775403</v>
      </c>
      <c r="MZ19" s="120">
        <v>2518542</v>
      </c>
      <c r="NA19" s="143">
        <v>2518542</v>
      </c>
      <c r="NB19" s="142">
        <v>0</v>
      </c>
      <c r="NC19" s="119">
        <v>0</v>
      </c>
      <c r="ND19" s="120">
        <v>0</v>
      </c>
      <c r="NE19" s="145"/>
      <c r="NF19" s="119">
        <v>0</v>
      </c>
      <c r="NG19" s="119">
        <v>0</v>
      </c>
      <c r="NH19" s="119">
        <v>251321</v>
      </c>
      <c r="NI19" s="119">
        <v>834591</v>
      </c>
      <c r="NJ19" s="119">
        <v>344852</v>
      </c>
      <c r="NK19" s="120">
        <v>1430764</v>
      </c>
      <c r="NL19" s="321">
        <v>1430764</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506819</v>
      </c>
      <c r="OJ19" s="119">
        <v>656158</v>
      </c>
      <c r="OK19" s="141">
        <v>1162977</v>
      </c>
      <c r="OL19" s="118">
        <v>0</v>
      </c>
      <c r="OM19" s="119">
        <v>3834732</v>
      </c>
      <c r="ON19" s="119">
        <v>4760081</v>
      </c>
      <c r="OO19" s="119">
        <v>8563842</v>
      </c>
      <c r="OP19" s="119">
        <v>6813373</v>
      </c>
      <c r="OQ19" s="119">
        <v>5041128</v>
      </c>
      <c r="OR19" s="120">
        <v>29013156</v>
      </c>
      <c r="OS19" s="143">
        <v>30176133</v>
      </c>
    </row>
    <row r="20" spans="2:409" ht="20.25" customHeight="1" x14ac:dyDescent="0.2">
      <c r="B20" s="126" t="s">
        <v>15</v>
      </c>
      <c r="C20" s="110">
        <v>106280</v>
      </c>
      <c r="D20" s="114">
        <v>162446</v>
      </c>
      <c r="E20" s="113">
        <v>268726</v>
      </c>
      <c r="F20" s="109">
        <v>0</v>
      </c>
      <c r="G20" s="114">
        <v>1572224</v>
      </c>
      <c r="H20" s="114">
        <v>1250076</v>
      </c>
      <c r="I20" s="114">
        <v>1081695</v>
      </c>
      <c r="J20" s="114">
        <v>799078</v>
      </c>
      <c r="K20" s="114">
        <v>1005450</v>
      </c>
      <c r="L20" s="109">
        <v>5708523</v>
      </c>
      <c r="M20" s="116">
        <v>5977249</v>
      </c>
      <c r="N20" s="110">
        <v>0</v>
      </c>
      <c r="O20" s="114">
        <v>10626</v>
      </c>
      <c r="P20" s="113">
        <v>10626</v>
      </c>
      <c r="Q20" s="110">
        <v>0</v>
      </c>
      <c r="R20" s="114">
        <v>164899</v>
      </c>
      <c r="S20" s="114">
        <v>295364</v>
      </c>
      <c r="T20" s="114">
        <v>161176</v>
      </c>
      <c r="U20" s="114">
        <v>147967</v>
      </c>
      <c r="V20" s="114">
        <v>740647</v>
      </c>
      <c r="W20" s="113">
        <v>1510053</v>
      </c>
      <c r="X20" s="116">
        <v>1520679</v>
      </c>
      <c r="Y20" s="110">
        <v>0</v>
      </c>
      <c r="Z20" s="114">
        <v>0</v>
      </c>
      <c r="AA20" s="113">
        <v>0</v>
      </c>
      <c r="AB20" s="110">
        <v>0</v>
      </c>
      <c r="AC20" s="114">
        <v>104496</v>
      </c>
      <c r="AD20" s="114">
        <v>88802</v>
      </c>
      <c r="AE20" s="114">
        <v>0</v>
      </c>
      <c r="AF20" s="114">
        <v>7605</v>
      </c>
      <c r="AG20" s="114">
        <v>417035</v>
      </c>
      <c r="AH20" s="113">
        <v>617938</v>
      </c>
      <c r="AI20" s="116">
        <v>617938</v>
      </c>
      <c r="AJ20" s="110">
        <v>0</v>
      </c>
      <c r="AK20" s="114">
        <v>0</v>
      </c>
      <c r="AL20" s="113">
        <v>0</v>
      </c>
      <c r="AM20" s="110">
        <v>0</v>
      </c>
      <c r="AN20" s="114">
        <v>0</v>
      </c>
      <c r="AO20" s="114">
        <v>0</v>
      </c>
      <c r="AP20" s="114">
        <v>0</v>
      </c>
      <c r="AQ20" s="114">
        <v>0</v>
      </c>
      <c r="AR20" s="114">
        <v>131882</v>
      </c>
      <c r="AS20" s="113">
        <v>131882</v>
      </c>
      <c r="AT20" s="116">
        <v>131882</v>
      </c>
      <c r="AU20" s="110">
        <v>0</v>
      </c>
      <c r="AV20" s="114">
        <v>0</v>
      </c>
      <c r="AW20" s="113">
        <v>0</v>
      </c>
      <c r="AX20" s="110">
        <v>0</v>
      </c>
      <c r="AY20" s="114">
        <v>0</v>
      </c>
      <c r="AZ20" s="114">
        <v>106798</v>
      </c>
      <c r="BA20" s="114">
        <v>79963</v>
      </c>
      <c r="BB20" s="114">
        <v>109772</v>
      </c>
      <c r="BC20" s="114">
        <v>101601</v>
      </c>
      <c r="BD20" s="113">
        <v>398134</v>
      </c>
      <c r="BE20" s="116">
        <v>398134</v>
      </c>
      <c r="BF20" s="110">
        <v>0</v>
      </c>
      <c r="BG20" s="114">
        <v>0</v>
      </c>
      <c r="BH20" s="112">
        <v>0</v>
      </c>
      <c r="BI20" s="111">
        <v>0</v>
      </c>
      <c r="BJ20" s="114">
        <v>0</v>
      </c>
      <c r="BK20" s="114">
        <v>0</v>
      </c>
      <c r="BL20" s="114">
        <v>20404</v>
      </c>
      <c r="BM20" s="114">
        <v>0</v>
      </c>
      <c r="BN20" s="114">
        <v>27206</v>
      </c>
      <c r="BO20" s="113">
        <v>47610</v>
      </c>
      <c r="BP20" s="116">
        <v>47610</v>
      </c>
      <c r="BQ20" s="110">
        <v>0</v>
      </c>
      <c r="BR20" s="114">
        <v>10626</v>
      </c>
      <c r="BS20" s="113">
        <v>10626</v>
      </c>
      <c r="BT20" s="110">
        <v>0</v>
      </c>
      <c r="BU20" s="114">
        <v>60403</v>
      </c>
      <c r="BV20" s="114">
        <v>99764</v>
      </c>
      <c r="BW20" s="114">
        <v>60809</v>
      </c>
      <c r="BX20" s="114">
        <v>30590</v>
      </c>
      <c r="BY20" s="114">
        <v>62923</v>
      </c>
      <c r="BZ20" s="113">
        <v>314489</v>
      </c>
      <c r="CA20" s="116">
        <v>325115</v>
      </c>
      <c r="CB20" s="110">
        <v>0</v>
      </c>
      <c r="CC20" s="114">
        <v>34101</v>
      </c>
      <c r="CD20" s="113">
        <v>34101</v>
      </c>
      <c r="CE20" s="110">
        <v>0</v>
      </c>
      <c r="CF20" s="114">
        <v>262678</v>
      </c>
      <c r="CG20" s="114">
        <v>192346</v>
      </c>
      <c r="CH20" s="114">
        <v>307891</v>
      </c>
      <c r="CI20" s="114">
        <v>156603</v>
      </c>
      <c r="CJ20" s="114">
        <v>174762</v>
      </c>
      <c r="CK20" s="113">
        <v>1094280</v>
      </c>
      <c r="CL20" s="116">
        <v>1128381</v>
      </c>
      <c r="CM20" s="110">
        <v>0</v>
      </c>
      <c r="CN20" s="114">
        <v>0</v>
      </c>
      <c r="CO20" s="113">
        <v>0</v>
      </c>
      <c r="CP20" s="111">
        <v>0</v>
      </c>
      <c r="CQ20" s="114">
        <v>151476</v>
      </c>
      <c r="CR20" s="114">
        <v>60917</v>
      </c>
      <c r="CS20" s="114">
        <v>200758</v>
      </c>
      <c r="CT20" s="114">
        <v>93391</v>
      </c>
      <c r="CU20" s="114">
        <v>64556</v>
      </c>
      <c r="CV20" s="113">
        <v>571098</v>
      </c>
      <c r="CW20" s="116">
        <v>571098</v>
      </c>
      <c r="CX20" s="110">
        <v>0</v>
      </c>
      <c r="CY20" s="114">
        <v>34101</v>
      </c>
      <c r="CZ20" s="113">
        <v>34101</v>
      </c>
      <c r="DA20" s="110">
        <v>0</v>
      </c>
      <c r="DB20" s="114">
        <v>111202</v>
      </c>
      <c r="DC20" s="114">
        <v>131429</v>
      </c>
      <c r="DD20" s="114">
        <v>107133</v>
      </c>
      <c r="DE20" s="114">
        <v>63212</v>
      </c>
      <c r="DF20" s="114">
        <v>110206</v>
      </c>
      <c r="DG20" s="113">
        <v>523182</v>
      </c>
      <c r="DH20" s="116">
        <v>557283</v>
      </c>
      <c r="DI20" s="110">
        <v>0</v>
      </c>
      <c r="DJ20" s="114">
        <v>0</v>
      </c>
      <c r="DK20" s="112">
        <v>0</v>
      </c>
      <c r="DL20" s="111">
        <v>0</v>
      </c>
      <c r="DM20" s="114">
        <v>23232</v>
      </c>
      <c r="DN20" s="114">
        <v>46118</v>
      </c>
      <c r="DO20" s="114">
        <v>7411</v>
      </c>
      <c r="DP20" s="114">
        <v>314244</v>
      </c>
      <c r="DQ20" s="114">
        <v>0</v>
      </c>
      <c r="DR20" s="113">
        <v>391005</v>
      </c>
      <c r="DS20" s="116">
        <v>391005</v>
      </c>
      <c r="DT20" s="110">
        <v>0</v>
      </c>
      <c r="DU20" s="114">
        <v>0</v>
      </c>
      <c r="DV20" s="113">
        <v>0</v>
      </c>
      <c r="DW20" s="110">
        <v>0</v>
      </c>
      <c r="DX20" s="114">
        <v>23232</v>
      </c>
      <c r="DY20" s="114">
        <v>46118</v>
      </c>
      <c r="DZ20" s="114">
        <v>7411</v>
      </c>
      <c r="EA20" s="114">
        <v>314244</v>
      </c>
      <c r="EB20" s="114">
        <v>0</v>
      </c>
      <c r="EC20" s="113">
        <v>391005</v>
      </c>
      <c r="ED20" s="116">
        <v>391005</v>
      </c>
      <c r="EE20" s="110">
        <v>0</v>
      </c>
      <c r="EF20" s="112">
        <v>0</v>
      </c>
      <c r="EG20" s="113">
        <v>0</v>
      </c>
      <c r="EH20" s="110">
        <v>0</v>
      </c>
      <c r="EI20" s="114">
        <v>0</v>
      </c>
      <c r="EJ20" s="114">
        <v>0</v>
      </c>
      <c r="EK20" s="114">
        <v>0</v>
      </c>
      <c r="EL20" s="114">
        <v>0</v>
      </c>
      <c r="EM20" s="114">
        <v>0</v>
      </c>
      <c r="EN20" s="112">
        <v>0</v>
      </c>
      <c r="EO20" s="116">
        <v>0</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8"/>
      <c r="FE20" s="114">
        <v>0</v>
      </c>
      <c r="FF20" s="114">
        <v>0</v>
      </c>
      <c r="FG20" s="114">
        <v>0</v>
      </c>
      <c r="FH20" s="114">
        <v>0</v>
      </c>
      <c r="FI20" s="114">
        <v>0</v>
      </c>
      <c r="FJ20" s="113">
        <v>0</v>
      </c>
      <c r="FK20" s="116">
        <v>0</v>
      </c>
      <c r="FL20" s="110">
        <v>0</v>
      </c>
      <c r="FM20" s="114">
        <v>34895</v>
      </c>
      <c r="FN20" s="113">
        <v>34895</v>
      </c>
      <c r="FO20" s="110">
        <v>0</v>
      </c>
      <c r="FP20" s="114">
        <v>23226</v>
      </c>
      <c r="FQ20" s="114">
        <v>113218</v>
      </c>
      <c r="FR20" s="114">
        <v>71813</v>
      </c>
      <c r="FS20" s="114">
        <v>180264</v>
      </c>
      <c r="FT20" s="114">
        <v>90041</v>
      </c>
      <c r="FU20" s="113">
        <v>478562</v>
      </c>
      <c r="FV20" s="116">
        <v>513457</v>
      </c>
      <c r="FW20" s="115">
        <v>0</v>
      </c>
      <c r="FX20" s="114">
        <v>24500</v>
      </c>
      <c r="FY20" s="112">
        <v>24500</v>
      </c>
      <c r="FZ20" s="111">
        <v>0</v>
      </c>
      <c r="GA20" s="114">
        <v>23226</v>
      </c>
      <c r="GB20" s="114">
        <v>113218</v>
      </c>
      <c r="GC20" s="114">
        <v>71813</v>
      </c>
      <c r="GD20" s="114">
        <v>180264</v>
      </c>
      <c r="GE20" s="114">
        <v>90041</v>
      </c>
      <c r="GF20" s="113">
        <v>478562</v>
      </c>
      <c r="GG20" s="319">
        <v>503062</v>
      </c>
      <c r="GH20" s="115">
        <v>0</v>
      </c>
      <c r="GI20" s="114">
        <v>10395</v>
      </c>
      <c r="GJ20" s="112">
        <v>10395</v>
      </c>
      <c r="GK20" s="111">
        <v>0</v>
      </c>
      <c r="GL20" s="114">
        <v>0</v>
      </c>
      <c r="GM20" s="114">
        <v>0</v>
      </c>
      <c r="GN20" s="114">
        <v>0</v>
      </c>
      <c r="GO20" s="114">
        <v>0</v>
      </c>
      <c r="GP20" s="114">
        <v>0</v>
      </c>
      <c r="GQ20" s="113">
        <v>0</v>
      </c>
      <c r="GR20" s="116">
        <v>10395</v>
      </c>
      <c r="GS20" s="110">
        <v>0</v>
      </c>
      <c r="GT20" s="114">
        <v>0</v>
      </c>
      <c r="GU20" s="113">
        <v>0</v>
      </c>
      <c r="GV20" s="110">
        <v>0</v>
      </c>
      <c r="GW20" s="114">
        <v>0</v>
      </c>
      <c r="GX20" s="114">
        <v>0</v>
      </c>
      <c r="GY20" s="114">
        <v>0</v>
      </c>
      <c r="GZ20" s="114">
        <v>0</v>
      </c>
      <c r="HA20" s="114">
        <v>0</v>
      </c>
      <c r="HB20" s="112">
        <v>0</v>
      </c>
      <c r="HC20" s="116">
        <v>0</v>
      </c>
      <c r="HD20" s="110">
        <v>106280</v>
      </c>
      <c r="HE20" s="114">
        <v>82824</v>
      </c>
      <c r="HF20" s="112">
        <v>189104</v>
      </c>
      <c r="HG20" s="111">
        <v>0</v>
      </c>
      <c r="HH20" s="114">
        <v>1098189</v>
      </c>
      <c r="HI20" s="114">
        <v>603030</v>
      </c>
      <c r="HJ20" s="114">
        <v>533404</v>
      </c>
      <c r="HK20" s="114">
        <v>0</v>
      </c>
      <c r="HL20" s="114">
        <v>0</v>
      </c>
      <c r="HM20" s="113">
        <v>2234623</v>
      </c>
      <c r="HN20" s="109">
        <v>2423727</v>
      </c>
      <c r="HO20" s="329"/>
      <c r="HP20" s="330"/>
      <c r="HQ20" s="331"/>
      <c r="HR20" s="332"/>
      <c r="HS20" s="330"/>
      <c r="HT20" s="330"/>
      <c r="HU20" s="330"/>
      <c r="HV20" s="330"/>
      <c r="HW20" s="330"/>
      <c r="HX20" s="333"/>
      <c r="HY20" s="334"/>
      <c r="HZ20" s="150">
        <v>0</v>
      </c>
      <c r="IA20" s="135">
        <v>0</v>
      </c>
      <c r="IB20" s="150">
        <v>0</v>
      </c>
      <c r="IC20" s="134">
        <v>0</v>
      </c>
      <c r="ID20" s="135">
        <v>163178</v>
      </c>
      <c r="IE20" s="136">
        <v>674268</v>
      </c>
      <c r="IF20" s="137">
        <v>261247</v>
      </c>
      <c r="IG20" s="135">
        <v>658241</v>
      </c>
      <c r="IH20" s="137">
        <v>234943</v>
      </c>
      <c r="II20" s="138">
        <v>1991877</v>
      </c>
      <c r="IJ20" s="150">
        <v>1991877</v>
      </c>
      <c r="IK20" s="232">
        <v>0</v>
      </c>
      <c r="IL20" s="236">
        <v>0</v>
      </c>
      <c r="IM20" s="237">
        <v>0</v>
      </c>
      <c r="IN20" s="140"/>
      <c r="IO20" s="119">
        <v>0</v>
      </c>
      <c r="IP20" s="119">
        <v>105448</v>
      </c>
      <c r="IQ20" s="119">
        <v>0</v>
      </c>
      <c r="IR20" s="119">
        <v>0</v>
      </c>
      <c r="IS20" s="119">
        <v>0</v>
      </c>
      <c r="IT20" s="141">
        <v>105448</v>
      </c>
      <c r="IU20" s="321">
        <v>105448</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163178</v>
      </c>
      <c r="JL20" s="119">
        <v>356465</v>
      </c>
      <c r="JM20" s="119">
        <v>48690</v>
      </c>
      <c r="JN20" s="119">
        <v>190815</v>
      </c>
      <c r="JO20" s="119">
        <v>11466</v>
      </c>
      <c r="JP20" s="120">
        <v>770614</v>
      </c>
      <c r="JQ20" s="321">
        <v>770614</v>
      </c>
      <c r="JR20" s="142">
        <v>0</v>
      </c>
      <c r="JS20" s="119">
        <v>0</v>
      </c>
      <c r="JT20" s="141">
        <v>0</v>
      </c>
      <c r="JU20" s="118">
        <v>0</v>
      </c>
      <c r="JV20" s="119">
        <v>0</v>
      </c>
      <c r="JW20" s="119">
        <v>0</v>
      </c>
      <c r="JX20" s="119">
        <v>0</v>
      </c>
      <c r="JY20" s="119">
        <v>0</v>
      </c>
      <c r="JZ20" s="119">
        <v>0</v>
      </c>
      <c r="KA20" s="120">
        <v>0</v>
      </c>
      <c r="KB20" s="321">
        <v>0</v>
      </c>
      <c r="KC20" s="234">
        <v>0</v>
      </c>
      <c r="KD20" s="230">
        <v>0</v>
      </c>
      <c r="KE20" s="120">
        <v>0</v>
      </c>
      <c r="KF20" s="118">
        <v>0</v>
      </c>
      <c r="KG20" s="119">
        <v>0</v>
      </c>
      <c r="KH20" s="119">
        <v>0</v>
      </c>
      <c r="KI20" s="119">
        <v>0</v>
      </c>
      <c r="KJ20" s="119">
        <v>0</v>
      </c>
      <c r="KK20" s="119">
        <v>0</v>
      </c>
      <c r="KL20" s="120">
        <v>0</v>
      </c>
      <c r="KM20" s="143">
        <v>0</v>
      </c>
      <c r="KN20" s="232">
        <v>0</v>
      </c>
      <c r="KO20" s="236">
        <v>0</v>
      </c>
      <c r="KP20" s="237">
        <v>0</v>
      </c>
      <c r="KQ20" s="140"/>
      <c r="KR20" s="119">
        <v>0</v>
      </c>
      <c r="KS20" s="119">
        <v>212355</v>
      </c>
      <c r="KT20" s="119">
        <v>0</v>
      </c>
      <c r="KU20" s="119">
        <v>467426</v>
      </c>
      <c r="KV20" s="119">
        <v>223477</v>
      </c>
      <c r="KW20" s="120">
        <v>903258</v>
      </c>
      <c r="KX20" s="321">
        <v>903258</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212557</v>
      </c>
      <c r="LQ20" s="119">
        <v>0</v>
      </c>
      <c r="LR20" s="119">
        <v>0</v>
      </c>
      <c r="LS20" s="120">
        <v>212557</v>
      </c>
      <c r="LT20" s="321">
        <v>212557</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0</v>
      </c>
      <c r="MK20" s="119">
        <v>0</v>
      </c>
      <c r="ML20" s="119">
        <v>233181</v>
      </c>
      <c r="MM20" s="119">
        <v>736640</v>
      </c>
      <c r="MN20" s="119">
        <v>260572</v>
      </c>
      <c r="MO20" s="120">
        <v>1230393</v>
      </c>
      <c r="MP20" s="143">
        <v>1230393</v>
      </c>
      <c r="MQ20" s="142">
        <v>0</v>
      </c>
      <c r="MR20" s="119">
        <v>0</v>
      </c>
      <c r="MS20" s="120">
        <v>0</v>
      </c>
      <c r="MT20" s="145"/>
      <c r="MU20" s="119">
        <v>0</v>
      </c>
      <c r="MV20" s="119">
        <v>0</v>
      </c>
      <c r="MW20" s="119">
        <v>0</v>
      </c>
      <c r="MX20" s="119">
        <v>216157</v>
      </c>
      <c r="MY20" s="119">
        <v>260572</v>
      </c>
      <c r="MZ20" s="120">
        <v>476729</v>
      </c>
      <c r="NA20" s="143">
        <v>476729</v>
      </c>
      <c r="NB20" s="142">
        <v>0</v>
      </c>
      <c r="NC20" s="119">
        <v>0</v>
      </c>
      <c r="ND20" s="120">
        <v>0</v>
      </c>
      <c r="NE20" s="145"/>
      <c r="NF20" s="119">
        <v>0</v>
      </c>
      <c r="NG20" s="119">
        <v>0</v>
      </c>
      <c r="NH20" s="119">
        <v>233181</v>
      </c>
      <c r="NI20" s="119">
        <v>520483</v>
      </c>
      <c r="NJ20" s="119">
        <v>0</v>
      </c>
      <c r="NK20" s="120">
        <v>753664</v>
      </c>
      <c r="NL20" s="321">
        <v>753664</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106280</v>
      </c>
      <c r="OJ20" s="119">
        <v>162446</v>
      </c>
      <c r="OK20" s="141">
        <v>268726</v>
      </c>
      <c r="OL20" s="118">
        <v>0</v>
      </c>
      <c r="OM20" s="119">
        <v>1735402</v>
      </c>
      <c r="ON20" s="119">
        <v>1924344</v>
      </c>
      <c r="OO20" s="119">
        <v>1576123</v>
      </c>
      <c r="OP20" s="119">
        <v>2193959</v>
      </c>
      <c r="OQ20" s="119">
        <v>1500965</v>
      </c>
      <c r="OR20" s="120">
        <v>8930793</v>
      </c>
      <c r="OS20" s="143">
        <v>9199519</v>
      </c>
    </row>
    <row r="21" spans="2:409" ht="20.25" customHeight="1" x14ac:dyDescent="0.2">
      <c r="B21" s="126" t="s">
        <v>16</v>
      </c>
      <c r="C21" s="110">
        <v>425291</v>
      </c>
      <c r="D21" s="114">
        <v>757849</v>
      </c>
      <c r="E21" s="113">
        <v>1183140</v>
      </c>
      <c r="F21" s="109">
        <v>0</v>
      </c>
      <c r="G21" s="114">
        <v>3081180</v>
      </c>
      <c r="H21" s="114">
        <v>5371019</v>
      </c>
      <c r="I21" s="114">
        <v>3588674</v>
      </c>
      <c r="J21" s="114">
        <v>4071586</v>
      </c>
      <c r="K21" s="114">
        <v>2706642</v>
      </c>
      <c r="L21" s="109">
        <v>18819101</v>
      </c>
      <c r="M21" s="116">
        <v>20002241</v>
      </c>
      <c r="N21" s="110">
        <v>61258</v>
      </c>
      <c r="O21" s="114">
        <v>99143</v>
      </c>
      <c r="P21" s="113">
        <v>160401</v>
      </c>
      <c r="Q21" s="110">
        <v>0</v>
      </c>
      <c r="R21" s="114">
        <v>394406</v>
      </c>
      <c r="S21" s="114">
        <v>1088816</v>
      </c>
      <c r="T21" s="114">
        <v>860544</v>
      </c>
      <c r="U21" s="114">
        <v>807966</v>
      </c>
      <c r="V21" s="114">
        <v>815554</v>
      </c>
      <c r="W21" s="113">
        <v>3967286</v>
      </c>
      <c r="X21" s="116">
        <v>4127687</v>
      </c>
      <c r="Y21" s="110">
        <v>0</v>
      </c>
      <c r="Z21" s="114">
        <v>0</v>
      </c>
      <c r="AA21" s="113">
        <v>0</v>
      </c>
      <c r="AB21" s="110">
        <v>0</v>
      </c>
      <c r="AC21" s="114">
        <v>154872</v>
      </c>
      <c r="AD21" s="114">
        <v>503681</v>
      </c>
      <c r="AE21" s="114">
        <v>377325</v>
      </c>
      <c r="AF21" s="114">
        <v>325669</v>
      </c>
      <c r="AG21" s="114">
        <v>215147</v>
      </c>
      <c r="AH21" s="113">
        <v>1576694</v>
      </c>
      <c r="AI21" s="116">
        <v>1576694</v>
      </c>
      <c r="AJ21" s="110">
        <v>0</v>
      </c>
      <c r="AK21" s="114">
        <v>0</v>
      </c>
      <c r="AL21" s="113">
        <v>0</v>
      </c>
      <c r="AM21" s="110">
        <v>0</v>
      </c>
      <c r="AN21" s="114">
        <v>0</v>
      </c>
      <c r="AO21" s="114">
        <v>60735</v>
      </c>
      <c r="AP21" s="114">
        <v>19722</v>
      </c>
      <c r="AQ21" s="114">
        <v>0</v>
      </c>
      <c r="AR21" s="114">
        <v>268925</v>
      </c>
      <c r="AS21" s="113">
        <v>349382</v>
      </c>
      <c r="AT21" s="116">
        <v>349382</v>
      </c>
      <c r="AU21" s="110">
        <v>15002</v>
      </c>
      <c r="AV21" s="114">
        <v>52733</v>
      </c>
      <c r="AW21" s="113">
        <v>67735</v>
      </c>
      <c r="AX21" s="110">
        <v>0</v>
      </c>
      <c r="AY21" s="114">
        <v>84134</v>
      </c>
      <c r="AZ21" s="114">
        <v>388243</v>
      </c>
      <c r="BA21" s="114">
        <v>208348</v>
      </c>
      <c r="BB21" s="114">
        <v>261482</v>
      </c>
      <c r="BC21" s="114">
        <v>132003</v>
      </c>
      <c r="BD21" s="113">
        <v>1074210</v>
      </c>
      <c r="BE21" s="116">
        <v>1141945</v>
      </c>
      <c r="BF21" s="110">
        <v>0</v>
      </c>
      <c r="BG21" s="114">
        <v>0</v>
      </c>
      <c r="BH21" s="112">
        <v>0</v>
      </c>
      <c r="BI21" s="111">
        <v>0</v>
      </c>
      <c r="BJ21" s="114">
        <v>0</v>
      </c>
      <c r="BK21" s="114">
        <v>0</v>
      </c>
      <c r="BL21" s="114">
        <v>82459</v>
      </c>
      <c r="BM21" s="114">
        <v>27650</v>
      </c>
      <c r="BN21" s="114">
        <v>0</v>
      </c>
      <c r="BO21" s="113">
        <v>110109</v>
      </c>
      <c r="BP21" s="116">
        <v>110109</v>
      </c>
      <c r="BQ21" s="110">
        <v>46256</v>
      </c>
      <c r="BR21" s="114">
        <v>46410</v>
      </c>
      <c r="BS21" s="113">
        <v>92666</v>
      </c>
      <c r="BT21" s="110">
        <v>0</v>
      </c>
      <c r="BU21" s="114">
        <v>155400</v>
      </c>
      <c r="BV21" s="114">
        <v>136157</v>
      </c>
      <c r="BW21" s="114">
        <v>172690</v>
      </c>
      <c r="BX21" s="114">
        <v>193165</v>
      </c>
      <c r="BY21" s="114">
        <v>199479</v>
      </c>
      <c r="BZ21" s="113">
        <v>856891</v>
      </c>
      <c r="CA21" s="116">
        <v>949557</v>
      </c>
      <c r="CB21" s="110">
        <v>73218</v>
      </c>
      <c r="CC21" s="114">
        <v>168162</v>
      </c>
      <c r="CD21" s="113">
        <v>241380</v>
      </c>
      <c r="CE21" s="110">
        <v>0</v>
      </c>
      <c r="CF21" s="114">
        <v>1003307</v>
      </c>
      <c r="CG21" s="114">
        <v>2391669</v>
      </c>
      <c r="CH21" s="114">
        <v>818145</v>
      </c>
      <c r="CI21" s="114">
        <v>494227</v>
      </c>
      <c r="CJ21" s="114">
        <v>56914</v>
      </c>
      <c r="CK21" s="113">
        <v>4764262</v>
      </c>
      <c r="CL21" s="116">
        <v>5005642</v>
      </c>
      <c r="CM21" s="110">
        <v>0</v>
      </c>
      <c r="CN21" s="114">
        <v>0</v>
      </c>
      <c r="CO21" s="113">
        <v>0</v>
      </c>
      <c r="CP21" s="111">
        <v>0</v>
      </c>
      <c r="CQ21" s="114">
        <v>615485</v>
      </c>
      <c r="CR21" s="114">
        <v>1592646</v>
      </c>
      <c r="CS21" s="114">
        <v>345907</v>
      </c>
      <c r="CT21" s="114">
        <v>421521</v>
      </c>
      <c r="CU21" s="114">
        <v>56914</v>
      </c>
      <c r="CV21" s="113">
        <v>3032473</v>
      </c>
      <c r="CW21" s="116">
        <v>3032473</v>
      </c>
      <c r="CX21" s="110">
        <v>73218</v>
      </c>
      <c r="CY21" s="114">
        <v>168162</v>
      </c>
      <c r="CZ21" s="113">
        <v>241380</v>
      </c>
      <c r="DA21" s="110">
        <v>0</v>
      </c>
      <c r="DB21" s="114">
        <v>387822</v>
      </c>
      <c r="DC21" s="114">
        <v>799023</v>
      </c>
      <c r="DD21" s="114">
        <v>472238</v>
      </c>
      <c r="DE21" s="114">
        <v>72706</v>
      </c>
      <c r="DF21" s="114">
        <v>0</v>
      </c>
      <c r="DG21" s="113">
        <v>1731789</v>
      </c>
      <c r="DH21" s="116">
        <v>1973169</v>
      </c>
      <c r="DI21" s="110">
        <v>0</v>
      </c>
      <c r="DJ21" s="114">
        <v>0</v>
      </c>
      <c r="DK21" s="112">
        <v>0</v>
      </c>
      <c r="DL21" s="111">
        <v>0</v>
      </c>
      <c r="DM21" s="114">
        <v>100131</v>
      </c>
      <c r="DN21" s="114">
        <v>137812</v>
      </c>
      <c r="DO21" s="114">
        <v>170302</v>
      </c>
      <c r="DP21" s="114">
        <v>156730</v>
      </c>
      <c r="DQ21" s="114">
        <v>23268</v>
      </c>
      <c r="DR21" s="113">
        <v>588243</v>
      </c>
      <c r="DS21" s="116">
        <v>588243</v>
      </c>
      <c r="DT21" s="110">
        <v>0</v>
      </c>
      <c r="DU21" s="114">
        <v>0</v>
      </c>
      <c r="DV21" s="113">
        <v>0</v>
      </c>
      <c r="DW21" s="110">
        <v>0</v>
      </c>
      <c r="DX21" s="114">
        <v>86705</v>
      </c>
      <c r="DY21" s="114">
        <v>137812</v>
      </c>
      <c r="DZ21" s="114">
        <v>144199</v>
      </c>
      <c r="EA21" s="114">
        <v>156730</v>
      </c>
      <c r="EB21" s="114">
        <v>23268</v>
      </c>
      <c r="EC21" s="113">
        <v>548714</v>
      </c>
      <c r="ED21" s="116">
        <v>548714</v>
      </c>
      <c r="EE21" s="110">
        <v>0</v>
      </c>
      <c r="EF21" s="112">
        <v>0</v>
      </c>
      <c r="EG21" s="113">
        <v>0</v>
      </c>
      <c r="EH21" s="110">
        <v>0</v>
      </c>
      <c r="EI21" s="114">
        <v>13426</v>
      </c>
      <c r="EJ21" s="114">
        <v>0</v>
      </c>
      <c r="EK21" s="114">
        <v>26103</v>
      </c>
      <c r="EL21" s="114">
        <v>0</v>
      </c>
      <c r="EM21" s="114">
        <v>0</v>
      </c>
      <c r="EN21" s="112">
        <v>39529</v>
      </c>
      <c r="EO21" s="116">
        <v>39529</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8"/>
      <c r="FE21" s="114">
        <v>0</v>
      </c>
      <c r="FF21" s="114">
        <v>0</v>
      </c>
      <c r="FG21" s="114">
        <v>0</v>
      </c>
      <c r="FH21" s="114">
        <v>0</v>
      </c>
      <c r="FI21" s="114">
        <v>0</v>
      </c>
      <c r="FJ21" s="113">
        <v>0</v>
      </c>
      <c r="FK21" s="116">
        <v>0</v>
      </c>
      <c r="FL21" s="110">
        <v>74860</v>
      </c>
      <c r="FM21" s="114">
        <v>207813</v>
      </c>
      <c r="FN21" s="113">
        <v>282673</v>
      </c>
      <c r="FO21" s="110">
        <v>0</v>
      </c>
      <c r="FP21" s="114">
        <v>55818</v>
      </c>
      <c r="FQ21" s="114">
        <v>441904</v>
      </c>
      <c r="FR21" s="114">
        <v>275221</v>
      </c>
      <c r="FS21" s="114">
        <v>198604</v>
      </c>
      <c r="FT21" s="114">
        <v>185766</v>
      </c>
      <c r="FU21" s="113">
        <v>1157313</v>
      </c>
      <c r="FV21" s="116">
        <v>1439986</v>
      </c>
      <c r="FW21" s="115">
        <v>39760</v>
      </c>
      <c r="FX21" s="114">
        <v>100086</v>
      </c>
      <c r="FY21" s="112">
        <v>139846</v>
      </c>
      <c r="FZ21" s="111">
        <v>0</v>
      </c>
      <c r="GA21" s="114">
        <v>55818</v>
      </c>
      <c r="GB21" s="114">
        <v>441904</v>
      </c>
      <c r="GC21" s="114">
        <v>238770</v>
      </c>
      <c r="GD21" s="114">
        <v>198604</v>
      </c>
      <c r="GE21" s="114">
        <v>185766</v>
      </c>
      <c r="GF21" s="113">
        <v>1120862</v>
      </c>
      <c r="GG21" s="319">
        <v>1260708</v>
      </c>
      <c r="GH21" s="115">
        <v>0</v>
      </c>
      <c r="GI21" s="114">
        <v>0</v>
      </c>
      <c r="GJ21" s="112">
        <v>0</v>
      </c>
      <c r="GK21" s="111">
        <v>0</v>
      </c>
      <c r="GL21" s="114">
        <v>0</v>
      </c>
      <c r="GM21" s="114">
        <v>0</v>
      </c>
      <c r="GN21" s="114">
        <v>0</v>
      </c>
      <c r="GO21" s="114">
        <v>0</v>
      </c>
      <c r="GP21" s="114">
        <v>0</v>
      </c>
      <c r="GQ21" s="113">
        <v>0</v>
      </c>
      <c r="GR21" s="116">
        <v>0</v>
      </c>
      <c r="GS21" s="110">
        <v>35100</v>
      </c>
      <c r="GT21" s="114">
        <v>107727</v>
      </c>
      <c r="GU21" s="113">
        <v>142827</v>
      </c>
      <c r="GV21" s="110">
        <v>0</v>
      </c>
      <c r="GW21" s="114">
        <v>0</v>
      </c>
      <c r="GX21" s="114">
        <v>0</v>
      </c>
      <c r="GY21" s="114">
        <v>36451</v>
      </c>
      <c r="GZ21" s="114">
        <v>0</v>
      </c>
      <c r="HA21" s="114">
        <v>0</v>
      </c>
      <c r="HB21" s="112">
        <v>36451</v>
      </c>
      <c r="HC21" s="116">
        <v>179278</v>
      </c>
      <c r="HD21" s="110">
        <v>215955</v>
      </c>
      <c r="HE21" s="114">
        <v>282731</v>
      </c>
      <c r="HF21" s="112">
        <v>498686</v>
      </c>
      <c r="HG21" s="111">
        <v>0</v>
      </c>
      <c r="HH21" s="114">
        <v>1527518</v>
      </c>
      <c r="HI21" s="114">
        <v>1310818</v>
      </c>
      <c r="HJ21" s="114">
        <v>1464462</v>
      </c>
      <c r="HK21" s="114">
        <v>2414059</v>
      </c>
      <c r="HL21" s="114">
        <v>1625140</v>
      </c>
      <c r="HM21" s="113">
        <v>8341997</v>
      </c>
      <c r="HN21" s="109">
        <v>8840683</v>
      </c>
      <c r="HO21" s="329"/>
      <c r="HP21" s="330"/>
      <c r="HQ21" s="331"/>
      <c r="HR21" s="332"/>
      <c r="HS21" s="330"/>
      <c r="HT21" s="330"/>
      <c r="HU21" s="330"/>
      <c r="HV21" s="330"/>
      <c r="HW21" s="330"/>
      <c r="HX21" s="333"/>
      <c r="HY21" s="334"/>
      <c r="HZ21" s="131">
        <v>0</v>
      </c>
      <c r="IA21" s="132">
        <v>0</v>
      </c>
      <c r="IB21" s="133">
        <v>0</v>
      </c>
      <c r="IC21" s="146">
        <v>0</v>
      </c>
      <c r="ID21" s="132">
        <v>686238</v>
      </c>
      <c r="IE21" s="147">
        <v>314031</v>
      </c>
      <c r="IF21" s="133">
        <v>776632</v>
      </c>
      <c r="IG21" s="132">
        <v>220428</v>
      </c>
      <c r="IH21" s="133">
        <v>1257293</v>
      </c>
      <c r="II21" s="148">
        <v>3254622</v>
      </c>
      <c r="IJ21" s="139">
        <v>3254622</v>
      </c>
      <c r="IK21" s="232">
        <v>0</v>
      </c>
      <c r="IL21" s="236">
        <v>0</v>
      </c>
      <c r="IM21" s="237">
        <v>0</v>
      </c>
      <c r="IN21" s="140"/>
      <c r="IO21" s="119">
        <v>0</v>
      </c>
      <c r="IP21" s="119">
        <v>0</v>
      </c>
      <c r="IQ21" s="119">
        <v>0</v>
      </c>
      <c r="IR21" s="119">
        <v>0</v>
      </c>
      <c r="IS21" s="119">
        <v>552417</v>
      </c>
      <c r="IT21" s="141">
        <v>552417</v>
      </c>
      <c r="IU21" s="321">
        <v>552417</v>
      </c>
      <c r="IV21" s="142">
        <v>0</v>
      </c>
      <c r="IW21" s="119">
        <v>0</v>
      </c>
      <c r="IX21" s="120">
        <v>0</v>
      </c>
      <c r="IY21" s="144"/>
      <c r="IZ21" s="119">
        <v>0</v>
      </c>
      <c r="JA21" s="119">
        <v>0</v>
      </c>
      <c r="JB21" s="119">
        <v>19117</v>
      </c>
      <c r="JC21" s="119">
        <v>0</v>
      </c>
      <c r="JD21" s="119">
        <v>0</v>
      </c>
      <c r="JE21" s="120">
        <v>19117</v>
      </c>
      <c r="JF21" s="121">
        <v>19117</v>
      </c>
      <c r="JG21" s="142">
        <v>0</v>
      </c>
      <c r="JH21" s="119">
        <v>0</v>
      </c>
      <c r="JI21" s="141">
        <v>0</v>
      </c>
      <c r="JJ21" s="118">
        <v>0</v>
      </c>
      <c r="JK21" s="119">
        <v>240337</v>
      </c>
      <c r="JL21" s="119">
        <v>171971</v>
      </c>
      <c r="JM21" s="119">
        <v>231359</v>
      </c>
      <c r="JN21" s="119">
        <v>0</v>
      </c>
      <c r="JO21" s="119">
        <v>233942</v>
      </c>
      <c r="JP21" s="120">
        <v>877609</v>
      </c>
      <c r="JQ21" s="321">
        <v>877609</v>
      </c>
      <c r="JR21" s="142">
        <v>0</v>
      </c>
      <c r="JS21" s="119">
        <v>0</v>
      </c>
      <c r="JT21" s="141">
        <v>0</v>
      </c>
      <c r="JU21" s="118">
        <v>0</v>
      </c>
      <c r="JV21" s="119">
        <v>0</v>
      </c>
      <c r="JW21" s="119">
        <v>142060</v>
      </c>
      <c r="JX21" s="119">
        <v>84688</v>
      </c>
      <c r="JY21" s="119">
        <v>0</v>
      </c>
      <c r="JZ21" s="119">
        <v>0</v>
      </c>
      <c r="KA21" s="120">
        <v>226748</v>
      </c>
      <c r="KB21" s="321">
        <v>226748</v>
      </c>
      <c r="KC21" s="234">
        <v>0</v>
      </c>
      <c r="KD21" s="230">
        <v>0</v>
      </c>
      <c r="KE21" s="120">
        <v>0</v>
      </c>
      <c r="KF21" s="118">
        <v>0</v>
      </c>
      <c r="KG21" s="119">
        <v>44303</v>
      </c>
      <c r="KH21" s="119">
        <v>0</v>
      </c>
      <c r="KI21" s="119">
        <v>0</v>
      </c>
      <c r="KJ21" s="119">
        <v>0</v>
      </c>
      <c r="KK21" s="119">
        <v>247213</v>
      </c>
      <c r="KL21" s="120">
        <v>291516</v>
      </c>
      <c r="KM21" s="143">
        <v>291516</v>
      </c>
      <c r="KN21" s="232">
        <v>0</v>
      </c>
      <c r="KO21" s="236">
        <v>0</v>
      </c>
      <c r="KP21" s="237">
        <v>0</v>
      </c>
      <c r="KQ21" s="140"/>
      <c r="KR21" s="119">
        <v>401598</v>
      </c>
      <c r="KS21" s="119">
        <v>0</v>
      </c>
      <c r="KT21" s="119">
        <v>441468</v>
      </c>
      <c r="KU21" s="119">
        <v>220428</v>
      </c>
      <c r="KV21" s="119">
        <v>223721</v>
      </c>
      <c r="KW21" s="120">
        <v>1287215</v>
      </c>
      <c r="KX21" s="321">
        <v>1287215</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21">
        <v>0</v>
      </c>
      <c r="LU21" s="142">
        <v>0</v>
      </c>
      <c r="LV21" s="119">
        <v>0</v>
      </c>
      <c r="LW21" s="120">
        <v>0</v>
      </c>
      <c r="LX21" s="145"/>
      <c r="LY21" s="119">
        <v>0</v>
      </c>
      <c r="LZ21" s="119">
        <v>0</v>
      </c>
      <c r="MA21" s="119">
        <v>0</v>
      </c>
      <c r="MB21" s="119">
        <v>0</v>
      </c>
      <c r="MC21" s="119">
        <v>0</v>
      </c>
      <c r="MD21" s="120">
        <v>0</v>
      </c>
      <c r="ME21" s="121">
        <v>0</v>
      </c>
      <c r="MF21" s="142">
        <v>0</v>
      </c>
      <c r="MG21" s="119">
        <v>0</v>
      </c>
      <c r="MH21" s="120">
        <v>0</v>
      </c>
      <c r="MI21" s="145"/>
      <c r="MJ21" s="119">
        <v>423149</v>
      </c>
      <c r="MK21" s="119">
        <v>608223</v>
      </c>
      <c r="ML21" s="119">
        <v>1916033</v>
      </c>
      <c r="MM21" s="119">
        <v>3727019</v>
      </c>
      <c r="MN21" s="119">
        <v>1029692</v>
      </c>
      <c r="MO21" s="120">
        <v>7704116</v>
      </c>
      <c r="MP21" s="143">
        <v>7704116</v>
      </c>
      <c r="MQ21" s="142">
        <v>0</v>
      </c>
      <c r="MR21" s="119">
        <v>0</v>
      </c>
      <c r="MS21" s="120">
        <v>0</v>
      </c>
      <c r="MT21" s="145"/>
      <c r="MU21" s="119">
        <v>0</v>
      </c>
      <c r="MV21" s="119">
        <v>0</v>
      </c>
      <c r="MW21" s="119">
        <v>1201406</v>
      </c>
      <c r="MX21" s="119">
        <v>1675540</v>
      </c>
      <c r="MY21" s="119">
        <v>253879</v>
      </c>
      <c r="MZ21" s="120">
        <v>3130825</v>
      </c>
      <c r="NA21" s="143">
        <v>3130825</v>
      </c>
      <c r="NB21" s="142">
        <v>0</v>
      </c>
      <c r="NC21" s="119">
        <v>0</v>
      </c>
      <c r="ND21" s="120">
        <v>0</v>
      </c>
      <c r="NE21" s="145"/>
      <c r="NF21" s="119">
        <v>423149</v>
      </c>
      <c r="NG21" s="119">
        <v>608223</v>
      </c>
      <c r="NH21" s="119">
        <v>714627</v>
      </c>
      <c r="NI21" s="119">
        <v>1394432</v>
      </c>
      <c r="NJ21" s="119">
        <v>775813</v>
      </c>
      <c r="NK21" s="120">
        <v>3916244</v>
      </c>
      <c r="NL21" s="321">
        <v>3916244</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0</v>
      </c>
      <c r="OE21" s="119">
        <v>657047</v>
      </c>
      <c r="OF21" s="119">
        <v>0</v>
      </c>
      <c r="OG21" s="120">
        <v>657047</v>
      </c>
      <c r="OH21" s="121">
        <v>657047</v>
      </c>
      <c r="OI21" s="142">
        <v>425291</v>
      </c>
      <c r="OJ21" s="119">
        <v>757849</v>
      </c>
      <c r="OK21" s="141">
        <v>1183140</v>
      </c>
      <c r="OL21" s="118">
        <v>0</v>
      </c>
      <c r="OM21" s="119">
        <v>4190567</v>
      </c>
      <c r="ON21" s="119">
        <v>6293273</v>
      </c>
      <c r="OO21" s="119">
        <v>6281339</v>
      </c>
      <c r="OP21" s="119">
        <v>8019033</v>
      </c>
      <c r="OQ21" s="119">
        <v>4993627</v>
      </c>
      <c r="OR21" s="120">
        <v>29777839</v>
      </c>
      <c r="OS21" s="143">
        <v>30960979</v>
      </c>
    </row>
    <row r="22" spans="2:409" ht="20.25" customHeight="1" x14ac:dyDescent="0.2">
      <c r="B22" s="126" t="s">
        <v>17</v>
      </c>
      <c r="C22" s="110">
        <v>360639</v>
      </c>
      <c r="D22" s="114">
        <v>913398</v>
      </c>
      <c r="E22" s="113">
        <v>1274037</v>
      </c>
      <c r="F22" s="109">
        <v>0</v>
      </c>
      <c r="G22" s="114">
        <v>3724569</v>
      </c>
      <c r="H22" s="114">
        <v>5330367</v>
      </c>
      <c r="I22" s="114">
        <v>5413014</v>
      </c>
      <c r="J22" s="114">
        <v>5760502</v>
      </c>
      <c r="K22" s="114">
        <v>4807225</v>
      </c>
      <c r="L22" s="109">
        <v>25035677</v>
      </c>
      <c r="M22" s="116">
        <v>26309714</v>
      </c>
      <c r="N22" s="110">
        <v>146811</v>
      </c>
      <c r="O22" s="114">
        <v>307027</v>
      </c>
      <c r="P22" s="113">
        <v>453838</v>
      </c>
      <c r="Q22" s="110">
        <v>0</v>
      </c>
      <c r="R22" s="114">
        <v>832946</v>
      </c>
      <c r="S22" s="114">
        <v>1551808</v>
      </c>
      <c r="T22" s="114">
        <v>1541908</v>
      </c>
      <c r="U22" s="114">
        <v>1463962</v>
      </c>
      <c r="V22" s="114">
        <v>2440102</v>
      </c>
      <c r="W22" s="113">
        <v>7830726</v>
      </c>
      <c r="X22" s="116">
        <v>8284564</v>
      </c>
      <c r="Y22" s="110">
        <v>0</v>
      </c>
      <c r="Z22" s="114">
        <v>0</v>
      </c>
      <c r="AA22" s="113">
        <v>0</v>
      </c>
      <c r="AB22" s="110">
        <v>0</v>
      </c>
      <c r="AC22" s="114">
        <v>200121</v>
      </c>
      <c r="AD22" s="114">
        <v>566750</v>
      </c>
      <c r="AE22" s="114">
        <v>813832</v>
      </c>
      <c r="AF22" s="114">
        <v>702400</v>
      </c>
      <c r="AG22" s="114">
        <v>1647450</v>
      </c>
      <c r="AH22" s="113">
        <v>3930553</v>
      </c>
      <c r="AI22" s="116">
        <v>3930553</v>
      </c>
      <c r="AJ22" s="110">
        <v>0</v>
      </c>
      <c r="AK22" s="114">
        <v>0</v>
      </c>
      <c r="AL22" s="113">
        <v>0</v>
      </c>
      <c r="AM22" s="110">
        <v>0</v>
      </c>
      <c r="AN22" s="114">
        <v>0</v>
      </c>
      <c r="AO22" s="114">
        <v>22125</v>
      </c>
      <c r="AP22" s="114">
        <v>40845</v>
      </c>
      <c r="AQ22" s="114">
        <v>92328</v>
      </c>
      <c r="AR22" s="114">
        <v>187413</v>
      </c>
      <c r="AS22" s="113">
        <v>342711</v>
      </c>
      <c r="AT22" s="116">
        <v>342711</v>
      </c>
      <c r="AU22" s="110">
        <v>113512</v>
      </c>
      <c r="AV22" s="114">
        <v>234318</v>
      </c>
      <c r="AW22" s="113">
        <v>347830</v>
      </c>
      <c r="AX22" s="110">
        <v>0</v>
      </c>
      <c r="AY22" s="114">
        <v>430189</v>
      </c>
      <c r="AZ22" s="114">
        <v>701111</v>
      </c>
      <c r="BA22" s="114">
        <v>410954</v>
      </c>
      <c r="BB22" s="114">
        <v>343408</v>
      </c>
      <c r="BC22" s="114">
        <v>355871</v>
      </c>
      <c r="BD22" s="113">
        <v>2241533</v>
      </c>
      <c r="BE22" s="116">
        <v>2589363</v>
      </c>
      <c r="BF22" s="110">
        <v>0</v>
      </c>
      <c r="BG22" s="114">
        <v>0</v>
      </c>
      <c r="BH22" s="112">
        <v>0</v>
      </c>
      <c r="BI22" s="111">
        <v>0</v>
      </c>
      <c r="BJ22" s="114">
        <v>0</v>
      </c>
      <c r="BK22" s="114">
        <v>32698</v>
      </c>
      <c r="BL22" s="114">
        <v>41294</v>
      </c>
      <c r="BM22" s="114">
        <v>24945</v>
      </c>
      <c r="BN22" s="114">
        <v>0</v>
      </c>
      <c r="BO22" s="113">
        <v>98937</v>
      </c>
      <c r="BP22" s="116">
        <v>98937</v>
      </c>
      <c r="BQ22" s="110">
        <v>33299</v>
      </c>
      <c r="BR22" s="114">
        <v>72709</v>
      </c>
      <c r="BS22" s="113">
        <v>106008</v>
      </c>
      <c r="BT22" s="110">
        <v>0</v>
      </c>
      <c r="BU22" s="114">
        <v>202636</v>
      </c>
      <c r="BV22" s="114">
        <v>229124</v>
      </c>
      <c r="BW22" s="114">
        <v>234983</v>
      </c>
      <c r="BX22" s="114">
        <v>300881</v>
      </c>
      <c r="BY22" s="114">
        <v>249368</v>
      </c>
      <c r="BZ22" s="113">
        <v>1216992</v>
      </c>
      <c r="CA22" s="116">
        <v>1323000</v>
      </c>
      <c r="CB22" s="110">
        <v>55462</v>
      </c>
      <c r="CC22" s="114">
        <v>132770</v>
      </c>
      <c r="CD22" s="113">
        <v>188232</v>
      </c>
      <c r="CE22" s="110">
        <v>0</v>
      </c>
      <c r="CF22" s="114">
        <v>1223192</v>
      </c>
      <c r="CG22" s="114">
        <v>2107302</v>
      </c>
      <c r="CH22" s="114">
        <v>1370618</v>
      </c>
      <c r="CI22" s="114">
        <v>618118</v>
      </c>
      <c r="CJ22" s="114">
        <v>185617</v>
      </c>
      <c r="CK22" s="113">
        <v>5504847</v>
      </c>
      <c r="CL22" s="116">
        <v>5693079</v>
      </c>
      <c r="CM22" s="110">
        <v>0</v>
      </c>
      <c r="CN22" s="114">
        <v>0</v>
      </c>
      <c r="CO22" s="113">
        <v>0</v>
      </c>
      <c r="CP22" s="111">
        <v>0</v>
      </c>
      <c r="CQ22" s="114">
        <v>926623</v>
      </c>
      <c r="CR22" s="114">
        <v>1867789</v>
      </c>
      <c r="CS22" s="114">
        <v>1171565</v>
      </c>
      <c r="CT22" s="114">
        <v>541178</v>
      </c>
      <c r="CU22" s="114">
        <v>173094</v>
      </c>
      <c r="CV22" s="113">
        <v>4680249</v>
      </c>
      <c r="CW22" s="116">
        <v>4680249</v>
      </c>
      <c r="CX22" s="110">
        <v>55462</v>
      </c>
      <c r="CY22" s="114">
        <v>132770</v>
      </c>
      <c r="CZ22" s="113">
        <v>188232</v>
      </c>
      <c r="DA22" s="110">
        <v>0</v>
      </c>
      <c r="DB22" s="114">
        <v>296569</v>
      </c>
      <c r="DC22" s="114">
        <v>239513</v>
      </c>
      <c r="DD22" s="114">
        <v>199053</v>
      </c>
      <c r="DE22" s="114">
        <v>76940</v>
      </c>
      <c r="DF22" s="114">
        <v>12523</v>
      </c>
      <c r="DG22" s="113">
        <v>824598</v>
      </c>
      <c r="DH22" s="116">
        <v>1012830</v>
      </c>
      <c r="DI22" s="110">
        <v>0</v>
      </c>
      <c r="DJ22" s="114">
        <v>0</v>
      </c>
      <c r="DK22" s="112">
        <v>0</v>
      </c>
      <c r="DL22" s="111">
        <v>0</v>
      </c>
      <c r="DM22" s="114">
        <v>222059</v>
      </c>
      <c r="DN22" s="114">
        <v>321623</v>
      </c>
      <c r="DO22" s="114">
        <v>632331</v>
      </c>
      <c r="DP22" s="114">
        <v>747417</v>
      </c>
      <c r="DQ22" s="114">
        <v>203897</v>
      </c>
      <c r="DR22" s="113">
        <v>2127327</v>
      </c>
      <c r="DS22" s="116">
        <v>2127327</v>
      </c>
      <c r="DT22" s="110">
        <v>0</v>
      </c>
      <c r="DU22" s="114">
        <v>0</v>
      </c>
      <c r="DV22" s="113">
        <v>0</v>
      </c>
      <c r="DW22" s="110">
        <v>0</v>
      </c>
      <c r="DX22" s="114">
        <v>184823</v>
      </c>
      <c r="DY22" s="114">
        <v>321623</v>
      </c>
      <c r="DZ22" s="114">
        <v>632331</v>
      </c>
      <c r="EA22" s="114">
        <v>693492</v>
      </c>
      <c r="EB22" s="114">
        <v>203897</v>
      </c>
      <c r="EC22" s="113">
        <v>2036166</v>
      </c>
      <c r="ED22" s="116">
        <v>2036166</v>
      </c>
      <c r="EE22" s="110">
        <v>0</v>
      </c>
      <c r="EF22" s="112">
        <v>0</v>
      </c>
      <c r="EG22" s="113">
        <v>0</v>
      </c>
      <c r="EH22" s="110">
        <v>0</v>
      </c>
      <c r="EI22" s="114">
        <v>37236</v>
      </c>
      <c r="EJ22" s="114">
        <v>0</v>
      </c>
      <c r="EK22" s="114">
        <v>0</v>
      </c>
      <c r="EL22" s="114">
        <v>53925</v>
      </c>
      <c r="EM22" s="114">
        <v>0</v>
      </c>
      <c r="EN22" s="112">
        <v>91161</v>
      </c>
      <c r="EO22" s="116">
        <v>91161</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8"/>
      <c r="FE22" s="114">
        <v>0</v>
      </c>
      <c r="FF22" s="114">
        <v>0</v>
      </c>
      <c r="FG22" s="114">
        <v>0</v>
      </c>
      <c r="FH22" s="114">
        <v>0</v>
      </c>
      <c r="FI22" s="114">
        <v>0</v>
      </c>
      <c r="FJ22" s="113">
        <v>0</v>
      </c>
      <c r="FK22" s="116">
        <v>0</v>
      </c>
      <c r="FL22" s="110">
        <v>59038</v>
      </c>
      <c r="FM22" s="114">
        <v>156156</v>
      </c>
      <c r="FN22" s="113">
        <v>215194</v>
      </c>
      <c r="FO22" s="110">
        <v>0</v>
      </c>
      <c r="FP22" s="114">
        <v>136738</v>
      </c>
      <c r="FQ22" s="114">
        <v>799659</v>
      </c>
      <c r="FR22" s="114">
        <v>626997</v>
      </c>
      <c r="FS22" s="114">
        <v>468272</v>
      </c>
      <c r="FT22" s="114">
        <v>300181</v>
      </c>
      <c r="FU22" s="113">
        <v>2331847</v>
      </c>
      <c r="FV22" s="116">
        <v>2547041</v>
      </c>
      <c r="FW22" s="115">
        <v>59038</v>
      </c>
      <c r="FX22" s="114">
        <v>110656</v>
      </c>
      <c r="FY22" s="112">
        <v>169694</v>
      </c>
      <c r="FZ22" s="111">
        <v>0</v>
      </c>
      <c r="GA22" s="114">
        <v>120106</v>
      </c>
      <c r="GB22" s="114">
        <v>487417</v>
      </c>
      <c r="GC22" s="114">
        <v>481691</v>
      </c>
      <c r="GD22" s="114">
        <v>468272</v>
      </c>
      <c r="GE22" s="114">
        <v>300181</v>
      </c>
      <c r="GF22" s="113">
        <v>1857667</v>
      </c>
      <c r="GG22" s="319">
        <v>2027361</v>
      </c>
      <c r="GH22" s="115">
        <v>0</v>
      </c>
      <c r="GI22" s="114">
        <v>0</v>
      </c>
      <c r="GJ22" s="112">
        <v>0</v>
      </c>
      <c r="GK22" s="111">
        <v>0</v>
      </c>
      <c r="GL22" s="114">
        <v>16632</v>
      </c>
      <c r="GM22" s="114">
        <v>0</v>
      </c>
      <c r="GN22" s="114">
        <v>31906</v>
      </c>
      <c r="GO22" s="114">
        <v>0</v>
      </c>
      <c r="GP22" s="114">
        <v>0</v>
      </c>
      <c r="GQ22" s="113">
        <v>48538</v>
      </c>
      <c r="GR22" s="116">
        <v>48538</v>
      </c>
      <c r="GS22" s="110">
        <v>0</v>
      </c>
      <c r="GT22" s="114">
        <v>45500</v>
      </c>
      <c r="GU22" s="113">
        <v>45500</v>
      </c>
      <c r="GV22" s="110">
        <v>0</v>
      </c>
      <c r="GW22" s="114">
        <v>0</v>
      </c>
      <c r="GX22" s="114">
        <v>312242</v>
      </c>
      <c r="GY22" s="114">
        <v>113400</v>
      </c>
      <c r="GZ22" s="114">
        <v>0</v>
      </c>
      <c r="HA22" s="114">
        <v>0</v>
      </c>
      <c r="HB22" s="112">
        <v>425642</v>
      </c>
      <c r="HC22" s="116">
        <v>471142</v>
      </c>
      <c r="HD22" s="110">
        <v>99328</v>
      </c>
      <c r="HE22" s="114">
        <v>317445</v>
      </c>
      <c r="HF22" s="112">
        <v>416773</v>
      </c>
      <c r="HG22" s="111">
        <v>0</v>
      </c>
      <c r="HH22" s="114">
        <v>1309634</v>
      </c>
      <c r="HI22" s="114">
        <v>549975</v>
      </c>
      <c r="HJ22" s="114">
        <v>1241160</v>
      </c>
      <c r="HK22" s="114">
        <v>2462733</v>
      </c>
      <c r="HL22" s="114">
        <v>1677428</v>
      </c>
      <c r="HM22" s="113">
        <v>7240930</v>
      </c>
      <c r="HN22" s="109">
        <v>7657703</v>
      </c>
      <c r="HO22" s="329"/>
      <c r="HP22" s="330"/>
      <c r="HQ22" s="331"/>
      <c r="HR22" s="332"/>
      <c r="HS22" s="330"/>
      <c r="HT22" s="330"/>
      <c r="HU22" s="330"/>
      <c r="HV22" s="330"/>
      <c r="HW22" s="330"/>
      <c r="HX22" s="333"/>
      <c r="HY22" s="334"/>
      <c r="HZ22" s="150">
        <v>0</v>
      </c>
      <c r="IA22" s="135">
        <v>0</v>
      </c>
      <c r="IB22" s="150">
        <v>0</v>
      </c>
      <c r="IC22" s="134">
        <v>0</v>
      </c>
      <c r="ID22" s="135">
        <v>917155</v>
      </c>
      <c r="IE22" s="136">
        <v>2007197</v>
      </c>
      <c r="IF22" s="137">
        <v>1770926</v>
      </c>
      <c r="IG22" s="135">
        <v>1487118</v>
      </c>
      <c r="IH22" s="137">
        <v>1477644</v>
      </c>
      <c r="II22" s="138">
        <v>7660040</v>
      </c>
      <c r="IJ22" s="150">
        <v>7660040</v>
      </c>
      <c r="IK22" s="232">
        <v>0</v>
      </c>
      <c r="IL22" s="236">
        <v>0</v>
      </c>
      <c r="IM22" s="237">
        <v>0</v>
      </c>
      <c r="IN22" s="140"/>
      <c r="IO22" s="119">
        <v>0</v>
      </c>
      <c r="IP22" s="119">
        <v>0</v>
      </c>
      <c r="IQ22" s="119">
        <v>0</v>
      </c>
      <c r="IR22" s="119">
        <v>0</v>
      </c>
      <c r="IS22" s="119">
        <v>0</v>
      </c>
      <c r="IT22" s="141">
        <v>0</v>
      </c>
      <c r="IU22" s="321">
        <v>0</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393094</v>
      </c>
      <c r="JL22" s="119">
        <v>764617</v>
      </c>
      <c r="JM22" s="119">
        <v>448503</v>
      </c>
      <c r="JN22" s="119">
        <v>341264</v>
      </c>
      <c r="JO22" s="119">
        <v>96074</v>
      </c>
      <c r="JP22" s="120">
        <v>2043552</v>
      </c>
      <c r="JQ22" s="321">
        <v>2043552</v>
      </c>
      <c r="JR22" s="142">
        <v>0</v>
      </c>
      <c r="JS22" s="119">
        <v>0</v>
      </c>
      <c r="JT22" s="141">
        <v>0</v>
      </c>
      <c r="JU22" s="118">
        <v>0</v>
      </c>
      <c r="JV22" s="119">
        <v>0</v>
      </c>
      <c r="JW22" s="119">
        <v>0</v>
      </c>
      <c r="JX22" s="119">
        <v>0</v>
      </c>
      <c r="JY22" s="119">
        <v>0</v>
      </c>
      <c r="JZ22" s="119">
        <v>0</v>
      </c>
      <c r="KA22" s="120">
        <v>0</v>
      </c>
      <c r="KB22" s="321">
        <v>0</v>
      </c>
      <c r="KC22" s="234">
        <v>0</v>
      </c>
      <c r="KD22" s="230">
        <v>0</v>
      </c>
      <c r="KE22" s="120">
        <v>0</v>
      </c>
      <c r="KF22" s="118">
        <v>0</v>
      </c>
      <c r="KG22" s="119">
        <v>111078</v>
      </c>
      <c r="KH22" s="119">
        <v>162186</v>
      </c>
      <c r="KI22" s="119">
        <v>220233</v>
      </c>
      <c r="KJ22" s="119">
        <v>234194</v>
      </c>
      <c r="KK22" s="119">
        <v>157910</v>
      </c>
      <c r="KL22" s="120">
        <v>885601</v>
      </c>
      <c r="KM22" s="143">
        <v>885601</v>
      </c>
      <c r="KN22" s="232">
        <v>0</v>
      </c>
      <c r="KO22" s="236">
        <v>0</v>
      </c>
      <c r="KP22" s="237">
        <v>0</v>
      </c>
      <c r="KQ22" s="140"/>
      <c r="KR22" s="119">
        <v>412983</v>
      </c>
      <c r="KS22" s="119">
        <v>1080394</v>
      </c>
      <c r="KT22" s="119">
        <v>677912</v>
      </c>
      <c r="KU22" s="119">
        <v>681748</v>
      </c>
      <c r="KV22" s="119">
        <v>465632</v>
      </c>
      <c r="KW22" s="120">
        <v>3318669</v>
      </c>
      <c r="KX22" s="321">
        <v>3318669</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0</v>
      </c>
      <c r="LP22" s="119">
        <v>424278</v>
      </c>
      <c r="LQ22" s="119">
        <v>229912</v>
      </c>
      <c r="LR22" s="119">
        <v>758028</v>
      </c>
      <c r="LS22" s="120">
        <v>1412218</v>
      </c>
      <c r="LT22" s="321">
        <v>1412218</v>
      </c>
      <c r="LU22" s="142">
        <v>0</v>
      </c>
      <c r="LV22" s="119">
        <v>0</v>
      </c>
      <c r="LW22" s="120">
        <v>0</v>
      </c>
      <c r="LX22" s="145"/>
      <c r="LY22" s="119">
        <v>0</v>
      </c>
      <c r="LZ22" s="119">
        <v>0</v>
      </c>
      <c r="MA22" s="119">
        <v>0</v>
      </c>
      <c r="MB22" s="119">
        <v>0</v>
      </c>
      <c r="MC22" s="119">
        <v>0</v>
      </c>
      <c r="MD22" s="120">
        <v>0</v>
      </c>
      <c r="ME22" s="121">
        <v>0</v>
      </c>
      <c r="MF22" s="142">
        <v>0</v>
      </c>
      <c r="MG22" s="119">
        <v>0</v>
      </c>
      <c r="MH22" s="120">
        <v>0</v>
      </c>
      <c r="MI22" s="145"/>
      <c r="MJ22" s="119">
        <v>685649</v>
      </c>
      <c r="MK22" s="119">
        <v>1412910</v>
      </c>
      <c r="ML22" s="119">
        <v>4118358</v>
      </c>
      <c r="MM22" s="119">
        <v>2139553</v>
      </c>
      <c r="MN22" s="119">
        <v>2466673</v>
      </c>
      <c r="MO22" s="120">
        <v>10823143</v>
      </c>
      <c r="MP22" s="143">
        <v>10823143</v>
      </c>
      <c r="MQ22" s="142">
        <v>0</v>
      </c>
      <c r="MR22" s="119">
        <v>0</v>
      </c>
      <c r="MS22" s="120">
        <v>0</v>
      </c>
      <c r="MT22" s="145"/>
      <c r="MU22" s="119">
        <v>192757</v>
      </c>
      <c r="MV22" s="119">
        <v>209446</v>
      </c>
      <c r="MW22" s="119">
        <v>1702837</v>
      </c>
      <c r="MX22" s="119">
        <v>909534</v>
      </c>
      <c r="MY22" s="119">
        <v>1236032</v>
      </c>
      <c r="MZ22" s="120">
        <v>4250606</v>
      </c>
      <c r="NA22" s="143">
        <v>4250606</v>
      </c>
      <c r="NB22" s="142">
        <v>0</v>
      </c>
      <c r="NC22" s="119">
        <v>0</v>
      </c>
      <c r="ND22" s="120">
        <v>0</v>
      </c>
      <c r="NE22" s="145"/>
      <c r="NF22" s="119">
        <v>492892</v>
      </c>
      <c r="NG22" s="119">
        <v>1203464</v>
      </c>
      <c r="NH22" s="119">
        <v>2415521</v>
      </c>
      <c r="NI22" s="119">
        <v>1230019</v>
      </c>
      <c r="NJ22" s="119">
        <v>1230641</v>
      </c>
      <c r="NK22" s="120">
        <v>6572537</v>
      </c>
      <c r="NL22" s="321">
        <v>6572537</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0</v>
      </c>
      <c r="OE22" s="119">
        <v>0</v>
      </c>
      <c r="OF22" s="119">
        <v>0</v>
      </c>
      <c r="OG22" s="120">
        <v>0</v>
      </c>
      <c r="OH22" s="121">
        <v>0</v>
      </c>
      <c r="OI22" s="142">
        <v>360639</v>
      </c>
      <c r="OJ22" s="119">
        <v>913398</v>
      </c>
      <c r="OK22" s="141">
        <v>1274037</v>
      </c>
      <c r="OL22" s="118">
        <v>0</v>
      </c>
      <c r="OM22" s="119">
        <v>5327373</v>
      </c>
      <c r="ON22" s="119">
        <v>8750474</v>
      </c>
      <c r="OO22" s="119">
        <v>11302298</v>
      </c>
      <c r="OP22" s="119">
        <v>9387173</v>
      </c>
      <c r="OQ22" s="119">
        <v>8751542</v>
      </c>
      <c r="OR22" s="120">
        <v>43518860</v>
      </c>
      <c r="OS22" s="143">
        <v>44792897</v>
      </c>
    </row>
    <row r="23" spans="2:409" ht="20.25" customHeight="1" x14ac:dyDescent="0.2">
      <c r="B23" s="126" t="s">
        <v>18</v>
      </c>
      <c r="C23" s="110">
        <v>602407</v>
      </c>
      <c r="D23" s="114">
        <v>617685</v>
      </c>
      <c r="E23" s="113">
        <v>1220092</v>
      </c>
      <c r="F23" s="109">
        <v>0</v>
      </c>
      <c r="G23" s="114">
        <v>5354591</v>
      </c>
      <c r="H23" s="114">
        <v>8339731</v>
      </c>
      <c r="I23" s="114">
        <v>5578035</v>
      </c>
      <c r="J23" s="114">
        <v>8159540</v>
      </c>
      <c r="K23" s="114">
        <v>7504064</v>
      </c>
      <c r="L23" s="109">
        <v>34935961</v>
      </c>
      <c r="M23" s="116">
        <v>36156053</v>
      </c>
      <c r="N23" s="110">
        <v>212427</v>
      </c>
      <c r="O23" s="114">
        <v>138623</v>
      </c>
      <c r="P23" s="113">
        <v>351050</v>
      </c>
      <c r="Q23" s="110">
        <v>0</v>
      </c>
      <c r="R23" s="114">
        <v>1552028</v>
      </c>
      <c r="S23" s="114">
        <v>2305669</v>
      </c>
      <c r="T23" s="114">
        <v>2055514</v>
      </c>
      <c r="U23" s="114">
        <v>3184261</v>
      </c>
      <c r="V23" s="114">
        <v>3337466</v>
      </c>
      <c r="W23" s="113">
        <v>12434938</v>
      </c>
      <c r="X23" s="116">
        <v>12785988</v>
      </c>
      <c r="Y23" s="110">
        <v>0</v>
      </c>
      <c r="Z23" s="114">
        <v>0</v>
      </c>
      <c r="AA23" s="113">
        <v>0</v>
      </c>
      <c r="AB23" s="110">
        <v>0</v>
      </c>
      <c r="AC23" s="114">
        <v>617018</v>
      </c>
      <c r="AD23" s="114">
        <v>975760</v>
      </c>
      <c r="AE23" s="114">
        <v>1141743</v>
      </c>
      <c r="AF23" s="114">
        <v>2012316</v>
      </c>
      <c r="AG23" s="114">
        <v>1997880</v>
      </c>
      <c r="AH23" s="113">
        <v>6744717</v>
      </c>
      <c r="AI23" s="116">
        <v>6744717</v>
      </c>
      <c r="AJ23" s="110">
        <v>0</v>
      </c>
      <c r="AK23" s="114">
        <v>0</v>
      </c>
      <c r="AL23" s="113">
        <v>0</v>
      </c>
      <c r="AM23" s="110">
        <v>0</v>
      </c>
      <c r="AN23" s="114">
        <v>0</v>
      </c>
      <c r="AO23" s="114">
        <v>0</v>
      </c>
      <c r="AP23" s="114">
        <v>39936</v>
      </c>
      <c r="AQ23" s="114">
        <v>152889</v>
      </c>
      <c r="AR23" s="114">
        <v>246452</v>
      </c>
      <c r="AS23" s="113">
        <v>439277</v>
      </c>
      <c r="AT23" s="116">
        <v>439277</v>
      </c>
      <c r="AU23" s="110">
        <v>139474</v>
      </c>
      <c r="AV23" s="114">
        <v>105695</v>
      </c>
      <c r="AW23" s="113">
        <v>245169</v>
      </c>
      <c r="AX23" s="110">
        <v>0</v>
      </c>
      <c r="AY23" s="114">
        <v>543745</v>
      </c>
      <c r="AZ23" s="114">
        <v>843853</v>
      </c>
      <c r="BA23" s="114">
        <v>512957</v>
      </c>
      <c r="BB23" s="114">
        <v>662155</v>
      </c>
      <c r="BC23" s="114">
        <v>674401</v>
      </c>
      <c r="BD23" s="113">
        <v>3237111</v>
      </c>
      <c r="BE23" s="116">
        <v>3482280</v>
      </c>
      <c r="BF23" s="110">
        <v>20803</v>
      </c>
      <c r="BG23" s="114">
        <v>0</v>
      </c>
      <c r="BH23" s="112">
        <v>20803</v>
      </c>
      <c r="BI23" s="111">
        <v>0</v>
      </c>
      <c r="BJ23" s="114">
        <v>128450</v>
      </c>
      <c r="BK23" s="114">
        <v>82422</v>
      </c>
      <c r="BL23" s="114">
        <v>117656</v>
      </c>
      <c r="BM23" s="114">
        <v>159348</v>
      </c>
      <c r="BN23" s="114">
        <v>0</v>
      </c>
      <c r="BO23" s="113">
        <v>487876</v>
      </c>
      <c r="BP23" s="116">
        <v>508679</v>
      </c>
      <c r="BQ23" s="110">
        <v>52150</v>
      </c>
      <c r="BR23" s="114">
        <v>32928</v>
      </c>
      <c r="BS23" s="113">
        <v>85078</v>
      </c>
      <c r="BT23" s="110">
        <v>0</v>
      </c>
      <c r="BU23" s="114">
        <v>262815</v>
      </c>
      <c r="BV23" s="114">
        <v>403634</v>
      </c>
      <c r="BW23" s="114">
        <v>243222</v>
      </c>
      <c r="BX23" s="114">
        <v>197553</v>
      </c>
      <c r="BY23" s="114">
        <v>418733</v>
      </c>
      <c r="BZ23" s="113">
        <v>1525957</v>
      </c>
      <c r="CA23" s="116">
        <v>1611035</v>
      </c>
      <c r="CB23" s="110">
        <v>103118</v>
      </c>
      <c r="CC23" s="114">
        <v>133727</v>
      </c>
      <c r="CD23" s="113">
        <v>236845</v>
      </c>
      <c r="CE23" s="110">
        <v>0</v>
      </c>
      <c r="CF23" s="114">
        <v>2080305</v>
      </c>
      <c r="CG23" s="114">
        <v>3180737</v>
      </c>
      <c r="CH23" s="114">
        <v>1162745</v>
      </c>
      <c r="CI23" s="114">
        <v>1728728</v>
      </c>
      <c r="CJ23" s="114">
        <v>566706</v>
      </c>
      <c r="CK23" s="113">
        <v>8719221</v>
      </c>
      <c r="CL23" s="116">
        <v>8956066</v>
      </c>
      <c r="CM23" s="110">
        <v>0</v>
      </c>
      <c r="CN23" s="114">
        <v>0</v>
      </c>
      <c r="CO23" s="113">
        <v>0</v>
      </c>
      <c r="CP23" s="111">
        <v>0</v>
      </c>
      <c r="CQ23" s="114">
        <v>1670104</v>
      </c>
      <c r="CR23" s="114">
        <v>2489823</v>
      </c>
      <c r="CS23" s="114">
        <v>903241</v>
      </c>
      <c r="CT23" s="114">
        <v>1211556</v>
      </c>
      <c r="CU23" s="114">
        <v>386884</v>
      </c>
      <c r="CV23" s="113">
        <v>6661608</v>
      </c>
      <c r="CW23" s="116">
        <v>6661608</v>
      </c>
      <c r="CX23" s="110">
        <v>103118</v>
      </c>
      <c r="CY23" s="114">
        <v>133727</v>
      </c>
      <c r="CZ23" s="113">
        <v>236845</v>
      </c>
      <c r="DA23" s="110">
        <v>0</v>
      </c>
      <c r="DB23" s="114">
        <v>410201</v>
      </c>
      <c r="DC23" s="114">
        <v>690914</v>
      </c>
      <c r="DD23" s="114">
        <v>259504</v>
      </c>
      <c r="DE23" s="114">
        <v>517172</v>
      </c>
      <c r="DF23" s="114">
        <v>179822</v>
      </c>
      <c r="DG23" s="113">
        <v>2057613</v>
      </c>
      <c r="DH23" s="116">
        <v>2294458</v>
      </c>
      <c r="DI23" s="110">
        <v>0</v>
      </c>
      <c r="DJ23" s="114">
        <v>14112</v>
      </c>
      <c r="DK23" s="112">
        <v>14112</v>
      </c>
      <c r="DL23" s="111">
        <v>0</v>
      </c>
      <c r="DM23" s="114">
        <v>87326</v>
      </c>
      <c r="DN23" s="114">
        <v>416375</v>
      </c>
      <c r="DO23" s="114">
        <v>1023148</v>
      </c>
      <c r="DP23" s="114">
        <v>1036003</v>
      </c>
      <c r="DQ23" s="114">
        <v>1070588</v>
      </c>
      <c r="DR23" s="113">
        <v>3633440</v>
      </c>
      <c r="DS23" s="116">
        <v>3647552</v>
      </c>
      <c r="DT23" s="110">
        <v>0</v>
      </c>
      <c r="DU23" s="114">
        <v>14112</v>
      </c>
      <c r="DV23" s="113">
        <v>14112</v>
      </c>
      <c r="DW23" s="110">
        <v>0</v>
      </c>
      <c r="DX23" s="114">
        <v>87326</v>
      </c>
      <c r="DY23" s="114">
        <v>416375</v>
      </c>
      <c r="DZ23" s="114">
        <v>991497</v>
      </c>
      <c r="EA23" s="114">
        <v>1036003</v>
      </c>
      <c r="EB23" s="114">
        <v>1012110</v>
      </c>
      <c r="EC23" s="113">
        <v>3543311</v>
      </c>
      <c r="ED23" s="116">
        <v>3557423</v>
      </c>
      <c r="EE23" s="110">
        <v>0</v>
      </c>
      <c r="EF23" s="112">
        <v>0</v>
      </c>
      <c r="EG23" s="113">
        <v>0</v>
      </c>
      <c r="EH23" s="110">
        <v>0</v>
      </c>
      <c r="EI23" s="114">
        <v>0</v>
      </c>
      <c r="EJ23" s="114">
        <v>0</v>
      </c>
      <c r="EK23" s="114">
        <v>31651</v>
      </c>
      <c r="EL23" s="114">
        <v>0</v>
      </c>
      <c r="EM23" s="114">
        <v>58478</v>
      </c>
      <c r="EN23" s="112">
        <v>90129</v>
      </c>
      <c r="EO23" s="116">
        <v>90129</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8"/>
      <c r="FE23" s="114">
        <v>0</v>
      </c>
      <c r="FF23" s="114">
        <v>0</v>
      </c>
      <c r="FG23" s="114">
        <v>0</v>
      </c>
      <c r="FH23" s="114">
        <v>0</v>
      </c>
      <c r="FI23" s="114">
        <v>0</v>
      </c>
      <c r="FJ23" s="113">
        <v>0</v>
      </c>
      <c r="FK23" s="116">
        <v>0</v>
      </c>
      <c r="FL23" s="110">
        <v>145404</v>
      </c>
      <c r="FM23" s="114">
        <v>251381</v>
      </c>
      <c r="FN23" s="113">
        <v>396785</v>
      </c>
      <c r="FO23" s="110">
        <v>0</v>
      </c>
      <c r="FP23" s="114">
        <v>238392</v>
      </c>
      <c r="FQ23" s="114">
        <v>712691</v>
      </c>
      <c r="FR23" s="114">
        <v>430661</v>
      </c>
      <c r="FS23" s="114">
        <v>659890</v>
      </c>
      <c r="FT23" s="114">
        <v>562422</v>
      </c>
      <c r="FU23" s="113">
        <v>2604056</v>
      </c>
      <c r="FV23" s="116">
        <v>3000841</v>
      </c>
      <c r="FW23" s="115">
        <v>59304</v>
      </c>
      <c r="FX23" s="114">
        <v>92708</v>
      </c>
      <c r="FY23" s="112">
        <v>152012</v>
      </c>
      <c r="FZ23" s="111">
        <v>0</v>
      </c>
      <c r="GA23" s="114">
        <v>227192</v>
      </c>
      <c r="GB23" s="114">
        <v>588791</v>
      </c>
      <c r="GC23" s="114">
        <v>415261</v>
      </c>
      <c r="GD23" s="114">
        <v>622594</v>
      </c>
      <c r="GE23" s="114">
        <v>527422</v>
      </c>
      <c r="GF23" s="113">
        <v>2381260</v>
      </c>
      <c r="GG23" s="319">
        <v>2533272</v>
      </c>
      <c r="GH23" s="115">
        <v>0</v>
      </c>
      <c r="GI23" s="114">
        <v>44275</v>
      </c>
      <c r="GJ23" s="112">
        <v>44275</v>
      </c>
      <c r="GK23" s="111">
        <v>0</v>
      </c>
      <c r="GL23" s="114">
        <v>11200</v>
      </c>
      <c r="GM23" s="114">
        <v>0</v>
      </c>
      <c r="GN23" s="114">
        <v>15400</v>
      </c>
      <c r="GO23" s="114">
        <v>19096</v>
      </c>
      <c r="GP23" s="114">
        <v>0</v>
      </c>
      <c r="GQ23" s="113">
        <v>45696</v>
      </c>
      <c r="GR23" s="116">
        <v>89971</v>
      </c>
      <c r="GS23" s="110">
        <v>86100</v>
      </c>
      <c r="GT23" s="114">
        <v>114398</v>
      </c>
      <c r="GU23" s="113">
        <v>200498</v>
      </c>
      <c r="GV23" s="110">
        <v>0</v>
      </c>
      <c r="GW23" s="114">
        <v>0</v>
      </c>
      <c r="GX23" s="114">
        <v>123900</v>
      </c>
      <c r="GY23" s="114">
        <v>0</v>
      </c>
      <c r="GZ23" s="114">
        <v>18200</v>
      </c>
      <c r="HA23" s="114">
        <v>35000</v>
      </c>
      <c r="HB23" s="112">
        <v>177100</v>
      </c>
      <c r="HC23" s="116">
        <v>377598</v>
      </c>
      <c r="HD23" s="110">
        <v>141458</v>
      </c>
      <c r="HE23" s="114">
        <v>79842</v>
      </c>
      <c r="HF23" s="112">
        <v>221300</v>
      </c>
      <c r="HG23" s="111">
        <v>0</v>
      </c>
      <c r="HH23" s="114">
        <v>1396540</v>
      </c>
      <c r="HI23" s="114">
        <v>1724259</v>
      </c>
      <c r="HJ23" s="114">
        <v>905967</v>
      </c>
      <c r="HK23" s="114">
        <v>1550658</v>
      </c>
      <c r="HL23" s="114">
        <v>1966882</v>
      </c>
      <c r="HM23" s="113">
        <v>7544306</v>
      </c>
      <c r="HN23" s="109">
        <v>7765606</v>
      </c>
      <c r="HO23" s="329"/>
      <c r="HP23" s="330"/>
      <c r="HQ23" s="331"/>
      <c r="HR23" s="332"/>
      <c r="HS23" s="330"/>
      <c r="HT23" s="330"/>
      <c r="HU23" s="330"/>
      <c r="HV23" s="330"/>
      <c r="HW23" s="330"/>
      <c r="HX23" s="333"/>
      <c r="HY23" s="334"/>
      <c r="HZ23" s="131">
        <v>0</v>
      </c>
      <c r="IA23" s="132">
        <v>0</v>
      </c>
      <c r="IB23" s="133">
        <v>0</v>
      </c>
      <c r="IC23" s="146">
        <v>0</v>
      </c>
      <c r="ID23" s="132">
        <v>1048360</v>
      </c>
      <c r="IE23" s="147">
        <v>617868</v>
      </c>
      <c r="IF23" s="133">
        <v>1738884</v>
      </c>
      <c r="IG23" s="132">
        <v>565956</v>
      </c>
      <c r="IH23" s="133">
        <v>813558</v>
      </c>
      <c r="II23" s="148">
        <v>4784626</v>
      </c>
      <c r="IJ23" s="139">
        <v>4784626</v>
      </c>
      <c r="IK23" s="232">
        <v>0</v>
      </c>
      <c r="IL23" s="236">
        <v>0</v>
      </c>
      <c r="IM23" s="237">
        <v>0</v>
      </c>
      <c r="IN23" s="140"/>
      <c r="IO23" s="119">
        <v>0</v>
      </c>
      <c r="IP23" s="119">
        <v>0</v>
      </c>
      <c r="IQ23" s="119">
        <v>0</v>
      </c>
      <c r="IR23" s="119">
        <v>0</v>
      </c>
      <c r="IS23" s="119">
        <v>237450</v>
      </c>
      <c r="IT23" s="141">
        <v>237450</v>
      </c>
      <c r="IU23" s="321">
        <v>237450</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655780</v>
      </c>
      <c r="JL23" s="119">
        <v>215296</v>
      </c>
      <c r="JM23" s="119">
        <v>632552</v>
      </c>
      <c r="JN23" s="119">
        <v>34255</v>
      </c>
      <c r="JO23" s="119">
        <v>0</v>
      </c>
      <c r="JP23" s="120">
        <v>1537883</v>
      </c>
      <c r="JQ23" s="321">
        <v>1537883</v>
      </c>
      <c r="JR23" s="142">
        <v>0</v>
      </c>
      <c r="JS23" s="119">
        <v>0</v>
      </c>
      <c r="JT23" s="141">
        <v>0</v>
      </c>
      <c r="JU23" s="118">
        <v>0</v>
      </c>
      <c r="JV23" s="119">
        <v>87622</v>
      </c>
      <c r="JW23" s="119">
        <v>0</v>
      </c>
      <c r="JX23" s="119">
        <v>218883</v>
      </c>
      <c r="JY23" s="119">
        <v>0</v>
      </c>
      <c r="JZ23" s="119">
        <v>0</v>
      </c>
      <c r="KA23" s="120">
        <v>306505</v>
      </c>
      <c r="KB23" s="321">
        <v>306505</v>
      </c>
      <c r="KC23" s="234">
        <v>0</v>
      </c>
      <c r="KD23" s="230">
        <v>0</v>
      </c>
      <c r="KE23" s="120">
        <v>0</v>
      </c>
      <c r="KF23" s="118">
        <v>0</v>
      </c>
      <c r="KG23" s="119">
        <v>100066</v>
      </c>
      <c r="KH23" s="119">
        <v>0</v>
      </c>
      <c r="KI23" s="119">
        <v>199771</v>
      </c>
      <c r="KJ23" s="119">
        <v>34281</v>
      </c>
      <c r="KK23" s="119">
        <v>-248999</v>
      </c>
      <c r="KL23" s="120">
        <v>85119</v>
      </c>
      <c r="KM23" s="143">
        <v>85119</v>
      </c>
      <c r="KN23" s="232">
        <v>0</v>
      </c>
      <c r="KO23" s="236">
        <v>0</v>
      </c>
      <c r="KP23" s="237">
        <v>0</v>
      </c>
      <c r="KQ23" s="140"/>
      <c r="KR23" s="119">
        <v>204892</v>
      </c>
      <c r="KS23" s="119">
        <v>402572</v>
      </c>
      <c r="KT23" s="119">
        <v>440230</v>
      </c>
      <c r="KU23" s="119">
        <v>0</v>
      </c>
      <c r="KV23" s="119">
        <v>257172</v>
      </c>
      <c r="KW23" s="120">
        <v>1304866</v>
      </c>
      <c r="KX23" s="321">
        <v>1304866</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0</v>
      </c>
      <c r="LP23" s="119">
        <v>0</v>
      </c>
      <c r="LQ23" s="119">
        <v>246427</v>
      </c>
      <c r="LR23" s="119">
        <v>0</v>
      </c>
      <c r="LS23" s="120">
        <v>246427</v>
      </c>
      <c r="LT23" s="321">
        <v>246427</v>
      </c>
      <c r="LU23" s="142">
        <v>0</v>
      </c>
      <c r="LV23" s="119">
        <v>0</v>
      </c>
      <c r="LW23" s="120">
        <v>0</v>
      </c>
      <c r="LX23" s="145"/>
      <c r="LY23" s="119">
        <v>0</v>
      </c>
      <c r="LZ23" s="119">
        <v>0</v>
      </c>
      <c r="MA23" s="119">
        <v>247448</v>
      </c>
      <c r="MB23" s="119">
        <v>250993</v>
      </c>
      <c r="MC23" s="119">
        <v>567935</v>
      </c>
      <c r="MD23" s="120">
        <v>1066376</v>
      </c>
      <c r="ME23" s="121">
        <v>1066376</v>
      </c>
      <c r="MF23" s="142">
        <v>0</v>
      </c>
      <c r="MG23" s="119">
        <v>0</v>
      </c>
      <c r="MH23" s="120">
        <v>0</v>
      </c>
      <c r="MI23" s="145"/>
      <c r="MJ23" s="119">
        <v>1124612</v>
      </c>
      <c r="MK23" s="119">
        <v>395343</v>
      </c>
      <c r="ML23" s="119">
        <v>2718076</v>
      </c>
      <c r="MM23" s="119">
        <v>4941046</v>
      </c>
      <c r="MN23" s="119">
        <v>2047751</v>
      </c>
      <c r="MO23" s="120">
        <v>11226828</v>
      </c>
      <c r="MP23" s="143">
        <v>11226828</v>
      </c>
      <c r="MQ23" s="142">
        <v>0</v>
      </c>
      <c r="MR23" s="119">
        <v>0</v>
      </c>
      <c r="MS23" s="120">
        <v>0</v>
      </c>
      <c r="MT23" s="145"/>
      <c r="MU23" s="119">
        <v>0</v>
      </c>
      <c r="MV23" s="119">
        <v>44093</v>
      </c>
      <c r="MW23" s="119">
        <v>1321463</v>
      </c>
      <c r="MX23" s="119">
        <v>3710506</v>
      </c>
      <c r="MY23" s="119">
        <v>1010819</v>
      </c>
      <c r="MZ23" s="120">
        <v>6086881</v>
      </c>
      <c r="NA23" s="143">
        <v>6086881</v>
      </c>
      <c r="NB23" s="142">
        <v>0</v>
      </c>
      <c r="NC23" s="119">
        <v>0</v>
      </c>
      <c r="ND23" s="120">
        <v>0</v>
      </c>
      <c r="NE23" s="145"/>
      <c r="NF23" s="119">
        <v>1124612</v>
      </c>
      <c r="NG23" s="119">
        <v>351250</v>
      </c>
      <c r="NH23" s="119">
        <v>1396613</v>
      </c>
      <c r="NI23" s="119">
        <v>1230540</v>
      </c>
      <c r="NJ23" s="119">
        <v>764670</v>
      </c>
      <c r="NK23" s="120">
        <v>4867685</v>
      </c>
      <c r="NL23" s="321">
        <v>4867685</v>
      </c>
      <c r="NM23" s="142">
        <v>0</v>
      </c>
      <c r="NN23" s="119">
        <v>0</v>
      </c>
      <c r="NO23" s="120">
        <v>0</v>
      </c>
      <c r="NP23" s="145"/>
      <c r="NQ23" s="119">
        <v>0</v>
      </c>
      <c r="NR23" s="119">
        <v>0</v>
      </c>
      <c r="NS23" s="119">
        <v>0</v>
      </c>
      <c r="NT23" s="119">
        <v>0</v>
      </c>
      <c r="NU23" s="119">
        <v>272262</v>
      </c>
      <c r="NV23" s="120">
        <v>272262</v>
      </c>
      <c r="NW23" s="121">
        <v>272262</v>
      </c>
      <c r="NX23" s="142">
        <v>0</v>
      </c>
      <c r="NY23" s="119">
        <v>0</v>
      </c>
      <c r="NZ23" s="120">
        <v>0</v>
      </c>
      <c r="OA23" s="145"/>
      <c r="OB23" s="119">
        <v>0</v>
      </c>
      <c r="OC23" s="119">
        <v>0</v>
      </c>
      <c r="OD23" s="119">
        <v>0</v>
      </c>
      <c r="OE23" s="119">
        <v>0</v>
      </c>
      <c r="OF23" s="119">
        <v>0</v>
      </c>
      <c r="OG23" s="120">
        <v>0</v>
      </c>
      <c r="OH23" s="121">
        <v>0</v>
      </c>
      <c r="OI23" s="142">
        <v>602407</v>
      </c>
      <c r="OJ23" s="119">
        <v>617685</v>
      </c>
      <c r="OK23" s="141">
        <v>1220092</v>
      </c>
      <c r="OL23" s="118">
        <v>0</v>
      </c>
      <c r="OM23" s="119">
        <v>7527563</v>
      </c>
      <c r="ON23" s="119">
        <v>9352942</v>
      </c>
      <c r="OO23" s="119">
        <v>10034995</v>
      </c>
      <c r="OP23" s="119">
        <v>13666542</v>
      </c>
      <c r="OQ23" s="119">
        <v>10365373</v>
      </c>
      <c r="OR23" s="120">
        <v>50947415</v>
      </c>
      <c r="OS23" s="143">
        <v>52167507</v>
      </c>
    </row>
    <row r="24" spans="2:409" ht="20.25" customHeight="1" x14ac:dyDescent="0.2">
      <c r="B24" s="126" t="s">
        <v>19</v>
      </c>
      <c r="C24" s="110">
        <v>131522</v>
      </c>
      <c r="D24" s="114">
        <v>589793</v>
      </c>
      <c r="E24" s="113">
        <v>721315</v>
      </c>
      <c r="F24" s="109">
        <v>0</v>
      </c>
      <c r="G24" s="114">
        <v>2455805</v>
      </c>
      <c r="H24" s="114">
        <v>2597969</v>
      </c>
      <c r="I24" s="114">
        <v>3023526</v>
      </c>
      <c r="J24" s="114">
        <v>1974251</v>
      </c>
      <c r="K24" s="114">
        <v>1592751</v>
      </c>
      <c r="L24" s="109">
        <v>11644302</v>
      </c>
      <c r="M24" s="116">
        <v>12365617</v>
      </c>
      <c r="N24" s="110">
        <v>65701</v>
      </c>
      <c r="O24" s="114">
        <v>106652</v>
      </c>
      <c r="P24" s="113">
        <v>172353</v>
      </c>
      <c r="Q24" s="110">
        <v>0</v>
      </c>
      <c r="R24" s="114">
        <v>534270</v>
      </c>
      <c r="S24" s="114">
        <v>848515</v>
      </c>
      <c r="T24" s="114">
        <v>1016865</v>
      </c>
      <c r="U24" s="114">
        <v>803888</v>
      </c>
      <c r="V24" s="114">
        <v>548165</v>
      </c>
      <c r="W24" s="113">
        <v>3751703</v>
      </c>
      <c r="X24" s="116">
        <v>3924056</v>
      </c>
      <c r="Y24" s="110">
        <v>0</v>
      </c>
      <c r="Z24" s="114">
        <v>0</v>
      </c>
      <c r="AA24" s="113">
        <v>0</v>
      </c>
      <c r="AB24" s="110">
        <v>0</v>
      </c>
      <c r="AC24" s="114">
        <v>208319</v>
      </c>
      <c r="AD24" s="114">
        <v>294861</v>
      </c>
      <c r="AE24" s="114">
        <v>447013</v>
      </c>
      <c r="AF24" s="114">
        <v>306339</v>
      </c>
      <c r="AG24" s="114">
        <v>111226</v>
      </c>
      <c r="AH24" s="113">
        <v>1367758</v>
      </c>
      <c r="AI24" s="116">
        <v>1367758</v>
      </c>
      <c r="AJ24" s="110">
        <v>0</v>
      </c>
      <c r="AK24" s="114">
        <v>0</v>
      </c>
      <c r="AL24" s="113">
        <v>0</v>
      </c>
      <c r="AM24" s="110">
        <v>0</v>
      </c>
      <c r="AN24" s="114">
        <v>0</v>
      </c>
      <c r="AO24" s="114">
        <v>0</v>
      </c>
      <c r="AP24" s="114">
        <v>193067</v>
      </c>
      <c r="AQ24" s="114">
        <v>78891</v>
      </c>
      <c r="AR24" s="114">
        <v>90556</v>
      </c>
      <c r="AS24" s="113">
        <v>362514</v>
      </c>
      <c r="AT24" s="116">
        <v>362514</v>
      </c>
      <c r="AU24" s="110">
        <v>44939</v>
      </c>
      <c r="AV24" s="114">
        <v>68817</v>
      </c>
      <c r="AW24" s="113">
        <v>113756</v>
      </c>
      <c r="AX24" s="110">
        <v>0</v>
      </c>
      <c r="AY24" s="114">
        <v>135614</v>
      </c>
      <c r="AZ24" s="114">
        <v>437804</v>
      </c>
      <c r="BA24" s="114">
        <v>221056</v>
      </c>
      <c r="BB24" s="114">
        <v>288745</v>
      </c>
      <c r="BC24" s="114">
        <v>277510</v>
      </c>
      <c r="BD24" s="113">
        <v>1360729</v>
      </c>
      <c r="BE24" s="116">
        <v>1474485</v>
      </c>
      <c r="BF24" s="110">
        <v>0</v>
      </c>
      <c r="BG24" s="114">
        <v>0</v>
      </c>
      <c r="BH24" s="112">
        <v>0</v>
      </c>
      <c r="BI24" s="111">
        <v>0</v>
      </c>
      <c r="BJ24" s="114">
        <v>65107</v>
      </c>
      <c r="BK24" s="114">
        <v>27650</v>
      </c>
      <c r="BL24" s="114">
        <v>0</v>
      </c>
      <c r="BM24" s="114">
        <v>0</v>
      </c>
      <c r="BN24" s="114">
        <v>0</v>
      </c>
      <c r="BO24" s="113">
        <v>92757</v>
      </c>
      <c r="BP24" s="116">
        <v>92757</v>
      </c>
      <c r="BQ24" s="110">
        <v>20762</v>
      </c>
      <c r="BR24" s="114">
        <v>37835</v>
      </c>
      <c r="BS24" s="113">
        <v>58597</v>
      </c>
      <c r="BT24" s="110">
        <v>0</v>
      </c>
      <c r="BU24" s="114">
        <v>125230</v>
      </c>
      <c r="BV24" s="114">
        <v>88200</v>
      </c>
      <c r="BW24" s="114">
        <v>155729</v>
      </c>
      <c r="BX24" s="114">
        <v>129913</v>
      </c>
      <c r="BY24" s="114">
        <v>68873</v>
      </c>
      <c r="BZ24" s="113">
        <v>567945</v>
      </c>
      <c r="CA24" s="116">
        <v>626542</v>
      </c>
      <c r="CB24" s="110">
        <v>0</v>
      </c>
      <c r="CC24" s="114">
        <v>138303</v>
      </c>
      <c r="CD24" s="113">
        <v>138303</v>
      </c>
      <c r="CE24" s="110">
        <v>0</v>
      </c>
      <c r="CF24" s="114">
        <v>702007</v>
      </c>
      <c r="CG24" s="114">
        <v>420335</v>
      </c>
      <c r="CH24" s="114">
        <v>721955</v>
      </c>
      <c r="CI24" s="114">
        <v>483486</v>
      </c>
      <c r="CJ24" s="114">
        <v>231093</v>
      </c>
      <c r="CK24" s="113">
        <v>2558876</v>
      </c>
      <c r="CL24" s="116">
        <v>2697179</v>
      </c>
      <c r="CM24" s="110">
        <v>0</v>
      </c>
      <c r="CN24" s="114">
        <v>0</v>
      </c>
      <c r="CO24" s="113">
        <v>0</v>
      </c>
      <c r="CP24" s="111">
        <v>0</v>
      </c>
      <c r="CQ24" s="114">
        <v>505698</v>
      </c>
      <c r="CR24" s="114">
        <v>279144</v>
      </c>
      <c r="CS24" s="114">
        <v>423775</v>
      </c>
      <c r="CT24" s="114">
        <v>134022</v>
      </c>
      <c r="CU24" s="114">
        <v>231093</v>
      </c>
      <c r="CV24" s="113">
        <v>1573732</v>
      </c>
      <c r="CW24" s="116">
        <v>1573732</v>
      </c>
      <c r="CX24" s="110">
        <v>0</v>
      </c>
      <c r="CY24" s="114">
        <v>138303</v>
      </c>
      <c r="CZ24" s="113">
        <v>138303</v>
      </c>
      <c r="DA24" s="110">
        <v>0</v>
      </c>
      <c r="DB24" s="114">
        <v>196309</v>
      </c>
      <c r="DC24" s="114">
        <v>141191</v>
      </c>
      <c r="DD24" s="114">
        <v>298180</v>
      </c>
      <c r="DE24" s="114">
        <v>349464</v>
      </c>
      <c r="DF24" s="114">
        <v>0</v>
      </c>
      <c r="DG24" s="113">
        <v>985144</v>
      </c>
      <c r="DH24" s="116">
        <v>1123447</v>
      </c>
      <c r="DI24" s="110">
        <v>0</v>
      </c>
      <c r="DJ24" s="114">
        <v>0</v>
      </c>
      <c r="DK24" s="112">
        <v>0</v>
      </c>
      <c r="DL24" s="111">
        <v>0</v>
      </c>
      <c r="DM24" s="114">
        <v>13344</v>
      </c>
      <c r="DN24" s="114">
        <v>249800</v>
      </c>
      <c r="DO24" s="114">
        <v>145579</v>
      </c>
      <c r="DP24" s="114">
        <v>46963</v>
      </c>
      <c r="DQ24" s="114">
        <v>122782</v>
      </c>
      <c r="DR24" s="113">
        <v>578468</v>
      </c>
      <c r="DS24" s="116">
        <v>578468</v>
      </c>
      <c r="DT24" s="110">
        <v>0</v>
      </c>
      <c r="DU24" s="114">
        <v>0</v>
      </c>
      <c r="DV24" s="113">
        <v>0</v>
      </c>
      <c r="DW24" s="110">
        <v>0</v>
      </c>
      <c r="DX24" s="114">
        <v>13344</v>
      </c>
      <c r="DY24" s="114">
        <v>144677</v>
      </c>
      <c r="DZ24" s="114">
        <v>43858</v>
      </c>
      <c r="EA24" s="114">
        <v>24606</v>
      </c>
      <c r="EB24" s="114">
        <v>122782</v>
      </c>
      <c r="EC24" s="113">
        <v>349267</v>
      </c>
      <c r="ED24" s="116">
        <v>349267</v>
      </c>
      <c r="EE24" s="110">
        <v>0</v>
      </c>
      <c r="EF24" s="112">
        <v>0</v>
      </c>
      <c r="EG24" s="113">
        <v>0</v>
      </c>
      <c r="EH24" s="110">
        <v>0</v>
      </c>
      <c r="EI24" s="114">
        <v>0</v>
      </c>
      <c r="EJ24" s="114">
        <v>105123</v>
      </c>
      <c r="EK24" s="114">
        <v>101721</v>
      </c>
      <c r="EL24" s="114">
        <v>22357</v>
      </c>
      <c r="EM24" s="114">
        <v>0</v>
      </c>
      <c r="EN24" s="112">
        <v>229201</v>
      </c>
      <c r="EO24" s="116">
        <v>229201</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8"/>
      <c r="FE24" s="114">
        <v>0</v>
      </c>
      <c r="FF24" s="114">
        <v>0</v>
      </c>
      <c r="FG24" s="114">
        <v>0</v>
      </c>
      <c r="FH24" s="114">
        <v>0</v>
      </c>
      <c r="FI24" s="114">
        <v>0</v>
      </c>
      <c r="FJ24" s="113">
        <v>0</v>
      </c>
      <c r="FK24" s="116">
        <v>0</v>
      </c>
      <c r="FL24" s="110">
        <v>17570</v>
      </c>
      <c r="FM24" s="114">
        <v>103460</v>
      </c>
      <c r="FN24" s="113">
        <v>121030</v>
      </c>
      <c r="FO24" s="110">
        <v>0</v>
      </c>
      <c r="FP24" s="114">
        <v>96936</v>
      </c>
      <c r="FQ24" s="114">
        <v>306114</v>
      </c>
      <c r="FR24" s="114">
        <v>273560</v>
      </c>
      <c r="FS24" s="114">
        <v>256529</v>
      </c>
      <c r="FT24" s="114">
        <v>69930</v>
      </c>
      <c r="FU24" s="113">
        <v>1003069</v>
      </c>
      <c r="FV24" s="116">
        <v>1124099</v>
      </c>
      <c r="FW24" s="115">
        <v>17570</v>
      </c>
      <c r="FX24" s="114">
        <v>65345</v>
      </c>
      <c r="FY24" s="112">
        <v>82915</v>
      </c>
      <c r="FZ24" s="111">
        <v>0</v>
      </c>
      <c r="GA24" s="114">
        <v>96936</v>
      </c>
      <c r="GB24" s="114">
        <v>226086</v>
      </c>
      <c r="GC24" s="114">
        <v>273560</v>
      </c>
      <c r="GD24" s="114">
        <v>256529</v>
      </c>
      <c r="GE24" s="114">
        <v>69930</v>
      </c>
      <c r="GF24" s="113">
        <v>923041</v>
      </c>
      <c r="GG24" s="319">
        <v>1005956</v>
      </c>
      <c r="GH24" s="115">
        <v>0</v>
      </c>
      <c r="GI24" s="114">
        <v>38115</v>
      </c>
      <c r="GJ24" s="112">
        <v>38115</v>
      </c>
      <c r="GK24" s="111">
        <v>0</v>
      </c>
      <c r="GL24" s="114">
        <v>0</v>
      </c>
      <c r="GM24" s="114">
        <v>0</v>
      </c>
      <c r="GN24" s="114">
        <v>0</v>
      </c>
      <c r="GO24" s="114">
        <v>0</v>
      </c>
      <c r="GP24" s="114">
        <v>0</v>
      </c>
      <c r="GQ24" s="113">
        <v>0</v>
      </c>
      <c r="GR24" s="116">
        <v>38115</v>
      </c>
      <c r="GS24" s="110">
        <v>0</v>
      </c>
      <c r="GT24" s="114">
        <v>0</v>
      </c>
      <c r="GU24" s="113">
        <v>0</v>
      </c>
      <c r="GV24" s="110">
        <v>0</v>
      </c>
      <c r="GW24" s="114">
        <v>0</v>
      </c>
      <c r="GX24" s="114">
        <v>80028</v>
      </c>
      <c r="GY24" s="114">
        <v>0</v>
      </c>
      <c r="GZ24" s="114">
        <v>0</v>
      </c>
      <c r="HA24" s="114">
        <v>0</v>
      </c>
      <c r="HB24" s="112">
        <v>80028</v>
      </c>
      <c r="HC24" s="116">
        <v>80028</v>
      </c>
      <c r="HD24" s="110">
        <v>48251</v>
      </c>
      <c r="HE24" s="114">
        <v>241378</v>
      </c>
      <c r="HF24" s="112">
        <v>289629</v>
      </c>
      <c r="HG24" s="111">
        <v>0</v>
      </c>
      <c r="HH24" s="114">
        <v>1109248</v>
      </c>
      <c r="HI24" s="114">
        <v>773205</v>
      </c>
      <c r="HJ24" s="114">
        <v>865567</v>
      </c>
      <c r="HK24" s="114">
        <v>383385</v>
      </c>
      <c r="HL24" s="114">
        <v>620781</v>
      </c>
      <c r="HM24" s="113">
        <v>3752186</v>
      </c>
      <c r="HN24" s="109">
        <v>4041815</v>
      </c>
      <c r="HO24" s="329"/>
      <c r="HP24" s="330"/>
      <c r="HQ24" s="331"/>
      <c r="HR24" s="332"/>
      <c r="HS24" s="330"/>
      <c r="HT24" s="330"/>
      <c r="HU24" s="330"/>
      <c r="HV24" s="330"/>
      <c r="HW24" s="330"/>
      <c r="HX24" s="333"/>
      <c r="HY24" s="334"/>
      <c r="HZ24" s="150">
        <v>0</v>
      </c>
      <c r="IA24" s="135">
        <v>0</v>
      </c>
      <c r="IB24" s="150">
        <v>0</v>
      </c>
      <c r="IC24" s="134">
        <v>0</v>
      </c>
      <c r="ID24" s="135">
        <v>606239</v>
      </c>
      <c r="IE24" s="136">
        <v>1137594</v>
      </c>
      <c r="IF24" s="137">
        <v>592641</v>
      </c>
      <c r="IG24" s="135">
        <v>1018747</v>
      </c>
      <c r="IH24" s="137">
        <v>250387</v>
      </c>
      <c r="II24" s="138">
        <v>3605608</v>
      </c>
      <c r="IJ24" s="150">
        <v>3605608</v>
      </c>
      <c r="IK24" s="232">
        <v>0</v>
      </c>
      <c r="IL24" s="236">
        <v>0</v>
      </c>
      <c r="IM24" s="237">
        <v>0</v>
      </c>
      <c r="IN24" s="140"/>
      <c r="IO24" s="119">
        <v>0</v>
      </c>
      <c r="IP24" s="119">
        <v>0</v>
      </c>
      <c r="IQ24" s="119">
        <v>142893</v>
      </c>
      <c r="IR24" s="119">
        <v>344681</v>
      </c>
      <c r="IS24" s="119">
        <v>0</v>
      </c>
      <c r="IT24" s="141">
        <v>487574</v>
      </c>
      <c r="IU24" s="321">
        <v>487574</v>
      </c>
      <c r="IV24" s="142">
        <v>0</v>
      </c>
      <c r="IW24" s="119">
        <v>0</v>
      </c>
      <c r="IX24" s="120">
        <v>0</v>
      </c>
      <c r="IY24" s="144"/>
      <c r="IZ24" s="119">
        <v>0</v>
      </c>
      <c r="JA24" s="119">
        <v>0</v>
      </c>
      <c r="JB24" s="119">
        <v>0</v>
      </c>
      <c r="JC24" s="119">
        <v>8725</v>
      </c>
      <c r="JD24" s="119">
        <v>0</v>
      </c>
      <c r="JE24" s="120">
        <v>8725</v>
      </c>
      <c r="JF24" s="121">
        <v>8725</v>
      </c>
      <c r="JG24" s="142">
        <v>0</v>
      </c>
      <c r="JH24" s="119">
        <v>0</v>
      </c>
      <c r="JI24" s="141">
        <v>0</v>
      </c>
      <c r="JJ24" s="118">
        <v>0</v>
      </c>
      <c r="JK24" s="119">
        <v>463976</v>
      </c>
      <c r="JL24" s="119">
        <v>318313</v>
      </c>
      <c r="JM24" s="119">
        <v>235495</v>
      </c>
      <c r="JN24" s="119">
        <v>109349</v>
      </c>
      <c r="JO24" s="119">
        <v>0</v>
      </c>
      <c r="JP24" s="120">
        <v>1127133</v>
      </c>
      <c r="JQ24" s="321">
        <v>1127133</v>
      </c>
      <c r="JR24" s="142">
        <v>0</v>
      </c>
      <c r="JS24" s="119">
        <v>0</v>
      </c>
      <c r="JT24" s="141">
        <v>0</v>
      </c>
      <c r="JU24" s="118">
        <v>0</v>
      </c>
      <c r="JV24" s="119">
        <v>25839</v>
      </c>
      <c r="JW24" s="119">
        <v>287369</v>
      </c>
      <c r="JX24" s="119">
        <v>0</v>
      </c>
      <c r="JY24" s="119">
        <v>0</v>
      </c>
      <c r="JZ24" s="119">
        <v>0</v>
      </c>
      <c r="KA24" s="120">
        <v>313208</v>
      </c>
      <c r="KB24" s="321">
        <v>313208</v>
      </c>
      <c r="KC24" s="234">
        <v>0</v>
      </c>
      <c r="KD24" s="230">
        <v>0</v>
      </c>
      <c r="KE24" s="120">
        <v>0</v>
      </c>
      <c r="KF24" s="118">
        <v>0</v>
      </c>
      <c r="KG24" s="119">
        <v>116424</v>
      </c>
      <c r="KH24" s="119">
        <v>160926</v>
      </c>
      <c r="KI24" s="119">
        <v>214253</v>
      </c>
      <c r="KJ24" s="119">
        <v>434672</v>
      </c>
      <c r="KK24" s="119">
        <v>250387</v>
      </c>
      <c r="KL24" s="120">
        <v>1176662</v>
      </c>
      <c r="KM24" s="143">
        <v>1176662</v>
      </c>
      <c r="KN24" s="232">
        <v>0</v>
      </c>
      <c r="KO24" s="236">
        <v>0</v>
      </c>
      <c r="KP24" s="237">
        <v>0</v>
      </c>
      <c r="KQ24" s="140"/>
      <c r="KR24" s="119">
        <v>0</v>
      </c>
      <c r="KS24" s="119">
        <v>370986</v>
      </c>
      <c r="KT24" s="119">
        <v>0</v>
      </c>
      <c r="KU24" s="119">
        <v>0</v>
      </c>
      <c r="KV24" s="119">
        <v>0</v>
      </c>
      <c r="KW24" s="120">
        <v>370986</v>
      </c>
      <c r="KX24" s="321">
        <v>370986</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1">
        <v>0</v>
      </c>
      <c r="LU24" s="142">
        <v>0</v>
      </c>
      <c r="LV24" s="119">
        <v>0</v>
      </c>
      <c r="LW24" s="120">
        <v>0</v>
      </c>
      <c r="LX24" s="145"/>
      <c r="LY24" s="119">
        <v>0</v>
      </c>
      <c r="LZ24" s="119">
        <v>0</v>
      </c>
      <c r="MA24" s="119">
        <v>0</v>
      </c>
      <c r="MB24" s="119">
        <v>121320</v>
      </c>
      <c r="MC24" s="119">
        <v>0</v>
      </c>
      <c r="MD24" s="120">
        <v>121320</v>
      </c>
      <c r="ME24" s="121">
        <v>121320</v>
      </c>
      <c r="MF24" s="142">
        <v>0</v>
      </c>
      <c r="MG24" s="119">
        <v>0</v>
      </c>
      <c r="MH24" s="120">
        <v>0</v>
      </c>
      <c r="MI24" s="145"/>
      <c r="MJ24" s="119">
        <v>0</v>
      </c>
      <c r="MK24" s="119">
        <v>220283</v>
      </c>
      <c r="ML24" s="119">
        <v>1045887</v>
      </c>
      <c r="MM24" s="119">
        <v>1352569</v>
      </c>
      <c r="MN24" s="119">
        <v>1391651</v>
      </c>
      <c r="MO24" s="120">
        <v>4010390</v>
      </c>
      <c r="MP24" s="143">
        <v>4010390</v>
      </c>
      <c r="MQ24" s="142">
        <v>0</v>
      </c>
      <c r="MR24" s="119">
        <v>0</v>
      </c>
      <c r="MS24" s="120">
        <v>0</v>
      </c>
      <c r="MT24" s="145"/>
      <c r="MU24" s="119">
        <v>0</v>
      </c>
      <c r="MV24" s="119">
        <v>0</v>
      </c>
      <c r="MW24" s="119">
        <v>316709</v>
      </c>
      <c r="MX24" s="119">
        <v>1352569</v>
      </c>
      <c r="MY24" s="119">
        <v>736544</v>
      </c>
      <c r="MZ24" s="120">
        <v>2405822</v>
      </c>
      <c r="NA24" s="143">
        <v>2405822</v>
      </c>
      <c r="NB24" s="142">
        <v>0</v>
      </c>
      <c r="NC24" s="119">
        <v>0</v>
      </c>
      <c r="ND24" s="120">
        <v>0</v>
      </c>
      <c r="NE24" s="145"/>
      <c r="NF24" s="119">
        <v>0</v>
      </c>
      <c r="NG24" s="119">
        <v>220283</v>
      </c>
      <c r="NH24" s="119">
        <v>729178</v>
      </c>
      <c r="NI24" s="119">
        <v>0</v>
      </c>
      <c r="NJ24" s="119">
        <v>655107</v>
      </c>
      <c r="NK24" s="120">
        <v>1604568</v>
      </c>
      <c r="NL24" s="321">
        <v>1604568</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131522</v>
      </c>
      <c r="OJ24" s="119">
        <v>589793</v>
      </c>
      <c r="OK24" s="141">
        <v>721315</v>
      </c>
      <c r="OL24" s="118">
        <v>0</v>
      </c>
      <c r="OM24" s="119">
        <v>3062044</v>
      </c>
      <c r="ON24" s="119">
        <v>3955846</v>
      </c>
      <c r="OO24" s="119">
        <v>4662054</v>
      </c>
      <c r="OP24" s="119">
        <v>4345567</v>
      </c>
      <c r="OQ24" s="119">
        <v>3234789</v>
      </c>
      <c r="OR24" s="120">
        <v>19260300</v>
      </c>
      <c r="OS24" s="143">
        <v>19981615</v>
      </c>
    </row>
    <row r="25" spans="2:409" ht="20.25" customHeight="1" x14ac:dyDescent="0.2">
      <c r="B25" s="126" t="s">
        <v>20</v>
      </c>
      <c r="C25" s="110">
        <v>79476</v>
      </c>
      <c r="D25" s="114">
        <v>409193</v>
      </c>
      <c r="E25" s="113">
        <v>488669</v>
      </c>
      <c r="F25" s="110">
        <v>0</v>
      </c>
      <c r="G25" s="114">
        <v>3208972</v>
      </c>
      <c r="H25" s="114">
        <v>3317677</v>
      </c>
      <c r="I25" s="114">
        <v>2821851</v>
      </c>
      <c r="J25" s="114">
        <v>3691834</v>
      </c>
      <c r="K25" s="114">
        <v>1645950</v>
      </c>
      <c r="L25" s="173">
        <v>14686284</v>
      </c>
      <c r="M25" s="116">
        <v>15174953</v>
      </c>
      <c r="N25" s="110">
        <v>26197</v>
      </c>
      <c r="O25" s="114">
        <v>140864</v>
      </c>
      <c r="P25" s="113">
        <v>167061</v>
      </c>
      <c r="Q25" s="110">
        <v>0</v>
      </c>
      <c r="R25" s="114">
        <v>1376031</v>
      </c>
      <c r="S25" s="114">
        <v>888420</v>
      </c>
      <c r="T25" s="114">
        <v>825216</v>
      </c>
      <c r="U25" s="114">
        <v>1241239</v>
      </c>
      <c r="V25" s="114">
        <v>769943</v>
      </c>
      <c r="W25" s="113">
        <v>5100849</v>
      </c>
      <c r="X25" s="116">
        <v>5267910</v>
      </c>
      <c r="Y25" s="110">
        <v>0</v>
      </c>
      <c r="Z25" s="114">
        <v>0</v>
      </c>
      <c r="AA25" s="113">
        <v>0</v>
      </c>
      <c r="AB25" s="110">
        <v>0</v>
      </c>
      <c r="AC25" s="114">
        <v>521129</v>
      </c>
      <c r="AD25" s="114">
        <v>336900</v>
      </c>
      <c r="AE25" s="114">
        <v>241876</v>
      </c>
      <c r="AF25" s="114">
        <v>823335</v>
      </c>
      <c r="AG25" s="114">
        <v>428315</v>
      </c>
      <c r="AH25" s="113">
        <v>2351555</v>
      </c>
      <c r="AI25" s="116">
        <v>2351555</v>
      </c>
      <c r="AJ25" s="110">
        <v>0</v>
      </c>
      <c r="AK25" s="114">
        <v>0</v>
      </c>
      <c r="AL25" s="113">
        <v>0</v>
      </c>
      <c r="AM25" s="110">
        <v>0</v>
      </c>
      <c r="AN25" s="114">
        <v>0</v>
      </c>
      <c r="AO25" s="114">
        <v>0</v>
      </c>
      <c r="AP25" s="114">
        <v>0</v>
      </c>
      <c r="AQ25" s="114">
        <v>0</v>
      </c>
      <c r="AR25" s="114">
        <v>200741</v>
      </c>
      <c r="AS25" s="113">
        <v>200741</v>
      </c>
      <c r="AT25" s="116">
        <v>200741</v>
      </c>
      <c r="AU25" s="110">
        <v>26197</v>
      </c>
      <c r="AV25" s="114">
        <v>105708</v>
      </c>
      <c r="AW25" s="113">
        <v>131905</v>
      </c>
      <c r="AX25" s="110">
        <v>0</v>
      </c>
      <c r="AY25" s="114">
        <v>520765</v>
      </c>
      <c r="AZ25" s="114">
        <v>328961</v>
      </c>
      <c r="BA25" s="114">
        <v>375576</v>
      </c>
      <c r="BB25" s="114">
        <v>216437</v>
      </c>
      <c r="BC25" s="114">
        <v>58556</v>
      </c>
      <c r="BD25" s="113">
        <v>1500295</v>
      </c>
      <c r="BE25" s="116">
        <v>1632200</v>
      </c>
      <c r="BF25" s="110">
        <v>0</v>
      </c>
      <c r="BG25" s="114">
        <v>33070</v>
      </c>
      <c r="BH25" s="112">
        <v>33070</v>
      </c>
      <c r="BI25" s="111">
        <v>0</v>
      </c>
      <c r="BJ25" s="114">
        <v>129737</v>
      </c>
      <c r="BK25" s="114">
        <v>105001</v>
      </c>
      <c r="BL25" s="114">
        <v>92229</v>
      </c>
      <c r="BM25" s="114">
        <v>0</v>
      </c>
      <c r="BN25" s="114">
        <v>8103</v>
      </c>
      <c r="BO25" s="113">
        <v>335070</v>
      </c>
      <c r="BP25" s="116">
        <v>368140</v>
      </c>
      <c r="BQ25" s="110">
        <v>0</v>
      </c>
      <c r="BR25" s="114">
        <v>2086</v>
      </c>
      <c r="BS25" s="113">
        <v>2086</v>
      </c>
      <c r="BT25" s="110">
        <v>0</v>
      </c>
      <c r="BU25" s="114">
        <v>204400</v>
      </c>
      <c r="BV25" s="114">
        <v>117558</v>
      </c>
      <c r="BW25" s="114">
        <v>115535</v>
      </c>
      <c r="BX25" s="114">
        <v>201467</v>
      </c>
      <c r="BY25" s="114">
        <v>74228</v>
      </c>
      <c r="BZ25" s="113">
        <v>713188</v>
      </c>
      <c r="CA25" s="116">
        <v>715274</v>
      </c>
      <c r="CB25" s="110">
        <v>35646</v>
      </c>
      <c r="CC25" s="114">
        <v>106072</v>
      </c>
      <c r="CD25" s="113">
        <v>141718</v>
      </c>
      <c r="CE25" s="110">
        <v>0</v>
      </c>
      <c r="CF25" s="114">
        <v>778452</v>
      </c>
      <c r="CG25" s="114">
        <v>1101347</v>
      </c>
      <c r="CH25" s="114">
        <v>657351</v>
      </c>
      <c r="CI25" s="114">
        <v>470972</v>
      </c>
      <c r="CJ25" s="114">
        <v>494253</v>
      </c>
      <c r="CK25" s="113">
        <v>3502375</v>
      </c>
      <c r="CL25" s="116">
        <v>3644093</v>
      </c>
      <c r="CM25" s="110">
        <v>0</v>
      </c>
      <c r="CN25" s="114">
        <v>0</v>
      </c>
      <c r="CO25" s="113">
        <v>0</v>
      </c>
      <c r="CP25" s="111">
        <v>0</v>
      </c>
      <c r="CQ25" s="114">
        <v>383706</v>
      </c>
      <c r="CR25" s="114">
        <v>529548</v>
      </c>
      <c r="CS25" s="114">
        <v>529869</v>
      </c>
      <c r="CT25" s="114">
        <v>372990</v>
      </c>
      <c r="CU25" s="114">
        <v>414642</v>
      </c>
      <c r="CV25" s="113">
        <v>2230755</v>
      </c>
      <c r="CW25" s="116">
        <v>2230755</v>
      </c>
      <c r="CX25" s="110">
        <v>35646</v>
      </c>
      <c r="CY25" s="114">
        <v>106072</v>
      </c>
      <c r="CZ25" s="113">
        <v>141718</v>
      </c>
      <c r="DA25" s="110">
        <v>0</v>
      </c>
      <c r="DB25" s="114">
        <v>394746</v>
      </c>
      <c r="DC25" s="114">
        <v>571799</v>
      </c>
      <c r="DD25" s="114">
        <v>127482</v>
      </c>
      <c r="DE25" s="114">
        <v>97982</v>
      </c>
      <c r="DF25" s="114">
        <v>79611</v>
      </c>
      <c r="DG25" s="113">
        <v>1271620</v>
      </c>
      <c r="DH25" s="116">
        <v>1413338</v>
      </c>
      <c r="DI25" s="110">
        <v>0</v>
      </c>
      <c r="DJ25" s="114">
        <v>0</v>
      </c>
      <c r="DK25" s="112">
        <v>0</v>
      </c>
      <c r="DL25" s="111">
        <v>0</v>
      </c>
      <c r="DM25" s="114">
        <v>101228</v>
      </c>
      <c r="DN25" s="114">
        <v>257815</v>
      </c>
      <c r="DO25" s="114">
        <v>392783</v>
      </c>
      <c r="DP25" s="114">
        <v>438473</v>
      </c>
      <c r="DQ25" s="114">
        <v>36780</v>
      </c>
      <c r="DR25" s="113">
        <v>1227079</v>
      </c>
      <c r="DS25" s="116">
        <v>1227079</v>
      </c>
      <c r="DT25" s="110">
        <v>0</v>
      </c>
      <c r="DU25" s="114">
        <v>0</v>
      </c>
      <c r="DV25" s="113">
        <v>0</v>
      </c>
      <c r="DW25" s="110">
        <v>0</v>
      </c>
      <c r="DX25" s="114">
        <v>101228</v>
      </c>
      <c r="DY25" s="114">
        <v>218359</v>
      </c>
      <c r="DZ25" s="114">
        <v>287300</v>
      </c>
      <c r="EA25" s="114">
        <v>438473</v>
      </c>
      <c r="EB25" s="114">
        <v>36780</v>
      </c>
      <c r="EC25" s="113">
        <v>1082140</v>
      </c>
      <c r="ED25" s="116">
        <v>1082140</v>
      </c>
      <c r="EE25" s="110">
        <v>0</v>
      </c>
      <c r="EF25" s="112">
        <v>0</v>
      </c>
      <c r="EG25" s="113">
        <v>0</v>
      </c>
      <c r="EH25" s="110">
        <v>0</v>
      </c>
      <c r="EI25" s="114">
        <v>0</v>
      </c>
      <c r="EJ25" s="114">
        <v>39456</v>
      </c>
      <c r="EK25" s="114">
        <v>105483</v>
      </c>
      <c r="EL25" s="114">
        <v>0</v>
      </c>
      <c r="EM25" s="114">
        <v>0</v>
      </c>
      <c r="EN25" s="112">
        <v>144939</v>
      </c>
      <c r="EO25" s="116">
        <v>144939</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8"/>
      <c r="FE25" s="114">
        <v>0</v>
      </c>
      <c r="FF25" s="114">
        <v>0</v>
      </c>
      <c r="FG25" s="114">
        <v>0</v>
      </c>
      <c r="FH25" s="114">
        <v>0</v>
      </c>
      <c r="FI25" s="114">
        <v>0</v>
      </c>
      <c r="FJ25" s="113">
        <v>0</v>
      </c>
      <c r="FK25" s="116">
        <v>0</v>
      </c>
      <c r="FL25" s="110">
        <v>17633</v>
      </c>
      <c r="FM25" s="114">
        <v>84343</v>
      </c>
      <c r="FN25" s="113">
        <v>101976</v>
      </c>
      <c r="FO25" s="110">
        <v>0</v>
      </c>
      <c r="FP25" s="114">
        <v>254058</v>
      </c>
      <c r="FQ25" s="114">
        <v>287448</v>
      </c>
      <c r="FR25" s="114">
        <v>280140</v>
      </c>
      <c r="FS25" s="114">
        <v>105063</v>
      </c>
      <c r="FT25" s="114">
        <v>137837</v>
      </c>
      <c r="FU25" s="113">
        <v>1064546</v>
      </c>
      <c r="FV25" s="116">
        <v>1166522</v>
      </c>
      <c r="FW25" s="115">
        <v>17633</v>
      </c>
      <c r="FX25" s="114">
        <v>84343</v>
      </c>
      <c r="FY25" s="112">
        <v>101976</v>
      </c>
      <c r="FZ25" s="111">
        <v>0</v>
      </c>
      <c r="GA25" s="114">
        <v>228648</v>
      </c>
      <c r="GB25" s="114">
        <v>249333</v>
      </c>
      <c r="GC25" s="114">
        <v>280140</v>
      </c>
      <c r="GD25" s="114">
        <v>105063</v>
      </c>
      <c r="GE25" s="114">
        <v>137837</v>
      </c>
      <c r="GF25" s="113">
        <v>1001021</v>
      </c>
      <c r="GG25" s="319">
        <v>1102997</v>
      </c>
      <c r="GH25" s="115">
        <v>0</v>
      </c>
      <c r="GI25" s="114">
        <v>0</v>
      </c>
      <c r="GJ25" s="112">
        <v>0</v>
      </c>
      <c r="GK25" s="111">
        <v>0</v>
      </c>
      <c r="GL25" s="114">
        <v>0</v>
      </c>
      <c r="GM25" s="114">
        <v>38115</v>
      </c>
      <c r="GN25" s="114">
        <v>0</v>
      </c>
      <c r="GO25" s="114">
        <v>0</v>
      </c>
      <c r="GP25" s="114">
        <v>0</v>
      </c>
      <c r="GQ25" s="113">
        <v>38115</v>
      </c>
      <c r="GR25" s="116">
        <v>38115</v>
      </c>
      <c r="GS25" s="110">
        <v>0</v>
      </c>
      <c r="GT25" s="114">
        <v>0</v>
      </c>
      <c r="GU25" s="113">
        <v>0</v>
      </c>
      <c r="GV25" s="110">
        <v>0</v>
      </c>
      <c r="GW25" s="114">
        <v>25410</v>
      </c>
      <c r="GX25" s="114">
        <v>0</v>
      </c>
      <c r="GY25" s="114">
        <v>0</v>
      </c>
      <c r="GZ25" s="114">
        <v>0</v>
      </c>
      <c r="HA25" s="114">
        <v>0</v>
      </c>
      <c r="HB25" s="112">
        <v>25410</v>
      </c>
      <c r="HC25" s="116">
        <v>25410</v>
      </c>
      <c r="HD25" s="110">
        <v>0</v>
      </c>
      <c r="HE25" s="114">
        <v>77914</v>
      </c>
      <c r="HF25" s="112">
        <v>77914</v>
      </c>
      <c r="HG25" s="111">
        <v>0</v>
      </c>
      <c r="HH25" s="114">
        <v>699203</v>
      </c>
      <c r="HI25" s="114">
        <v>782647</v>
      </c>
      <c r="HJ25" s="114">
        <v>666361</v>
      </c>
      <c r="HK25" s="114">
        <v>1436087</v>
      </c>
      <c r="HL25" s="114">
        <v>207137</v>
      </c>
      <c r="HM25" s="113">
        <v>3791435</v>
      </c>
      <c r="HN25" s="109">
        <v>3869349</v>
      </c>
      <c r="HO25" s="329"/>
      <c r="HP25" s="330"/>
      <c r="HQ25" s="331"/>
      <c r="HR25" s="332"/>
      <c r="HS25" s="330"/>
      <c r="HT25" s="330"/>
      <c r="HU25" s="330"/>
      <c r="HV25" s="330"/>
      <c r="HW25" s="330"/>
      <c r="HX25" s="333"/>
      <c r="HY25" s="334"/>
      <c r="HZ25" s="131">
        <v>0</v>
      </c>
      <c r="IA25" s="132">
        <v>135821</v>
      </c>
      <c r="IB25" s="133">
        <v>135821</v>
      </c>
      <c r="IC25" s="146">
        <v>0</v>
      </c>
      <c r="ID25" s="132">
        <v>748253</v>
      </c>
      <c r="IE25" s="147">
        <v>352801</v>
      </c>
      <c r="IF25" s="133">
        <v>432008</v>
      </c>
      <c r="IG25" s="132">
        <v>74812</v>
      </c>
      <c r="IH25" s="133">
        <v>235925</v>
      </c>
      <c r="II25" s="148">
        <v>1843799</v>
      </c>
      <c r="IJ25" s="139">
        <v>1979620</v>
      </c>
      <c r="IK25" s="232">
        <v>0</v>
      </c>
      <c r="IL25" s="236">
        <v>0</v>
      </c>
      <c r="IM25" s="237">
        <v>0</v>
      </c>
      <c r="IN25" s="140"/>
      <c r="IO25" s="119">
        <v>0</v>
      </c>
      <c r="IP25" s="119">
        <v>0</v>
      </c>
      <c r="IQ25" s="119">
        <v>0</v>
      </c>
      <c r="IR25" s="119">
        <v>0</v>
      </c>
      <c r="IS25" s="119">
        <v>0</v>
      </c>
      <c r="IT25" s="141">
        <v>0</v>
      </c>
      <c r="IU25" s="321">
        <v>0</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265959</v>
      </c>
      <c r="JL25" s="119">
        <v>138228</v>
      </c>
      <c r="JM25" s="119">
        <v>35635</v>
      </c>
      <c r="JN25" s="119">
        <v>74812</v>
      </c>
      <c r="JO25" s="119">
        <v>0</v>
      </c>
      <c r="JP25" s="120">
        <v>514634</v>
      </c>
      <c r="JQ25" s="321">
        <v>514634</v>
      </c>
      <c r="JR25" s="142">
        <v>0</v>
      </c>
      <c r="JS25" s="119">
        <v>0</v>
      </c>
      <c r="JT25" s="141">
        <v>0</v>
      </c>
      <c r="JU25" s="118">
        <v>0</v>
      </c>
      <c r="JV25" s="119">
        <v>64642</v>
      </c>
      <c r="JW25" s="119">
        <v>0</v>
      </c>
      <c r="JX25" s="119">
        <v>0</v>
      </c>
      <c r="JY25" s="119">
        <v>0</v>
      </c>
      <c r="JZ25" s="119">
        <v>0</v>
      </c>
      <c r="KA25" s="120">
        <v>64642</v>
      </c>
      <c r="KB25" s="321">
        <v>64642</v>
      </c>
      <c r="KC25" s="234">
        <v>0</v>
      </c>
      <c r="KD25" s="230">
        <v>135821</v>
      </c>
      <c r="KE25" s="120">
        <v>135821</v>
      </c>
      <c r="KF25" s="118">
        <v>0</v>
      </c>
      <c r="KG25" s="119">
        <v>0</v>
      </c>
      <c r="KH25" s="119">
        <v>0</v>
      </c>
      <c r="KI25" s="119">
        <v>173580</v>
      </c>
      <c r="KJ25" s="119">
        <v>0</v>
      </c>
      <c r="KK25" s="119">
        <v>0</v>
      </c>
      <c r="KL25" s="120">
        <v>173580</v>
      </c>
      <c r="KM25" s="143">
        <v>309401</v>
      </c>
      <c r="KN25" s="232">
        <v>0</v>
      </c>
      <c r="KO25" s="236">
        <v>0</v>
      </c>
      <c r="KP25" s="237">
        <v>0</v>
      </c>
      <c r="KQ25" s="140"/>
      <c r="KR25" s="119">
        <v>417652</v>
      </c>
      <c r="KS25" s="119">
        <v>214573</v>
      </c>
      <c r="KT25" s="119">
        <v>222793</v>
      </c>
      <c r="KU25" s="119">
        <v>0</v>
      </c>
      <c r="KV25" s="119">
        <v>235925</v>
      </c>
      <c r="KW25" s="120">
        <v>1090943</v>
      </c>
      <c r="KX25" s="321">
        <v>1090943</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1">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205990</v>
      </c>
      <c r="MK25" s="119">
        <v>448544</v>
      </c>
      <c r="ML25" s="119">
        <v>322192</v>
      </c>
      <c r="MM25" s="119">
        <v>2392447</v>
      </c>
      <c r="MN25" s="119">
        <v>773323</v>
      </c>
      <c r="MO25" s="120">
        <v>4142496</v>
      </c>
      <c r="MP25" s="143">
        <v>4142496</v>
      </c>
      <c r="MQ25" s="142">
        <v>0</v>
      </c>
      <c r="MR25" s="119">
        <v>0</v>
      </c>
      <c r="MS25" s="120">
        <v>0</v>
      </c>
      <c r="MT25" s="145"/>
      <c r="MU25" s="119">
        <v>0</v>
      </c>
      <c r="MV25" s="119">
        <v>216772</v>
      </c>
      <c r="MW25" s="119">
        <v>824798</v>
      </c>
      <c r="MX25" s="119">
        <v>1904195</v>
      </c>
      <c r="MY25" s="119">
        <v>773323</v>
      </c>
      <c r="MZ25" s="120">
        <v>3719088</v>
      </c>
      <c r="NA25" s="143">
        <v>3719088</v>
      </c>
      <c r="NB25" s="142">
        <v>0</v>
      </c>
      <c r="NC25" s="119">
        <v>0</v>
      </c>
      <c r="ND25" s="120">
        <v>0</v>
      </c>
      <c r="NE25" s="145"/>
      <c r="NF25" s="119">
        <v>205990</v>
      </c>
      <c r="NG25" s="119">
        <v>231772</v>
      </c>
      <c r="NH25" s="119">
        <v>-502606</v>
      </c>
      <c r="NI25" s="119">
        <v>488252</v>
      </c>
      <c r="NJ25" s="119">
        <v>0</v>
      </c>
      <c r="NK25" s="120">
        <v>423408</v>
      </c>
      <c r="NL25" s="321">
        <v>423408</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0</v>
      </c>
      <c r="OG25" s="120">
        <v>0</v>
      </c>
      <c r="OH25" s="121">
        <v>0</v>
      </c>
      <c r="OI25" s="142">
        <v>79476</v>
      </c>
      <c r="OJ25" s="119">
        <v>545014</v>
      </c>
      <c r="OK25" s="141">
        <v>624490</v>
      </c>
      <c r="OL25" s="118">
        <v>0</v>
      </c>
      <c r="OM25" s="119">
        <v>4163215</v>
      </c>
      <c r="ON25" s="119">
        <v>4119022</v>
      </c>
      <c r="OO25" s="119">
        <v>3576051</v>
      </c>
      <c r="OP25" s="119">
        <v>6159093</v>
      </c>
      <c r="OQ25" s="119">
        <v>2655198</v>
      </c>
      <c r="OR25" s="120">
        <v>20672579</v>
      </c>
      <c r="OS25" s="143">
        <v>21297069</v>
      </c>
    </row>
    <row r="26" spans="2:409" ht="20.25" customHeight="1" x14ac:dyDescent="0.2">
      <c r="B26" s="126" t="s">
        <v>21</v>
      </c>
      <c r="C26" s="110">
        <v>623549</v>
      </c>
      <c r="D26" s="114">
        <v>161857</v>
      </c>
      <c r="E26" s="113">
        <v>785406</v>
      </c>
      <c r="F26" s="109">
        <v>0</v>
      </c>
      <c r="G26" s="114">
        <v>1919229</v>
      </c>
      <c r="H26" s="114">
        <v>3357178</v>
      </c>
      <c r="I26" s="114">
        <v>2523442</v>
      </c>
      <c r="J26" s="114">
        <v>2116561</v>
      </c>
      <c r="K26" s="114">
        <v>1638160</v>
      </c>
      <c r="L26" s="173">
        <v>11554570</v>
      </c>
      <c r="M26" s="116">
        <v>12339976</v>
      </c>
      <c r="N26" s="110">
        <v>126435</v>
      </c>
      <c r="O26" s="114">
        <v>82038</v>
      </c>
      <c r="P26" s="113">
        <v>208473</v>
      </c>
      <c r="Q26" s="110">
        <v>0</v>
      </c>
      <c r="R26" s="114">
        <v>688189</v>
      </c>
      <c r="S26" s="114">
        <v>1239530</v>
      </c>
      <c r="T26" s="114">
        <v>1174517</v>
      </c>
      <c r="U26" s="114">
        <v>739111</v>
      </c>
      <c r="V26" s="114">
        <v>617101</v>
      </c>
      <c r="W26" s="113">
        <v>4458448</v>
      </c>
      <c r="X26" s="116">
        <v>4666921</v>
      </c>
      <c r="Y26" s="110">
        <v>0</v>
      </c>
      <c r="Z26" s="114">
        <v>0</v>
      </c>
      <c r="AA26" s="113">
        <v>0</v>
      </c>
      <c r="AB26" s="110">
        <v>0</v>
      </c>
      <c r="AC26" s="114">
        <v>295338</v>
      </c>
      <c r="AD26" s="114">
        <v>483011</v>
      </c>
      <c r="AE26" s="114">
        <v>728823</v>
      </c>
      <c r="AF26" s="114">
        <v>446597</v>
      </c>
      <c r="AG26" s="114">
        <v>164164</v>
      </c>
      <c r="AH26" s="113">
        <v>2117933</v>
      </c>
      <c r="AI26" s="116">
        <v>2117933</v>
      </c>
      <c r="AJ26" s="110">
        <v>0</v>
      </c>
      <c r="AK26" s="114">
        <v>0</v>
      </c>
      <c r="AL26" s="113">
        <v>0</v>
      </c>
      <c r="AM26" s="110">
        <v>0</v>
      </c>
      <c r="AN26" s="114">
        <v>0</v>
      </c>
      <c r="AO26" s="114">
        <v>20517</v>
      </c>
      <c r="AP26" s="114">
        <v>81011</v>
      </c>
      <c r="AQ26" s="114">
        <v>71812</v>
      </c>
      <c r="AR26" s="114">
        <v>100531</v>
      </c>
      <c r="AS26" s="113">
        <v>273871</v>
      </c>
      <c r="AT26" s="116">
        <v>273871</v>
      </c>
      <c r="AU26" s="110">
        <v>51149</v>
      </c>
      <c r="AV26" s="114">
        <v>53387</v>
      </c>
      <c r="AW26" s="113">
        <v>104536</v>
      </c>
      <c r="AX26" s="110">
        <v>0</v>
      </c>
      <c r="AY26" s="114">
        <v>273543</v>
      </c>
      <c r="AZ26" s="114">
        <v>576344</v>
      </c>
      <c r="BA26" s="114">
        <v>252767</v>
      </c>
      <c r="BB26" s="114">
        <v>114506</v>
      </c>
      <c r="BC26" s="114">
        <v>218427</v>
      </c>
      <c r="BD26" s="113">
        <v>1435587</v>
      </c>
      <c r="BE26" s="116">
        <v>1540123</v>
      </c>
      <c r="BF26" s="110">
        <v>13868</v>
      </c>
      <c r="BG26" s="114">
        <v>0</v>
      </c>
      <c r="BH26" s="112">
        <v>13868</v>
      </c>
      <c r="BI26" s="111">
        <v>0</v>
      </c>
      <c r="BJ26" s="114">
        <v>0</v>
      </c>
      <c r="BK26" s="114">
        <v>36339</v>
      </c>
      <c r="BL26" s="114">
        <v>0</v>
      </c>
      <c r="BM26" s="114">
        <v>9792</v>
      </c>
      <c r="BN26" s="114">
        <v>14013</v>
      </c>
      <c r="BO26" s="113">
        <v>60144</v>
      </c>
      <c r="BP26" s="116">
        <v>74012</v>
      </c>
      <c r="BQ26" s="110">
        <v>61418</v>
      </c>
      <c r="BR26" s="114">
        <v>28651</v>
      </c>
      <c r="BS26" s="113">
        <v>90069</v>
      </c>
      <c r="BT26" s="110">
        <v>0</v>
      </c>
      <c r="BU26" s="114">
        <v>119308</v>
      </c>
      <c r="BV26" s="114">
        <v>123319</v>
      </c>
      <c r="BW26" s="114">
        <v>111916</v>
      </c>
      <c r="BX26" s="114">
        <v>96404</v>
      </c>
      <c r="BY26" s="114">
        <v>119966</v>
      </c>
      <c r="BZ26" s="113">
        <v>570913</v>
      </c>
      <c r="CA26" s="116">
        <v>660982</v>
      </c>
      <c r="CB26" s="110">
        <v>35541</v>
      </c>
      <c r="CC26" s="114">
        <v>32877</v>
      </c>
      <c r="CD26" s="113">
        <v>68418</v>
      </c>
      <c r="CE26" s="110">
        <v>0</v>
      </c>
      <c r="CF26" s="114">
        <v>631460</v>
      </c>
      <c r="CG26" s="114">
        <v>1048069</v>
      </c>
      <c r="CH26" s="114">
        <v>438250</v>
      </c>
      <c r="CI26" s="114">
        <v>512155</v>
      </c>
      <c r="CJ26" s="114">
        <v>131539</v>
      </c>
      <c r="CK26" s="113">
        <v>2761473</v>
      </c>
      <c r="CL26" s="116">
        <v>2829891</v>
      </c>
      <c r="CM26" s="110">
        <v>0</v>
      </c>
      <c r="CN26" s="114">
        <v>0</v>
      </c>
      <c r="CO26" s="113">
        <v>0</v>
      </c>
      <c r="CP26" s="111">
        <v>0</v>
      </c>
      <c r="CQ26" s="114">
        <v>621676</v>
      </c>
      <c r="CR26" s="114">
        <v>928116</v>
      </c>
      <c r="CS26" s="114">
        <v>355326</v>
      </c>
      <c r="CT26" s="114">
        <v>470592</v>
      </c>
      <c r="CU26" s="114">
        <v>0</v>
      </c>
      <c r="CV26" s="113">
        <v>2375710</v>
      </c>
      <c r="CW26" s="116">
        <v>2375710</v>
      </c>
      <c r="CX26" s="110">
        <v>35541</v>
      </c>
      <c r="CY26" s="114">
        <v>32877</v>
      </c>
      <c r="CZ26" s="113">
        <v>68418</v>
      </c>
      <c r="DA26" s="110">
        <v>0</v>
      </c>
      <c r="DB26" s="114">
        <v>9784</v>
      </c>
      <c r="DC26" s="114">
        <v>119953</v>
      </c>
      <c r="DD26" s="114">
        <v>82924</v>
      </c>
      <c r="DE26" s="114">
        <v>41563</v>
      </c>
      <c r="DF26" s="114">
        <v>131539</v>
      </c>
      <c r="DG26" s="113">
        <v>385763</v>
      </c>
      <c r="DH26" s="116">
        <v>454181</v>
      </c>
      <c r="DI26" s="110">
        <v>40092</v>
      </c>
      <c r="DJ26" s="114">
        <v>0</v>
      </c>
      <c r="DK26" s="112">
        <v>40092</v>
      </c>
      <c r="DL26" s="111">
        <v>0</v>
      </c>
      <c r="DM26" s="114">
        <v>124835</v>
      </c>
      <c r="DN26" s="114">
        <v>231973</v>
      </c>
      <c r="DO26" s="114">
        <v>175207</v>
      </c>
      <c r="DP26" s="114">
        <v>91787</v>
      </c>
      <c r="DQ26" s="114">
        <v>159548</v>
      </c>
      <c r="DR26" s="113">
        <v>783350</v>
      </c>
      <c r="DS26" s="116">
        <v>823442</v>
      </c>
      <c r="DT26" s="110">
        <v>40092</v>
      </c>
      <c r="DU26" s="114">
        <v>0</v>
      </c>
      <c r="DV26" s="113">
        <v>40092</v>
      </c>
      <c r="DW26" s="110">
        <v>0</v>
      </c>
      <c r="DX26" s="114">
        <v>124835</v>
      </c>
      <c r="DY26" s="114">
        <v>112419</v>
      </c>
      <c r="DZ26" s="114">
        <v>175207</v>
      </c>
      <c r="EA26" s="114">
        <v>91787</v>
      </c>
      <c r="EB26" s="114">
        <v>93146</v>
      </c>
      <c r="EC26" s="113">
        <v>597394</v>
      </c>
      <c r="ED26" s="116">
        <v>637486</v>
      </c>
      <c r="EE26" s="110">
        <v>0</v>
      </c>
      <c r="EF26" s="112">
        <v>0</v>
      </c>
      <c r="EG26" s="113">
        <v>0</v>
      </c>
      <c r="EH26" s="110">
        <v>0</v>
      </c>
      <c r="EI26" s="114">
        <v>0</v>
      </c>
      <c r="EJ26" s="114">
        <v>119554</v>
      </c>
      <c r="EK26" s="114">
        <v>0</v>
      </c>
      <c r="EL26" s="114">
        <v>0</v>
      </c>
      <c r="EM26" s="114">
        <v>66402</v>
      </c>
      <c r="EN26" s="112">
        <v>185956</v>
      </c>
      <c r="EO26" s="116">
        <v>185956</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8"/>
      <c r="FE26" s="114">
        <v>0</v>
      </c>
      <c r="FF26" s="114">
        <v>0</v>
      </c>
      <c r="FG26" s="114">
        <v>0</v>
      </c>
      <c r="FH26" s="114">
        <v>0</v>
      </c>
      <c r="FI26" s="114">
        <v>0</v>
      </c>
      <c r="FJ26" s="113">
        <v>0</v>
      </c>
      <c r="FK26" s="116">
        <v>0</v>
      </c>
      <c r="FL26" s="110">
        <v>277872</v>
      </c>
      <c r="FM26" s="114">
        <v>46942</v>
      </c>
      <c r="FN26" s="113">
        <v>324814</v>
      </c>
      <c r="FO26" s="110">
        <v>0</v>
      </c>
      <c r="FP26" s="114">
        <v>48244</v>
      </c>
      <c r="FQ26" s="114">
        <v>366367</v>
      </c>
      <c r="FR26" s="114">
        <v>216237</v>
      </c>
      <c r="FS26" s="114">
        <v>136500</v>
      </c>
      <c r="FT26" s="114">
        <v>103740</v>
      </c>
      <c r="FU26" s="113">
        <v>871088</v>
      </c>
      <c r="FV26" s="116">
        <v>1195902</v>
      </c>
      <c r="FW26" s="115">
        <v>42784</v>
      </c>
      <c r="FX26" s="114">
        <v>28616</v>
      </c>
      <c r="FY26" s="112">
        <v>71400</v>
      </c>
      <c r="FZ26" s="111">
        <v>0</v>
      </c>
      <c r="GA26" s="114">
        <v>48244</v>
      </c>
      <c r="GB26" s="114">
        <v>350567</v>
      </c>
      <c r="GC26" s="114">
        <v>216237</v>
      </c>
      <c r="GD26" s="114">
        <v>136500</v>
      </c>
      <c r="GE26" s="114">
        <v>103740</v>
      </c>
      <c r="GF26" s="113">
        <v>855288</v>
      </c>
      <c r="GG26" s="319">
        <v>926688</v>
      </c>
      <c r="GH26" s="115">
        <v>0</v>
      </c>
      <c r="GI26" s="114">
        <v>18326</v>
      </c>
      <c r="GJ26" s="112">
        <v>18326</v>
      </c>
      <c r="GK26" s="111">
        <v>0</v>
      </c>
      <c r="GL26" s="114">
        <v>0</v>
      </c>
      <c r="GM26" s="114">
        <v>15800</v>
      </c>
      <c r="GN26" s="114">
        <v>0</v>
      </c>
      <c r="GO26" s="114">
        <v>0</v>
      </c>
      <c r="GP26" s="114">
        <v>0</v>
      </c>
      <c r="GQ26" s="113">
        <v>15800</v>
      </c>
      <c r="GR26" s="116">
        <v>34126</v>
      </c>
      <c r="GS26" s="110">
        <v>235088</v>
      </c>
      <c r="GT26" s="114">
        <v>0</v>
      </c>
      <c r="GU26" s="113">
        <v>235088</v>
      </c>
      <c r="GV26" s="110">
        <v>0</v>
      </c>
      <c r="GW26" s="114">
        <v>0</v>
      </c>
      <c r="GX26" s="114">
        <v>0</v>
      </c>
      <c r="GY26" s="114">
        <v>0</v>
      </c>
      <c r="GZ26" s="114">
        <v>0</v>
      </c>
      <c r="HA26" s="114">
        <v>0</v>
      </c>
      <c r="HB26" s="112">
        <v>0</v>
      </c>
      <c r="HC26" s="116">
        <v>235088</v>
      </c>
      <c r="HD26" s="110">
        <v>143609</v>
      </c>
      <c r="HE26" s="114">
        <v>0</v>
      </c>
      <c r="HF26" s="112">
        <v>143609</v>
      </c>
      <c r="HG26" s="111">
        <v>0</v>
      </c>
      <c r="HH26" s="114">
        <v>426501</v>
      </c>
      <c r="HI26" s="114">
        <v>471239</v>
      </c>
      <c r="HJ26" s="114">
        <v>519231</v>
      </c>
      <c r="HK26" s="114">
        <v>637008</v>
      </c>
      <c r="HL26" s="114">
        <v>626232</v>
      </c>
      <c r="HM26" s="113">
        <v>2680211</v>
      </c>
      <c r="HN26" s="109">
        <v>2823820</v>
      </c>
      <c r="HO26" s="329"/>
      <c r="HP26" s="330"/>
      <c r="HQ26" s="331"/>
      <c r="HR26" s="332"/>
      <c r="HS26" s="330"/>
      <c r="HT26" s="330"/>
      <c r="HU26" s="330"/>
      <c r="HV26" s="330"/>
      <c r="HW26" s="330"/>
      <c r="HX26" s="333"/>
      <c r="HY26" s="334"/>
      <c r="HZ26" s="150">
        <v>0</v>
      </c>
      <c r="IA26" s="135">
        <v>0</v>
      </c>
      <c r="IB26" s="150">
        <v>0</v>
      </c>
      <c r="IC26" s="134">
        <v>0</v>
      </c>
      <c r="ID26" s="135">
        <v>680849</v>
      </c>
      <c r="IE26" s="136">
        <v>524027</v>
      </c>
      <c r="IF26" s="137">
        <v>298628</v>
      </c>
      <c r="IG26" s="135">
        <v>518239</v>
      </c>
      <c r="IH26" s="137">
        <v>0</v>
      </c>
      <c r="II26" s="138">
        <v>2021743</v>
      </c>
      <c r="IJ26" s="150">
        <v>2021743</v>
      </c>
      <c r="IK26" s="232">
        <v>0</v>
      </c>
      <c r="IL26" s="236">
        <v>0</v>
      </c>
      <c r="IM26" s="237">
        <v>0</v>
      </c>
      <c r="IN26" s="140"/>
      <c r="IO26" s="119">
        <v>0</v>
      </c>
      <c r="IP26" s="119">
        <v>0</v>
      </c>
      <c r="IQ26" s="119">
        <v>0</v>
      </c>
      <c r="IR26" s="119">
        <v>0</v>
      </c>
      <c r="IS26" s="119">
        <v>0</v>
      </c>
      <c r="IT26" s="141">
        <v>0</v>
      </c>
      <c r="IU26" s="321">
        <v>0</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385831</v>
      </c>
      <c r="JL26" s="119">
        <v>188205</v>
      </c>
      <c r="JM26" s="119">
        <v>103879</v>
      </c>
      <c r="JN26" s="119">
        <v>43640</v>
      </c>
      <c r="JO26" s="119">
        <v>0</v>
      </c>
      <c r="JP26" s="120">
        <v>721555</v>
      </c>
      <c r="JQ26" s="321">
        <v>721555</v>
      </c>
      <c r="JR26" s="142">
        <v>0</v>
      </c>
      <c r="JS26" s="119">
        <v>0</v>
      </c>
      <c r="JT26" s="141">
        <v>0</v>
      </c>
      <c r="JU26" s="118">
        <v>0</v>
      </c>
      <c r="JV26" s="119">
        <v>0</v>
      </c>
      <c r="JW26" s="119">
        <v>0</v>
      </c>
      <c r="JX26" s="119">
        <v>0</v>
      </c>
      <c r="JY26" s="119">
        <v>0</v>
      </c>
      <c r="JZ26" s="119">
        <v>0</v>
      </c>
      <c r="KA26" s="120">
        <v>0</v>
      </c>
      <c r="KB26" s="321">
        <v>0</v>
      </c>
      <c r="KC26" s="234">
        <v>0</v>
      </c>
      <c r="KD26" s="230">
        <v>0</v>
      </c>
      <c r="KE26" s="120">
        <v>0</v>
      </c>
      <c r="KF26" s="118">
        <v>0</v>
      </c>
      <c r="KG26" s="119">
        <v>91610</v>
      </c>
      <c r="KH26" s="119">
        <v>0</v>
      </c>
      <c r="KI26" s="119">
        <v>194749</v>
      </c>
      <c r="KJ26" s="119">
        <v>219695</v>
      </c>
      <c r="KK26" s="119">
        <v>0</v>
      </c>
      <c r="KL26" s="120">
        <v>506054</v>
      </c>
      <c r="KM26" s="143">
        <v>506054</v>
      </c>
      <c r="KN26" s="232">
        <v>0</v>
      </c>
      <c r="KO26" s="236">
        <v>0</v>
      </c>
      <c r="KP26" s="237">
        <v>0</v>
      </c>
      <c r="KQ26" s="140"/>
      <c r="KR26" s="119">
        <v>203408</v>
      </c>
      <c r="KS26" s="119">
        <v>335822</v>
      </c>
      <c r="KT26" s="119">
        <v>0</v>
      </c>
      <c r="KU26" s="119">
        <v>254904</v>
      </c>
      <c r="KV26" s="119">
        <v>0</v>
      </c>
      <c r="KW26" s="120">
        <v>794134</v>
      </c>
      <c r="KX26" s="321">
        <v>794134</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1">
        <v>0</v>
      </c>
      <c r="LU26" s="142">
        <v>0</v>
      </c>
      <c r="LV26" s="119">
        <v>0</v>
      </c>
      <c r="LW26" s="120">
        <v>0</v>
      </c>
      <c r="LX26" s="145"/>
      <c r="LY26" s="119">
        <v>0</v>
      </c>
      <c r="LZ26" s="119">
        <v>0</v>
      </c>
      <c r="MA26" s="119">
        <v>0</v>
      </c>
      <c r="MB26" s="119">
        <v>0</v>
      </c>
      <c r="MC26" s="119">
        <v>0</v>
      </c>
      <c r="MD26" s="120">
        <v>0</v>
      </c>
      <c r="ME26" s="121">
        <v>0</v>
      </c>
      <c r="MF26" s="142">
        <v>0</v>
      </c>
      <c r="MG26" s="119">
        <v>0</v>
      </c>
      <c r="MH26" s="120">
        <v>0</v>
      </c>
      <c r="MI26" s="145"/>
      <c r="MJ26" s="119">
        <v>0</v>
      </c>
      <c r="MK26" s="119">
        <v>680272</v>
      </c>
      <c r="ML26" s="119">
        <v>733663</v>
      </c>
      <c r="MM26" s="119">
        <v>847828</v>
      </c>
      <c r="MN26" s="119">
        <v>1557354</v>
      </c>
      <c r="MO26" s="120">
        <v>3819117</v>
      </c>
      <c r="MP26" s="143">
        <v>3819117</v>
      </c>
      <c r="MQ26" s="142">
        <v>0</v>
      </c>
      <c r="MR26" s="119">
        <v>0</v>
      </c>
      <c r="MS26" s="120">
        <v>0</v>
      </c>
      <c r="MT26" s="145"/>
      <c r="MU26" s="119">
        <v>0</v>
      </c>
      <c r="MV26" s="119">
        <v>0</v>
      </c>
      <c r="MW26" s="119">
        <v>281231</v>
      </c>
      <c r="MX26" s="119">
        <v>578139</v>
      </c>
      <c r="MY26" s="119">
        <v>722229</v>
      </c>
      <c r="MZ26" s="120">
        <v>1581599</v>
      </c>
      <c r="NA26" s="143">
        <v>1581599</v>
      </c>
      <c r="NB26" s="142">
        <v>0</v>
      </c>
      <c r="NC26" s="119">
        <v>0</v>
      </c>
      <c r="ND26" s="120">
        <v>0</v>
      </c>
      <c r="NE26" s="145"/>
      <c r="NF26" s="119">
        <v>0</v>
      </c>
      <c r="NG26" s="119">
        <v>680272</v>
      </c>
      <c r="NH26" s="119">
        <v>452432</v>
      </c>
      <c r="NI26" s="119">
        <v>269689</v>
      </c>
      <c r="NJ26" s="119">
        <v>529067</v>
      </c>
      <c r="NK26" s="120">
        <v>1931460</v>
      </c>
      <c r="NL26" s="321">
        <v>1931460</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0</v>
      </c>
      <c r="OF26" s="119">
        <v>306058</v>
      </c>
      <c r="OG26" s="120">
        <v>306058</v>
      </c>
      <c r="OH26" s="121">
        <v>306058</v>
      </c>
      <c r="OI26" s="142">
        <v>623549</v>
      </c>
      <c r="OJ26" s="119">
        <v>161857</v>
      </c>
      <c r="OK26" s="141">
        <v>785406</v>
      </c>
      <c r="OL26" s="118">
        <v>0</v>
      </c>
      <c r="OM26" s="119">
        <v>2600078</v>
      </c>
      <c r="ON26" s="119">
        <v>4561477</v>
      </c>
      <c r="OO26" s="119">
        <v>3555733</v>
      </c>
      <c r="OP26" s="119">
        <v>3482628</v>
      </c>
      <c r="OQ26" s="119">
        <v>3195514</v>
      </c>
      <c r="OR26" s="120">
        <v>17395430</v>
      </c>
      <c r="OS26" s="143">
        <v>18180836</v>
      </c>
    </row>
    <row r="27" spans="2:409" ht="20.25" customHeight="1" x14ac:dyDescent="0.2">
      <c r="B27" s="126" t="s">
        <v>22</v>
      </c>
      <c r="C27" s="110">
        <v>26236</v>
      </c>
      <c r="D27" s="114">
        <v>123571</v>
      </c>
      <c r="E27" s="113">
        <v>149807</v>
      </c>
      <c r="F27" s="109">
        <v>0</v>
      </c>
      <c r="G27" s="114">
        <v>959049</v>
      </c>
      <c r="H27" s="114">
        <v>975767</v>
      </c>
      <c r="I27" s="114">
        <v>480067</v>
      </c>
      <c r="J27" s="114">
        <v>1710714</v>
      </c>
      <c r="K27" s="114">
        <v>1422602</v>
      </c>
      <c r="L27" s="173">
        <v>5548199</v>
      </c>
      <c r="M27" s="116">
        <v>5698006</v>
      </c>
      <c r="N27" s="110">
        <v>21546</v>
      </c>
      <c r="O27" s="114">
        <v>28686</v>
      </c>
      <c r="P27" s="113">
        <v>50232</v>
      </c>
      <c r="Q27" s="110">
        <v>0</v>
      </c>
      <c r="R27" s="114">
        <v>303982</v>
      </c>
      <c r="S27" s="114">
        <v>293595</v>
      </c>
      <c r="T27" s="114">
        <v>109763</v>
      </c>
      <c r="U27" s="114">
        <v>244314</v>
      </c>
      <c r="V27" s="114">
        <v>820355</v>
      </c>
      <c r="W27" s="113">
        <v>1772009</v>
      </c>
      <c r="X27" s="116">
        <v>1822241</v>
      </c>
      <c r="Y27" s="110">
        <v>0</v>
      </c>
      <c r="Z27" s="114">
        <v>0</v>
      </c>
      <c r="AA27" s="113">
        <v>0</v>
      </c>
      <c r="AB27" s="110">
        <v>0</v>
      </c>
      <c r="AC27" s="114">
        <v>101367</v>
      </c>
      <c r="AD27" s="114">
        <v>87312</v>
      </c>
      <c r="AE27" s="114">
        <v>53875</v>
      </c>
      <c r="AF27" s="114">
        <v>0</v>
      </c>
      <c r="AG27" s="114">
        <v>201254</v>
      </c>
      <c r="AH27" s="113">
        <v>443808</v>
      </c>
      <c r="AI27" s="116">
        <v>443808</v>
      </c>
      <c r="AJ27" s="110">
        <v>0</v>
      </c>
      <c r="AK27" s="114">
        <v>0</v>
      </c>
      <c r="AL27" s="113">
        <v>0</v>
      </c>
      <c r="AM27" s="110">
        <v>0</v>
      </c>
      <c r="AN27" s="114">
        <v>0</v>
      </c>
      <c r="AO27" s="114">
        <v>0</v>
      </c>
      <c r="AP27" s="114">
        <v>28392</v>
      </c>
      <c r="AQ27" s="114">
        <v>66248</v>
      </c>
      <c r="AR27" s="114">
        <v>371431</v>
      </c>
      <c r="AS27" s="113">
        <v>466071</v>
      </c>
      <c r="AT27" s="116">
        <v>466071</v>
      </c>
      <c r="AU27" s="110">
        <v>21546</v>
      </c>
      <c r="AV27" s="114">
        <v>20286</v>
      </c>
      <c r="AW27" s="113">
        <v>41832</v>
      </c>
      <c r="AX27" s="110">
        <v>0</v>
      </c>
      <c r="AY27" s="114">
        <v>95823</v>
      </c>
      <c r="AZ27" s="114">
        <v>168035</v>
      </c>
      <c r="BA27" s="114">
        <v>10850</v>
      </c>
      <c r="BB27" s="114">
        <v>76552</v>
      </c>
      <c r="BC27" s="114">
        <v>224052</v>
      </c>
      <c r="BD27" s="113">
        <v>575312</v>
      </c>
      <c r="BE27" s="116">
        <v>617144</v>
      </c>
      <c r="BF27" s="110">
        <v>0</v>
      </c>
      <c r="BG27" s="114">
        <v>0</v>
      </c>
      <c r="BH27" s="112">
        <v>0</v>
      </c>
      <c r="BI27" s="111">
        <v>0</v>
      </c>
      <c r="BJ27" s="114">
        <v>73493</v>
      </c>
      <c r="BK27" s="114">
        <v>8092</v>
      </c>
      <c r="BL27" s="114">
        <v>0</v>
      </c>
      <c r="BM27" s="114">
        <v>33838</v>
      </c>
      <c r="BN27" s="114">
        <v>0</v>
      </c>
      <c r="BO27" s="113">
        <v>115423</v>
      </c>
      <c r="BP27" s="116">
        <v>115423</v>
      </c>
      <c r="BQ27" s="110">
        <v>0</v>
      </c>
      <c r="BR27" s="114">
        <v>8400</v>
      </c>
      <c r="BS27" s="113">
        <v>8400</v>
      </c>
      <c r="BT27" s="110">
        <v>0</v>
      </c>
      <c r="BU27" s="114">
        <v>33299</v>
      </c>
      <c r="BV27" s="114">
        <v>30156</v>
      </c>
      <c r="BW27" s="114">
        <v>16646</v>
      </c>
      <c r="BX27" s="114">
        <v>67676</v>
      </c>
      <c r="BY27" s="114">
        <v>23618</v>
      </c>
      <c r="BZ27" s="113">
        <v>171395</v>
      </c>
      <c r="CA27" s="116">
        <v>179795</v>
      </c>
      <c r="CB27" s="110">
        <v>0</v>
      </c>
      <c r="CC27" s="114">
        <v>0</v>
      </c>
      <c r="CD27" s="113">
        <v>0</v>
      </c>
      <c r="CE27" s="110">
        <v>0</v>
      </c>
      <c r="CF27" s="114">
        <v>289019</v>
      </c>
      <c r="CG27" s="114">
        <v>123837</v>
      </c>
      <c r="CH27" s="114">
        <v>100487</v>
      </c>
      <c r="CI27" s="114">
        <v>467590</v>
      </c>
      <c r="CJ27" s="114">
        <v>123326</v>
      </c>
      <c r="CK27" s="113">
        <v>1104259</v>
      </c>
      <c r="CL27" s="116">
        <v>1104259</v>
      </c>
      <c r="CM27" s="110">
        <v>0</v>
      </c>
      <c r="CN27" s="114">
        <v>0</v>
      </c>
      <c r="CO27" s="113">
        <v>0</v>
      </c>
      <c r="CP27" s="111">
        <v>0</v>
      </c>
      <c r="CQ27" s="114">
        <v>289019</v>
      </c>
      <c r="CR27" s="114">
        <v>95501</v>
      </c>
      <c r="CS27" s="114">
        <v>90208</v>
      </c>
      <c r="CT27" s="114">
        <v>382029</v>
      </c>
      <c r="CU27" s="114">
        <v>123326</v>
      </c>
      <c r="CV27" s="113">
        <v>980083</v>
      </c>
      <c r="CW27" s="116">
        <v>980083</v>
      </c>
      <c r="CX27" s="110">
        <v>0</v>
      </c>
      <c r="CY27" s="114">
        <v>0</v>
      </c>
      <c r="CZ27" s="113">
        <v>0</v>
      </c>
      <c r="DA27" s="110">
        <v>0</v>
      </c>
      <c r="DB27" s="114">
        <v>0</v>
      </c>
      <c r="DC27" s="114">
        <v>28336</v>
      </c>
      <c r="DD27" s="114">
        <v>10279</v>
      </c>
      <c r="DE27" s="114">
        <v>85561</v>
      </c>
      <c r="DF27" s="114">
        <v>0</v>
      </c>
      <c r="DG27" s="113">
        <v>124176</v>
      </c>
      <c r="DH27" s="116">
        <v>124176</v>
      </c>
      <c r="DI27" s="110">
        <v>0</v>
      </c>
      <c r="DJ27" s="114">
        <v>0</v>
      </c>
      <c r="DK27" s="112">
        <v>0</v>
      </c>
      <c r="DL27" s="111">
        <v>0</v>
      </c>
      <c r="DM27" s="114">
        <v>25662</v>
      </c>
      <c r="DN27" s="114">
        <v>0</v>
      </c>
      <c r="DO27" s="114">
        <v>40948</v>
      </c>
      <c r="DP27" s="114">
        <v>0</v>
      </c>
      <c r="DQ27" s="114">
        <v>0</v>
      </c>
      <c r="DR27" s="113">
        <v>66610</v>
      </c>
      <c r="DS27" s="116">
        <v>66610</v>
      </c>
      <c r="DT27" s="110">
        <v>0</v>
      </c>
      <c r="DU27" s="114">
        <v>0</v>
      </c>
      <c r="DV27" s="113">
        <v>0</v>
      </c>
      <c r="DW27" s="110">
        <v>0</v>
      </c>
      <c r="DX27" s="114">
        <v>25662</v>
      </c>
      <c r="DY27" s="114">
        <v>0</v>
      </c>
      <c r="DZ27" s="114">
        <v>40948</v>
      </c>
      <c r="EA27" s="114">
        <v>0</v>
      </c>
      <c r="EB27" s="114">
        <v>0</v>
      </c>
      <c r="EC27" s="113">
        <v>66610</v>
      </c>
      <c r="ED27" s="116">
        <v>66610</v>
      </c>
      <c r="EE27" s="110">
        <v>0</v>
      </c>
      <c r="EF27" s="112">
        <v>0</v>
      </c>
      <c r="EG27" s="113">
        <v>0</v>
      </c>
      <c r="EH27" s="110">
        <v>0</v>
      </c>
      <c r="EI27" s="114">
        <v>0</v>
      </c>
      <c r="EJ27" s="114">
        <v>0</v>
      </c>
      <c r="EK27" s="114">
        <v>0</v>
      </c>
      <c r="EL27" s="114">
        <v>0</v>
      </c>
      <c r="EM27" s="114">
        <v>0</v>
      </c>
      <c r="EN27" s="112">
        <v>0</v>
      </c>
      <c r="EO27" s="116">
        <v>0</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8"/>
      <c r="FE27" s="114">
        <v>0</v>
      </c>
      <c r="FF27" s="114">
        <v>0</v>
      </c>
      <c r="FG27" s="114">
        <v>0</v>
      </c>
      <c r="FH27" s="114">
        <v>0</v>
      </c>
      <c r="FI27" s="114">
        <v>0</v>
      </c>
      <c r="FJ27" s="113">
        <v>0</v>
      </c>
      <c r="FK27" s="116">
        <v>0</v>
      </c>
      <c r="FL27" s="110">
        <v>4690</v>
      </c>
      <c r="FM27" s="114">
        <v>18480</v>
      </c>
      <c r="FN27" s="113">
        <v>23170</v>
      </c>
      <c r="FO27" s="110">
        <v>0</v>
      </c>
      <c r="FP27" s="114">
        <v>65352</v>
      </c>
      <c r="FQ27" s="114">
        <v>99687</v>
      </c>
      <c r="FR27" s="114">
        <v>48321</v>
      </c>
      <c r="FS27" s="114">
        <v>69741</v>
      </c>
      <c r="FT27" s="114">
        <v>77574</v>
      </c>
      <c r="FU27" s="113">
        <v>360675</v>
      </c>
      <c r="FV27" s="116">
        <v>383845</v>
      </c>
      <c r="FW27" s="115">
        <v>4690</v>
      </c>
      <c r="FX27" s="114">
        <v>18480</v>
      </c>
      <c r="FY27" s="112">
        <v>23170</v>
      </c>
      <c r="FZ27" s="111">
        <v>0</v>
      </c>
      <c r="GA27" s="114">
        <v>65352</v>
      </c>
      <c r="GB27" s="114">
        <v>99687</v>
      </c>
      <c r="GC27" s="114">
        <v>48321</v>
      </c>
      <c r="GD27" s="114">
        <v>69741</v>
      </c>
      <c r="GE27" s="114">
        <v>77574</v>
      </c>
      <c r="GF27" s="113">
        <v>360675</v>
      </c>
      <c r="GG27" s="319">
        <v>383845</v>
      </c>
      <c r="GH27" s="115">
        <v>0</v>
      </c>
      <c r="GI27" s="114">
        <v>0</v>
      </c>
      <c r="GJ27" s="112">
        <v>0</v>
      </c>
      <c r="GK27" s="111">
        <v>0</v>
      </c>
      <c r="GL27" s="114">
        <v>0</v>
      </c>
      <c r="GM27" s="114">
        <v>0</v>
      </c>
      <c r="GN27" s="114">
        <v>0</v>
      </c>
      <c r="GO27" s="114">
        <v>0</v>
      </c>
      <c r="GP27" s="114">
        <v>0</v>
      </c>
      <c r="GQ27" s="113">
        <v>0</v>
      </c>
      <c r="GR27" s="116">
        <v>0</v>
      </c>
      <c r="GS27" s="110">
        <v>0</v>
      </c>
      <c r="GT27" s="114">
        <v>0</v>
      </c>
      <c r="GU27" s="113">
        <v>0</v>
      </c>
      <c r="GV27" s="110">
        <v>0</v>
      </c>
      <c r="GW27" s="114">
        <v>0</v>
      </c>
      <c r="GX27" s="114">
        <v>0</v>
      </c>
      <c r="GY27" s="114">
        <v>0</v>
      </c>
      <c r="GZ27" s="114">
        <v>0</v>
      </c>
      <c r="HA27" s="114">
        <v>0</v>
      </c>
      <c r="HB27" s="112">
        <v>0</v>
      </c>
      <c r="HC27" s="116">
        <v>0</v>
      </c>
      <c r="HD27" s="110">
        <v>0</v>
      </c>
      <c r="HE27" s="114">
        <v>76405</v>
      </c>
      <c r="HF27" s="112">
        <v>76405</v>
      </c>
      <c r="HG27" s="111">
        <v>0</v>
      </c>
      <c r="HH27" s="114">
        <v>275034</v>
      </c>
      <c r="HI27" s="114">
        <v>458648</v>
      </c>
      <c r="HJ27" s="114">
        <v>180548</v>
      </c>
      <c r="HK27" s="114">
        <v>929069</v>
      </c>
      <c r="HL27" s="114">
        <v>401347</v>
      </c>
      <c r="HM27" s="113">
        <v>2244646</v>
      </c>
      <c r="HN27" s="109">
        <v>2321051</v>
      </c>
      <c r="HO27" s="329"/>
      <c r="HP27" s="330"/>
      <c r="HQ27" s="331"/>
      <c r="HR27" s="332"/>
      <c r="HS27" s="330"/>
      <c r="HT27" s="330"/>
      <c r="HU27" s="330"/>
      <c r="HV27" s="330"/>
      <c r="HW27" s="330"/>
      <c r="HX27" s="333"/>
      <c r="HY27" s="334"/>
      <c r="HZ27" s="131">
        <v>34923</v>
      </c>
      <c r="IA27" s="132">
        <v>0</v>
      </c>
      <c r="IB27" s="133">
        <v>34923</v>
      </c>
      <c r="IC27" s="146">
        <v>0</v>
      </c>
      <c r="ID27" s="132">
        <v>562471</v>
      </c>
      <c r="IE27" s="147">
        <v>229166</v>
      </c>
      <c r="IF27" s="133">
        <v>274337</v>
      </c>
      <c r="IG27" s="132">
        <v>455126</v>
      </c>
      <c r="IH27" s="133">
        <v>225015</v>
      </c>
      <c r="II27" s="148">
        <v>1746115</v>
      </c>
      <c r="IJ27" s="139">
        <v>1781038</v>
      </c>
      <c r="IK27" s="232">
        <v>0</v>
      </c>
      <c r="IL27" s="236">
        <v>0</v>
      </c>
      <c r="IM27" s="237">
        <v>0</v>
      </c>
      <c r="IN27" s="140"/>
      <c r="IO27" s="119">
        <v>152600</v>
      </c>
      <c r="IP27" s="119">
        <v>85757</v>
      </c>
      <c r="IQ27" s="119">
        <v>0</v>
      </c>
      <c r="IR27" s="119">
        <v>0</v>
      </c>
      <c r="IS27" s="119">
        <v>0</v>
      </c>
      <c r="IT27" s="141">
        <v>238357</v>
      </c>
      <c r="IU27" s="321">
        <v>238357</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409871</v>
      </c>
      <c r="JL27" s="119">
        <v>15848</v>
      </c>
      <c r="JM27" s="119">
        <v>0</v>
      </c>
      <c r="JN27" s="119">
        <v>0</v>
      </c>
      <c r="JO27" s="119">
        <v>0</v>
      </c>
      <c r="JP27" s="120">
        <v>425719</v>
      </c>
      <c r="JQ27" s="321">
        <v>425719</v>
      </c>
      <c r="JR27" s="142">
        <v>0</v>
      </c>
      <c r="JS27" s="119">
        <v>0</v>
      </c>
      <c r="JT27" s="141">
        <v>0</v>
      </c>
      <c r="JU27" s="118">
        <v>0</v>
      </c>
      <c r="JV27" s="119">
        <v>0</v>
      </c>
      <c r="JW27" s="119">
        <v>0</v>
      </c>
      <c r="JX27" s="119">
        <v>64610</v>
      </c>
      <c r="JY27" s="119">
        <v>0</v>
      </c>
      <c r="JZ27" s="119">
        <v>0</v>
      </c>
      <c r="KA27" s="120">
        <v>64610</v>
      </c>
      <c r="KB27" s="321">
        <v>64610</v>
      </c>
      <c r="KC27" s="234">
        <v>34923</v>
      </c>
      <c r="KD27" s="230">
        <v>0</v>
      </c>
      <c r="KE27" s="120">
        <v>34923</v>
      </c>
      <c r="KF27" s="118">
        <v>0</v>
      </c>
      <c r="KG27" s="119">
        <v>0</v>
      </c>
      <c r="KH27" s="119">
        <v>127561</v>
      </c>
      <c r="KI27" s="119">
        <v>0</v>
      </c>
      <c r="KJ27" s="119">
        <v>0</v>
      </c>
      <c r="KK27" s="119">
        <v>0</v>
      </c>
      <c r="KL27" s="120">
        <v>127561</v>
      </c>
      <c r="KM27" s="143">
        <v>162484</v>
      </c>
      <c r="KN27" s="232">
        <v>0</v>
      </c>
      <c r="KO27" s="236">
        <v>0</v>
      </c>
      <c r="KP27" s="237">
        <v>0</v>
      </c>
      <c r="KQ27" s="140"/>
      <c r="KR27" s="119">
        <v>0</v>
      </c>
      <c r="KS27" s="119">
        <v>0</v>
      </c>
      <c r="KT27" s="119">
        <v>209727</v>
      </c>
      <c r="KU27" s="119">
        <v>0</v>
      </c>
      <c r="KV27" s="119">
        <v>225015</v>
      </c>
      <c r="KW27" s="120">
        <v>434742</v>
      </c>
      <c r="KX27" s="321">
        <v>434742</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0</v>
      </c>
      <c r="LQ27" s="119">
        <v>455126</v>
      </c>
      <c r="LR27" s="119">
        <v>0</v>
      </c>
      <c r="LS27" s="120">
        <v>455126</v>
      </c>
      <c r="LT27" s="321">
        <v>455126</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0</v>
      </c>
      <c r="MK27" s="119">
        <v>0</v>
      </c>
      <c r="ML27" s="119">
        <v>682166</v>
      </c>
      <c r="MM27" s="119">
        <v>0</v>
      </c>
      <c r="MN27" s="119">
        <v>0</v>
      </c>
      <c r="MO27" s="120">
        <v>682166</v>
      </c>
      <c r="MP27" s="143">
        <v>682166</v>
      </c>
      <c r="MQ27" s="142">
        <v>0</v>
      </c>
      <c r="MR27" s="119">
        <v>0</v>
      </c>
      <c r="MS27" s="120">
        <v>0</v>
      </c>
      <c r="MT27" s="145"/>
      <c r="MU27" s="119">
        <v>0</v>
      </c>
      <c r="MV27" s="119">
        <v>0</v>
      </c>
      <c r="MW27" s="119">
        <v>0</v>
      </c>
      <c r="MX27" s="119">
        <v>0</v>
      </c>
      <c r="MY27" s="119">
        <v>0</v>
      </c>
      <c r="MZ27" s="120">
        <v>0</v>
      </c>
      <c r="NA27" s="143">
        <v>0</v>
      </c>
      <c r="NB27" s="142">
        <v>0</v>
      </c>
      <c r="NC27" s="119">
        <v>0</v>
      </c>
      <c r="ND27" s="120">
        <v>0</v>
      </c>
      <c r="NE27" s="145"/>
      <c r="NF27" s="119">
        <v>0</v>
      </c>
      <c r="NG27" s="119">
        <v>0</v>
      </c>
      <c r="NH27" s="119">
        <v>682166</v>
      </c>
      <c r="NI27" s="119">
        <v>0</v>
      </c>
      <c r="NJ27" s="119">
        <v>0</v>
      </c>
      <c r="NK27" s="120">
        <v>682166</v>
      </c>
      <c r="NL27" s="321">
        <v>682166</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61159</v>
      </c>
      <c r="OJ27" s="119">
        <v>123571</v>
      </c>
      <c r="OK27" s="141">
        <v>184730</v>
      </c>
      <c r="OL27" s="118">
        <v>0</v>
      </c>
      <c r="OM27" s="119">
        <v>1521520</v>
      </c>
      <c r="ON27" s="119">
        <v>1204933</v>
      </c>
      <c r="OO27" s="119">
        <v>1436570</v>
      </c>
      <c r="OP27" s="119">
        <v>2165840</v>
      </c>
      <c r="OQ27" s="119">
        <v>1647617</v>
      </c>
      <c r="OR27" s="120">
        <v>7976480</v>
      </c>
      <c r="OS27" s="143">
        <v>8161210</v>
      </c>
    </row>
    <row r="28" spans="2:409" ht="20.25" customHeight="1" x14ac:dyDescent="0.2">
      <c r="B28" s="126" t="s">
        <v>23</v>
      </c>
      <c r="C28" s="110">
        <v>70541</v>
      </c>
      <c r="D28" s="114">
        <v>55813</v>
      </c>
      <c r="E28" s="113">
        <v>126354</v>
      </c>
      <c r="F28" s="109">
        <v>0</v>
      </c>
      <c r="G28" s="114">
        <v>1383683</v>
      </c>
      <c r="H28" s="114">
        <v>2871517</v>
      </c>
      <c r="I28" s="114">
        <v>2702599</v>
      </c>
      <c r="J28" s="114">
        <v>2983978</v>
      </c>
      <c r="K28" s="114">
        <v>826826</v>
      </c>
      <c r="L28" s="173">
        <v>10768603</v>
      </c>
      <c r="M28" s="116">
        <v>10894957</v>
      </c>
      <c r="N28" s="110">
        <v>60657</v>
      </c>
      <c r="O28" s="114">
        <v>44473</v>
      </c>
      <c r="P28" s="113">
        <v>105130</v>
      </c>
      <c r="Q28" s="110">
        <v>0</v>
      </c>
      <c r="R28" s="114">
        <v>154827</v>
      </c>
      <c r="S28" s="114">
        <v>873777</v>
      </c>
      <c r="T28" s="114">
        <v>718029</v>
      </c>
      <c r="U28" s="114">
        <v>379524</v>
      </c>
      <c r="V28" s="114">
        <v>62615</v>
      </c>
      <c r="W28" s="113">
        <v>2188772</v>
      </c>
      <c r="X28" s="116">
        <v>2293902</v>
      </c>
      <c r="Y28" s="110">
        <v>0</v>
      </c>
      <c r="Z28" s="114">
        <v>0</v>
      </c>
      <c r="AA28" s="113">
        <v>0</v>
      </c>
      <c r="AB28" s="110">
        <v>0</v>
      </c>
      <c r="AC28" s="114">
        <v>6312</v>
      </c>
      <c r="AD28" s="114">
        <v>365320</v>
      </c>
      <c r="AE28" s="114">
        <v>340086</v>
      </c>
      <c r="AF28" s="114">
        <v>31952</v>
      </c>
      <c r="AG28" s="114">
        <v>0</v>
      </c>
      <c r="AH28" s="113">
        <v>743670</v>
      </c>
      <c r="AI28" s="116">
        <v>743670</v>
      </c>
      <c r="AJ28" s="110">
        <v>0</v>
      </c>
      <c r="AK28" s="114">
        <v>0</v>
      </c>
      <c r="AL28" s="113">
        <v>0</v>
      </c>
      <c r="AM28" s="110">
        <v>0</v>
      </c>
      <c r="AN28" s="114">
        <v>0</v>
      </c>
      <c r="AO28" s="114">
        <v>41035</v>
      </c>
      <c r="AP28" s="114">
        <v>0</v>
      </c>
      <c r="AQ28" s="114">
        <v>61003</v>
      </c>
      <c r="AR28" s="114">
        <v>0</v>
      </c>
      <c r="AS28" s="113">
        <v>102038</v>
      </c>
      <c r="AT28" s="116">
        <v>102038</v>
      </c>
      <c r="AU28" s="110">
        <v>54518</v>
      </c>
      <c r="AV28" s="114">
        <v>24192</v>
      </c>
      <c r="AW28" s="113">
        <v>78710</v>
      </c>
      <c r="AX28" s="110">
        <v>0</v>
      </c>
      <c r="AY28" s="114">
        <v>100978</v>
      </c>
      <c r="AZ28" s="114">
        <v>249439</v>
      </c>
      <c r="BA28" s="114">
        <v>280391</v>
      </c>
      <c r="BB28" s="114">
        <v>126458</v>
      </c>
      <c r="BC28" s="114">
        <v>32641</v>
      </c>
      <c r="BD28" s="113">
        <v>789907</v>
      </c>
      <c r="BE28" s="116">
        <v>868617</v>
      </c>
      <c r="BF28" s="110">
        <v>0</v>
      </c>
      <c r="BG28" s="114">
        <v>20281</v>
      </c>
      <c r="BH28" s="112">
        <v>20281</v>
      </c>
      <c r="BI28" s="111">
        <v>0</v>
      </c>
      <c r="BJ28" s="114">
        <v>0</v>
      </c>
      <c r="BK28" s="114">
        <v>122447</v>
      </c>
      <c r="BL28" s="114">
        <v>0</v>
      </c>
      <c r="BM28" s="114">
        <v>0</v>
      </c>
      <c r="BN28" s="114">
        <v>0</v>
      </c>
      <c r="BO28" s="113">
        <v>122447</v>
      </c>
      <c r="BP28" s="116">
        <v>142728</v>
      </c>
      <c r="BQ28" s="110">
        <v>6139</v>
      </c>
      <c r="BR28" s="114">
        <v>0</v>
      </c>
      <c r="BS28" s="113">
        <v>6139</v>
      </c>
      <c r="BT28" s="110">
        <v>0</v>
      </c>
      <c r="BU28" s="114">
        <v>47537</v>
      </c>
      <c r="BV28" s="114">
        <v>95536</v>
      </c>
      <c r="BW28" s="114">
        <v>97552</v>
      </c>
      <c r="BX28" s="114">
        <v>160111</v>
      </c>
      <c r="BY28" s="114">
        <v>29974</v>
      </c>
      <c r="BZ28" s="113">
        <v>430710</v>
      </c>
      <c r="CA28" s="116">
        <v>436849</v>
      </c>
      <c r="CB28" s="110">
        <v>0</v>
      </c>
      <c r="CC28" s="114">
        <v>0</v>
      </c>
      <c r="CD28" s="113">
        <v>0</v>
      </c>
      <c r="CE28" s="110">
        <v>0</v>
      </c>
      <c r="CF28" s="114">
        <v>435463</v>
      </c>
      <c r="CG28" s="114">
        <v>1188834</v>
      </c>
      <c r="CH28" s="114">
        <v>747866</v>
      </c>
      <c r="CI28" s="114">
        <v>767250</v>
      </c>
      <c r="CJ28" s="114">
        <v>0</v>
      </c>
      <c r="CK28" s="113">
        <v>3139413</v>
      </c>
      <c r="CL28" s="116">
        <v>3139413</v>
      </c>
      <c r="CM28" s="110">
        <v>0</v>
      </c>
      <c r="CN28" s="114">
        <v>0</v>
      </c>
      <c r="CO28" s="113">
        <v>0</v>
      </c>
      <c r="CP28" s="111">
        <v>0</v>
      </c>
      <c r="CQ28" s="114">
        <v>360470</v>
      </c>
      <c r="CR28" s="114">
        <v>930536</v>
      </c>
      <c r="CS28" s="114">
        <v>294045</v>
      </c>
      <c r="CT28" s="114">
        <v>474075</v>
      </c>
      <c r="CU28" s="114">
        <v>0</v>
      </c>
      <c r="CV28" s="113">
        <v>2059126</v>
      </c>
      <c r="CW28" s="116">
        <v>2059126</v>
      </c>
      <c r="CX28" s="110">
        <v>0</v>
      </c>
      <c r="CY28" s="114">
        <v>0</v>
      </c>
      <c r="CZ28" s="113">
        <v>0</v>
      </c>
      <c r="DA28" s="110">
        <v>0</v>
      </c>
      <c r="DB28" s="114">
        <v>74993</v>
      </c>
      <c r="DC28" s="114">
        <v>258298</v>
      </c>
      <c r="DD28" s="114">
        <v>453821</v>
      </c>
      <c r="DE28" s="114">
        <v>293175</v>
      </c>
      <c r="DF28" s="114">
        <v>0</v>
      </c>
      <c r="DG28" s="113">
        <v>1080287</v>
      </c>
      <c r="DH28" s="116">
        <v>1080287</v>
      </c>
      <c r="DI28" s="110">
        <v>0</v>
      </c>
      <c r="DJ28" s="114">
        <v>0</v>
      </c>
      <c r="DK28" s="112">
        <v>0</v>
      </c>
      <c r="DL28" s="111">
        <v>0</v>
      </c>
      <c r="DM28" s="114">
        <v>41258</v>
      </c>
      <c r="DN28" s="114">
        <v>83700</v>
      </c>
      <c r="DO28" s="114">
        <v>264628</v>
      </c>
      <c r="DP28" s="114">
        <v>150046</v>
      </c>
      <c r="DQ28" s="114">
        <v>112465</v>
      </c>
      <c r="DR28" s="113">
        <v>652097</v>
      </c>
      <c r="DS28" s="116">
        <v>652097</v>
      </c>
      <c r="DT28" s="110">
        <v>0</v>
      </c>
      <c r="DU28" s="114">
        <v>0</v>
      </c>
      <c r="DV28" s="113">
        <v>0</v>
      </c>
      <c r="DW28" s="110">
        <v>0</v>
      </c>
      <c r="DX28" s="114">
        <v>41258</v>
      </c>
      <c r="DY28" s="114">
        <v>83700</v>
      </c>
      <c r="DZ28" s="114">
        <v>264628</v>
      </c>
      <c r="EA28" s="114">
        <v>150046</v>
      </c>
      <c r="EB28" s="114">
        <v>112465</v>
      </c>
      <c r="EC28" s="113">
        <v>652097</v>
      </c>
      <c r="ED28" s="116">
        <v>652097</v>
      </c>
      <c r="EE28" s="110">
        <v>0</v>
      </c>
      <c r="EF28" s="112">
        <v>0</v>
      </c>
      <c r="EG28" s="113">
        <v>0</v>
      </c>
      <c r="EH28" s="110">
        <v>0</v>
      </c>
      <c r="EI28" s="114">
        <v>0</v>
      </c>
      <c r="EJ28" s="114">
        <v>0</v>
      </c>
      <c r="EK28" s="114">
        <v>0</v>
      </c>
      <c r="EL28" s="114">
        <v>0</v>
      </c>
      <c r="EM28" s="114">
        <v>0</v>
      </c>
      <c r="EN28" s="112">
        <v>0</v>
      </c>
      <c r="EO28" s="116">
        <v>0</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8"/>
      <c r="FE28" s="114">
        <v>0</v>
      </c>
      <c r="FF28" s="114">
        <v>0</v>
      </c>
      <c r="FG28" s="114">
        <v>0</v>
      </c>
      <c r="FH28" s="114">
        <v>0</v>
      </c>
      <c r="FI28" s="114">
        <v>0</v>
      </c>
      <c r="FJ28" s="113">
        <v>0</v>
      </c>
      <c r="FK28" s="116">
        <v>0</v>
      </c>
      <c r="FL28" s="110">
        <v>9884</v>
      </c>
      <c r="FM28" s="114">
        <v>11340</v>
      </c>
      <c r="FN28" s="113">
        <v>21224</v>
      </c>
      <c r="FO28" s="110">
        <v>0</v>
      </c>
      <c r="FP28" s="114">
        <v>107548</v>
      </c>
      <c r="FQ28" s="114">
        <v>411782</v>
      </c>
      <c r="FR28" s="114">
        <v>254338</v>
      </c>
      <c r="FS28" s="114">
        <v>167741</v>
      </c>
      <c r="FT28" s="114">
        <v>29498</v>
      </c>
      <c r="FU28" s="113">
        <v>970907</v>
      </c>
      <c r="FV28" s="116">
        <v>992131</v>
      </c>
      <c r="FW28" s="115">
        <v>9884</v>
      </c>
      <c r="FX28" s="114">
        <v>11340</v>
      </c>
      <c r="FY28" s="112">
        <v>21224</v>
      </c>
      <c r="FZ28" s="111">
        <v>0</v>
      </c>
      <c r="GA28" s="114">
        <v>85722</v>
      </c>
      <c r="GB28" s="114">
        <v>321496</v>
      </c>
      <c r="GC28" s="114">
        <v>184338</v>
      </c>
      <c r="GD28" s="114">
        <v>167741</v>
      </c>
      <c r="GE28" s="114">
        <v>29498</v>
      </c>
      <c r="GF28" s="113">
        <v>788795</v>
      </c>
      <c r="GG28" s="319">
        <v>810019</v>
      </c>
      <c r="GH28" s="115">
        <v>0</v>
      </c>
      <c r="GI28" s="114">
        <v>0</v>
      </c>
      <c r="GJ28" s="112">
        <v>0</v>
      </c>
      <c r="GK28" s="111">
        <v>0</v>
      </c>
      <c r="GL28" s="114">
        <v>21826</v>
      </c>
      <c r="GM28" s="114">
        <v>37786</v>
      </c>
      <c r="GN28" s="114">
        <v>70000</v>
      </c>
      <c r="GO28" s="114">
        <v>0</v>
      </c>
      <c r="GP28" s="114">
        <v>0</v>
      </c>
      <c r="GQ28" s="113">
        <v>129612</v>
      </c>
      <c r="GR28" s="116">
        <v>129612</v>
      </c>
      <c r="GS28" s="110">
        <v>0</v>
      </c>
      <c r="GT28" s="114">
        <v>0</v>
      </c>
      <c r="GU28" s="113">
        <v>0</v>
      </c>
      <c r="GV28" s="110">
        <v>0</v>
      </c>
      <c r="GW28" s="114">
        <v>0</v>
      </c>
      <c r="GX28" s="114">
        <v>52500</v>
      </c>
      <c r="GY28" s="114">
        <v>0</v>
      </c>
      <c r="GZ28" s="114">
        <v>0</v>
      </c>
      <c r="HA28" s="114">
        <v>0</v>
      </c>
      <c r="HB28" s="112">
        <v>52500</v>
      </c>
      <c r="HC28" s="116">
        <v>52500</v>
      </c>
      <c r="HD28" s="110">
        <v>0</v>
      </c>
      <c r="HE28" s="114">
        <v>0</v>
      </c>
      <c r="HF28" s="112">
        <v>0</v>
      </c>
      <c r="HG28" s="111">
        <v>0</v>
      </c>
      <c r="HH28" s="114">
        <v>644587</v>
      </c>
      <c r="HI28" s="114">
        <v>313424</v>
      </c>
      <c r="HJ28" s="114">
        <v>717738</v>
      </c>
      <c r="HK28" s="114">
        <v>1519417</v>
      </c>
      <c r="HL28" s="114">
        <v>622248</v>
      </c>
      <c r="HM28" s="113">
        <v>3817414</v>
      </c>
      <c r="HN28" s="109">
        <v>3817414</v>
      </c>
      <c r="HO28" s="329"/>
      <c r="HP28" s="330"/>
      <c r="HQ28" s="331"/>
      <c r="HR28" s="332"/>
      <c r="HS28" s="330"/>
      <c r="HT28" s="330"/>
      <c r="HU28" s="330"/>
      <c r="HV28" s="330"/>
      <c r="HW28" s="330"/>
      <c r="HX28" s="333"/>
      <c r="HY28" s="334"/>
      <c r="HZ28" s="150">
        <v>0</v>
      </c>
      <c r="IA28" s="135">
        <v>0</v>
      </c>
      <c r="IB28" s="150">
        <v>0</v>
      </c>
      <c r="IC28" s="134">
        <v>0</v>
      </c>
      <c r="ID28" s="135">
        <v>74385</v>
      </c>
      <c r="IE28" s="136">
        <v>43639</v>
      </c>
      <c r="IF28" s="137">
        <v>222609</v>
      </c>
      <c r="IG28" s="135">
        <v>0</v>
      </c>
      <c r="IH28" s="137">
        <v>213166</v>
      </c>
      <c r="II28" s="138">
        <v>553799</v>
      </c>
      <c r="IJ28" s="150">
        <v>553799</v>
      </c>
      <c r="IK28" s="232">
        <v>0</v>
      </c>
      <c r="IL28" s="236">
        <v>0</v>
      </c>
      <c r="IM28" s="237">
        <v>0</v>
      </c>
      <c r="IN28" s="140"/>
      <c r="IO28" s="119">
        <v>0</v>
      </c>
      <c r="IP28" s="119">
        <v>0</v>
      </c>
      <c r="IQ28" s="119">
        <v>0</v>
      </c>
      <c r="IR28" s="119">
        <v>0</v>
      </c>
      <c r="IS28" s="119">
        <v>0</v>
      </c>
      <c r="IT28" s="141">
        <v>0</v>
      </c>
      <c r="IU28" s="321">
        <v>0</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74385</v>
      </c>
      <c r="JL28" s="119">
        <v>43639</v>
      </c>
      <c r="JM28" s="119">
        <v>0</v>
      </c>
      <c r="JN28" s="119">
        <v>0</v>
      </c>
      <c r="JO28" s="119">
        <v>213166</v>
      </c>
      <c r="JP28" s="120">
        <v>331190</v>
      </c>
      <c r="JQ28" s="321">
        <v>331190</v>
      </c>
      <c r="JR28" s="142">
        <v>0</v>
      </c>
      <c r="JS28" s="119">
        <v>0</v>
      </c>
      <c r="JT28" s="141">
        <v>0</v>
      </c>
      <c r="JU28" s="118">
        <v>0</v>
      </c>
      <c r="JV28" s="119">
        <v>0</v>
      </c>
      <c r="JW28" s="119">
        <v>0</v>
      </c>
      <c r="JX28" s="119">
        <v>0</v>
      </c>
      <c r="JY28" s="119">
        <v>0</v>
      </c>
      <c r="JZ28" s="119">
        <v>0</v>
      </c>
      <c r="KA28" s="120">
        <v>0</v>
      </c>
      <c r="KB28" s="321">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c r="KR28" s="119">
        <v>0</v>
      </c>
      <c r="KS28" s="119">
        <v>0</v>
      </c>
      <c r="KT28" s="119">
        <v>222609</v>
      </c>
      <c r="KU28" s="119">
        <v>0</v>
      </c>
      <c r="KV28" s="119">
        <v>0</v>
      </c>
      <c r="KW28" s="120">
        <v>222609</v>
      </c>
      <c r="KX28" s="321">
        <v>222609</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1">
        <v>0</v>
      </c>
      <c r="LU28" s="142">
        <v>0</v>
      </c>
      <c r="LV28" s="119">
        <v>0</v>
      </c>
      <c r="LW28" s="120">
        <v>0</v>
      </c>
      <c r="LX28" s="145"/>
      <c r="LY28" s="119">
        <v>0</v>
      </c>
      <c r="LZ28" s="119">
        <v>0</v>
      </c>
      <c r="MA28" s="119">
        <v>0</v>
      </c>
      <c r="MB28" s="119">
        <v>0</v>
      </c>
      <c r="MC28" s="119">
        <v>0</v>
      </c>
      <c r="MD28" s="120">
        <v>0</v>
      </c>
      <c r="ME28" s="121">
        <v>0</v>
      </c>
      <c r="MF28" s="142">
        <v>0</v>
      </c>
      <c r="MG28" s="119">
        <v>0</v>
      </c>
      <c r="MH28" s="120">
        <v>0</v>
      </c>
      <c r="MI28" s="145"/>
      <c r="MJ28" s="119">
        <v>0</v>
      </c>
      <c r="MK28" s="119">
        <v>0</v>
      </c>
      <c r="ML28" s="119">
        <v>704344</v>
      </c>
      <c r="MM28" s="119">
        <v>1621972</v>
      </c>
      <c r="MN28" s="119">
        <v>1359283</v>
      </c>
      <c r="MO28" s="120">
        <v>3685599</v>
      </c>
      <c r="MP28" s="143">
        <v>3685599</v>
      </c>
      <c r="MQ28" s="142">
        <v>0</v>
      </c>
      <c r="MR28" s="119">
        <v>0</v>
      </c>
      <c r="MS28" s="120">
        <v>0</v>
      </c>
      <c r="MT28" s="145"/>
      <c r="MU28" s="119">
        <v>0</v>
      </c>
      <c r="MV28" s="119">
        <v>0</v>
      </c>
      <c r="MW28" s="119">
        <v>214058</v>
      </c>
      <c r="MX28" s="119">
        <v>1092946</v>
      </c>
      <c r="MY28" s="119">
        <v>228718</v>
      </c>
      <c r="MZ28" s="120">
        <v>1535722</v>
      </c>
      <c r="NA28" s="143">
        <v>1535722</v>
      </c>
      <c r="NB28" s="142">
        <v>0</v>
      </c>
      <c r="NC28" s="119">
        <v>0</v>
      </c>
      <c r="ND28" s="120">
        <v>0</v>
      </c>
      <c r="NE28" s="145"/>
      <c r="NF28" s="119">
        <v>0</v>
      </c>
      <c r="NG28" s="119">
        <v>0</v>
      </c>
      <c r="NH28" s="119">
        <v>490286</v>
      </c>
      <c r="NI28" s="119">
        <v>529026</v>
      </c>
      <c r="NJ28" s="119">
        <v>811717</v>
      </c>
      <c r="NK28" s="120">
        <v>1831029</v>
      </c>
      <c r="NL28" s="321">
        <v>1831029</v>
      </c>
      <c r="NM28" s="142">
        <v>0</v>
      </c>
      <c r="NN28" s="119">
        <v>0</v>
      </c>
      <c r="NO28" s="120">
        <v>0</v>
      </c>
      <c r="NP28" s="145"/>
      <c r="NQ28" s="119">
        <v>0</v>
      </c>
      <c r="NR28" s="119">
        <v>0</v>
      </c>
      <c r="NS28" s="119">
        <v>0</v>
      </c>
      <c r="NT28" s="119">
        <v>0</v>
      </c>
      <c r="NU28" s="119">
        <v>0</v>
      </c>
      <c r="NV28" s="120">
        <v>0</v>
      </c>
      <c r="NW28" s="121">
        <v>0</v>
      </c>
      <c r="NX28" s="142">
        <v>0</v>
      </c>
      <c r="NY28" s="119">
        <v>0</v>
      </c>
      <c r="NZ28" s="120">
        <v>0</v>
      </c>
      <c r="OA28" s="145"/>
      <c r="OB28" s="119">
        <v>0</v>
      </c>
      <c r="OC28" s="119">
        <v>0</v>
      </c>
      <c r="OD28" s="119">
        <v>0</v>
      </c>
      <c r="OE28" s="119">
        <v>0</v>
      </c>
      <c r="OF28" s="119">
        <v>318848</v>
      </c>
      <c r="OG28" s="120">
        <v>318848</v>
      </c>
      <c r="OH28" s="121">
        <v>318848</v>
      </c>
      <c r="OI28" s="142">
        <v>70541</v>
      </c>
      <c r="OJ28" s="119">
        <v>55813</v>
      </c>
      <c r="OK28" s="141">
        <v>126354</v>
      </c>
      <c r="OL28" s="118">
        <v>0</v>
      </c>
      <c r="OM28" s="119">
        <v>1458068</v>
      </c>
      <c r="ON28" s="119">
        <v>2915156</v>
      </c>
      <c r="OO28" s="119">
        <v>3629552</v>
      </c>
      <c r="OP28" s="119">
        <v>4605950</v>
      </c>
      <c r="OQ28" s="119">
        <v>2399275</v>
      </c>
      <c r="OR28" s="120">
        <v>15008001</v>
      </c>
      <c r="OS28" s="143">
        <v>15134355</v>
      </c>
    </row>
    <row r="29" spans="2:409" ht="20.25" customHeight="1" x14ac:dyDescent="0.2">
      <c r="B29" s="126" t="s">
        <v>24</v>
      </c>
      <c r="C29" s="110">
        <v>211727</v>
      </c>
      <c r="D29" s="114">
        <v>203402</v>
      </c>
      <c r="E29" s="113">
        <v>415129</v>
      </c>
      <c r="F29" s="109">
        <v>0</v>
      </c>
      <c r="G29" s="114">
        <v>2122752</v>
      </c>
      <c r="H29" s="114">
        <v>2273830</v>
      </c>
      <c r="I29" s="114">
        <v>1317723</v>
      </c>
      <c r="J29" s="114">
        <v>2427113</v>
      </c>
      <c r="K29" s="114">
        <v>2049156</v>
      </c>
      <c r="L29" s="173">
        <v>10190574</v>
      </c>
      <c r="M29" s="116">
        <v>10605703</v>
      </c>
      <c r="N29" s="110">
        <v>33299</v>
      </c>
      <c r="O29" s="114">
        <v>850</v>
      </c>
      <c r="P29" s="113">
        <v>34149</v>
      </c>
      <c r="Q29" s="110">
        <v>0</v>
      </c>
      <c r="R29" s="114">
        <v>553175</v>
      </c>
      <c r="S29" s="114">
        <v>309528</v>
      </c>
      <c r="T29" s="114">
        <v>443600</v>
      </c>
      <c r="U29" s="114">
        <v>738866</v>
      </c>
      <c r="V29" s="114">
        <v>1381746</v>
      </c>
      <c r="W29" s="113">
        <v>3426915</v>
      </c>
      <c r="X29" s="116">
        <v>3461064</v>
      </c>
      <c r="Y29" s="110">
        <v>0</v>
      </c>
      <c r="Z29" s="114">
        <v>0</v>
      </c>
      <c r="AA29" s="113">
        <v>0</v>
      </c>
      <c r="AB29" s="110">
        <v>0</v>
      </c>
      <c r="AC29" s="114">
        <v>226499</v>
      </c>
      <c r="AD29" s="114">
        <v>140812</v>
      </c>
      <c r="AE29" s="114">
        <v>92202</v>
      </c>
      <c r="AF29" s="114">
        <v>457476</v>
      </c>
      <c r="AG29" s="114">
        <v>866245</v>
      </c>
      <c r="AH29" s="113">
        <v>1783234</v>
      </c>
      <c r="AI29" s="116">
        <v>1783234</v>
      </c>
      <c r="AJ29" s="110">
        <v>0</v>
      </c>
      <c r="AK29" s="114">
        <v>0</v>
      </c>
      <c r="AL29" s="113">
        <v>0</v>
      </c>
      <c r="AM29" s="110">
        <v>0</v>
      </c>
      <c r="AN29" s="114">
        <v>0</v>
      </c>
      <c r="AO29" s="114">
        <v>0</v>
      </c>
      <c r="AP29" s="114">
        <v>0</v>
      </c>
      <c r="AQ29" s="114">
        <v>0</v>
      </c>
      <c r="AR29" s="114">
        <v>225701</v>
      </c>
      <c r="AS29" s="113">
        <v>225701</v>
      </c>
      <c r="AT29" s="116">
        <v>225701</v>
      </c>
      <c r="AU29" s="110">
        <v>0</v>
      </c>
      <c r="AV29" s="114">
        <v>-6101</v>
      </c>
      <c r="AW29" s="113">
        <v>-6101</v>
      </c>
      <c r="AX29" s="110">
        <v>0</v>
      </c>
      <c r="AY29" s="114">
        <v>260750</v>
      </c>
      <c r="AZ29" s="114">
        <v>23221</v>
      </c>
      <c r="BA29" s="114">
        <v>278269</v>
      </c>
      <c r="BB29" s="114">
        <v>140851</v>
      </c>
      <c r="BC29" s="114">
        <v>173306</v>
      </c>
      <c r="BD29" s="113">
        <v>876397</v>
      </c>
      <c r="BE29" s="116">
        <v>870296</v>
      </c>
      <c r="BF29" s="110">
        <v>0</v>
      </c>
      <c r="BG29" s="114">
        <v>0</v>
      </c>
      <c r="BH29" s="112">
        <v>0</v>
      </c>
      <c r="BI29" s="111">
        <v>0</v>
      </c>
      <c r="BJ29" s="114">
        <v>0</v>
      </c>
      <c r="BK29" s="114">
        <v>0</v>
      </c>
      <c r="BL29" s="114">
        <v>0</v>
      </c>
      <c r="BM29" s="114">
        <v>0</v>
      </c>
      <c r="BN29" s="114">
        <v>42735</v>
      </c>
      <c r="BO29" s="113">
        <v>42735</v>
      </c>
      <c r="BP29" s="116">
        <v>42735</v>
      </c>
      <c r="BQ29" s="110">
        <v>33299</v>
      </c>
      <c r="BR29" s="114">
        <v>6951</v>
      </c>
      <c r="BS29" s="113">
        <v>40250</v>
      </c>
      <c r="BT29" s="110">
        <v>0</v>
      </c>
      <c r="BU29" s="114">
        <v>65926</v>
      </c>
      <c r="BV29" s="114">
        <v>145495</v>
      </c>
      <c r="BW29" s="114">
        <v>73129</v>
      </c>
      <c r="BX29" s="114">
        <v>140539</v>
      </c>
      <c r="BY29" s="114">
        <v>73759</v>
      </c>
      <c r="BZ29" s="113">
        <v>498848</v>
      </c>
      <c r="CA29" s="116">
        <v>539098</v>
      </c>
      <c r="CB29" s="110">
        <v>17708</v>
      </c>
      <c r="CC29" s="114">
        <v>33197</v>
      </c>
      <c r="CD29" s="113">
        <v>50905</v>
      </c>
      <c r="CE29" s="110">
        <v>0</v>
      </c>
      <c r="CF29" s="114">
        <v>560659</v>
      </c>
      <c r="CG29" s="114">
        <v>509110</v>
      </c>
      <c r="CH29" s="114">
        <v>161002</v>
      </c>
      <c r="CI29" s="114">
        <v>213546</v>
      </c>
      <c r="CJ29" s="114">
        <v>119296</v>
      </c>
      <c r="CK29" s="113">
        <v>1563613</v>
      </c>
      <c r="CL29" s="116">
        <v>1614518</v>
      </c>
      <c r="CM29" s="110">
        <v>0</v>
      </c>
      <c r="CN29" s="114">
        <v>0</v>
      </c>
      <c r="CO29" s="113">
        <v>0</v>
      </c>
      <c r="CP29" s="111">
        <v>0</v>
      </c>
      <c r="CQ29" s="114">
        <v>316495</v>
      </c>
      <c r="CR29" s="114">
        <v>250860</v>
      </c>
      <c r="CS29" s="114">
        <v>100385</v>
      </c>
      <c r="CT29" s="114">
        <v>72076</v>
      </c>
      <c r="CU29" s="114">
        <v>0</v>
      </c>
      <c r="CV29" s="113">
        <v>739816</v>
      </c>
      <c r="CW29" s="116">
        <v>739816</v>
      </c>
      <c r="CX29" s="110">
        <v>17708</v>
      </c>
      <c r="CY29" s="114">
        <v>33197</v>
      </c>
      <c r="CZ29" s="113">
        <v>50905</v>
      </c>
      <c r="DA29" s="110">
        <v>0</v>
      </c>
      <c r="DB29" s="114">
        <v>244164</v>
      </c>
      <c r="DC29" s="114">
        <v>258250</v>
      </c>
      <c r="DD29" s="114">
        <v>60617</v>
      </c>
      <c r="DE29" s="114">
        <v>141470</v>
      </c>
      <c r="DF29" s="114">
        <v>119296</v>
      </c>
      <c r="DG29" s="113">
        <v>823797</v>
      </c>
      <c r="DH29" s="116">
        <v>874702</v>
      </c>
      <c r="DI29" s="110">
        <v>0</v>
      </c>
      <c r="DJ29" s="114">
        <v>0</v>
      </c>
      <c r="DK29" s="112">
        <v>0</v>
      </c>
      <c r="DL29" s="111">
        <v>0</v>
      </c>
      <c r="DM29" s="114">
        <v>63888</v>
      </c>
      <c r="DN29" s="114">
        <v>43596</v>
      </c>
      <c r="DO29" s="114">
        <v>0</v>
      </c>
      <c r="DP29" s="114">
        <v>228513</v>
      </c>
      <c r="DQ29" s="114">
        <v>66922</v>
      </c>
      <c r="DR29" s="113">
        <v>402919</v>
      </c>
      <c r="DS29" s="116">
        <v>402919</v>
      </c>
      <c r="DT29" s="110">
        <v>0</v>
      </c>
      <c r="DU29" s="114">
        <v>0</v>
      </c>
      <c r="DV29" s="113">
        <v>0</v>
      </c>
      <c r="DW29" s="110">
        <v>0</v>
      </c>
      <c r="DX29" s="114">
        <v>0</v>
      </c>
      <c r="DY29" s="114">
        <v>0</v>
      </c>
      <c r="DZ29" s="114">
        <v>0</v>
      </c>
      <c r="EA29" s="114">
        <v>228513</v>
      </c>
      <c r="EB29" s="114">
        <v>66922</v>
      </c>
      <c r="EC29" s="113">
        <v>295435</v>
      </c>
      <c r="ED29" s="116">
        <v>295435</v>
      </c>
      <c r="EE29" s="110">
        <v>0</v>
      </c>
      <c r="EF29" s="112">
        <v>0</v>
      </c>
      <c r="EG29" s="113">
        <v>0</v>
      </c>
      <c r="EH29" s="110">
        <v>0</v>
      </c>
      <c r="EI29" s="114">
        <v>63888</v>
      </c>
      <c r="EJ29" s="114">
        <v>43596</v>
      </c>
      <c r="EK29" s="114">
        <v>0</v>
      </c>
      <c r="EL29" s="114">
        <v>0</v>
      </c>
      <c r="EM29" s="114">
        <v>0</v>
      </c>
      <c r="EN29" s="112">
        <v>107484</v>
      </c>
      <c r="EO29" s="116">
        <v>107484</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8"/>
      <c r="FE29" s="114">
        <v>0</v>
      </c>
      <c r="FF29" s="114">
        <v>0</v>
      </c>
      <c r="FG29" s="114">
        <v>0</v>
      </c>
      <c r="FH29" s="114">
        <v>0</v>
      </c>
      <c r="FI29" s="114">
        <v>0</v>
      </c>
      <c r="FJ29" s="113">
        <v>0</v>
      </c>
      <c r="FK29" s="116">
        <v>0</v>
      </c>
      <c r="FL29" s="110">
        <v>20300</v>
      </c>
      <c r="FM29" s="114">
        <v>15540</v>
      </c>
      <c r="FN29" s="113">
        <v>35840</v>
      </c>
      <c r="FO29" s="110">
        <v>0</v>
      </c>
      <c r="FP29" s="114">
        <v>103348</v>
      </c>
      <c r="FQ29" s="114">
        <v>129815</v>
      </c>
      <c r="FR29" s="114">
        <v>190848</v>
      </c>
      <c r="FS29" s="114">
        <v>112931</v>
      </c>
      <c r="FT29" s="114">
        <v>238490</v>
      </c>
      <c r="FU29" s="113">
        <v>775432</v>
      </c>
      <c r="FV29" s="116">
        <v>811272</v>
      </c>
      <c r="FW29" s="115">
        <v>20300</v>
      </c>
      <c r="FX29" s="114">
        <v>15540</v>
      </c>
      <c r="FY29" s="112">
        <v>35840</v>
      </c>
      <c r="FZ29" s="111">
        <v>0</v>
      </c>
      <c r="GA29" s="114">
        <v>103348</v>
      </c>
      <c r="GB29" s="114">
        <v>121499</v>
      </c>
      <c r="GC29" s="114">
        <v>104916</v>
      </c>
      <c r="GD29" s="114">
        <v>112931</v>
      </c>
      <c r="GE29" s="114">
        <v>238490</v>
      </c>
      <c r="GF29" s="113">
        <v>681184</v>
      </c>
      <c r="GG29" s="319">
        <v>717024</v>
      </c>
      <c r="GH29" s="115">
        <v>0</v>
      </c>
      <c r="GI29" s="114">
        <v>0</v>
      </c>
      <c r="GJ29" s="112">
        <v>0</v>
      </c>
      <c r="GK29" s="111">
        <v>0</v>
      </c>
      <c r="GL29" s="114">
        <v>0</v>
      </c>
      <c r="GM29" s="114">
        <v>8316</v>
      </c>
      <c r="GN29" s="114">
        <v>16632</v>
      </c>
      <c r="GO29" s="114">
        <v>0</v>
      </c>
      <c r="GP29" s="114">
        <v>0</v>
      </c>
      <c r="GQ29" s="113">
        <v>24948</v>
      </c>
      <c r="GR29" s="116">
        <v>24948</v>
      </c>
      <c r="GS29" s="110">
        <v>0</v>
      </c>
      <c r="GT29" s="114">
        <v>0</v>
      </c>
      <c r="GU29" s="113">
        <v>0</v>
      </c>
      <c r="GV29" s="110">
        <v>0</v>
      </c>
      <c r="GW29" s="114">
        <v>0</v>
      </c>
      <c r="GX29" s="114">
        <v>0</v>
      </c>
      <c r="GY29" s="114">
        <v>69300</v>
      </c>
      <c r="GZ29" s="114">
        <v>0</v>
      </c>
      <c r="HA29" s="114">
        <v>0</v>
      </c>
      <c r="HB29" s="112">
        <v>69300</v>
      </c>
      <c r="HC29" s="116">
        <v>69300</v>
      </c>
      <c r="HD29" s="110">
        <v>140420</v>
      </c>
      <c r="HE29" s="114">
        <v>153815</v>
      </c>
      <c r="HF29" s="112">
        <v>294235</v>
      </c>
      <c r="HG29" s="111">
        <v>0</v>
      </c>
      <c r="HH29" s="114">
        <v>841682</v>
      </c>
      <c r="HI29" s="114">
        <v>1281781</v>
      </c>
      <c r="HJ29" s="114">
        <v>522273</v>
      </c>
      <c r="HK29" s="114">
        <v>1133257</v>
      </c>
      <c r="HL29" s="114">
        <v>242702</v>
      </c>
      <c r="HM29" s="113">
        <v>4021695</v>
      </c>
      <c r="HN29" s="109">
        <v>4315930</v>
      </c>
      <c r="HO29" s="329"/>
      <c r="HP29" s="330"/>
      <c r="HQ29" s="331"/>
      <c r="HR29" s="332"/>
      <c r="HS29" s="330"/>
      <c r="HT29" s="330"/>
      <c r="HU29" s="330"/>
      <c r="HV29" s="330"/>
      <c r="HW29" s="330"/>
      <c r="HX29" s="333"/>
      <c r="HY29" s="334"/>
      <c r="HZ29" s="131">
        <v>0</v>
      </c>
      <c r="IA29" s="132">
        <v>61296</v>
      </c>
      <c r="IB29" s="133">
        <v>61296</v>
      </c>
      <c r="IC29" s="146">
        <v>0</v>
      </c>
      <c r="ID29" s="132">
        <v>354408</v>
      </c>
      <c r="IE29" s="147">
        <v>132224</v>
      </c>
      <c r="IF29" s="133">
        <v>482265</v>
      </c>
      <c r="IG29" s="132">
        <v>396179</v>
      </c>
      <c r="IH29" s="133">
        <v>663750</v>
      </c>
      <c r="II29" s="148">
        <v>2028826</v>
      </c>
      <c r="IJ29" s="139">
        <v>2090122</v>
      </c>
      <c r="IK29" s="232">
        <v>0</v>
      </c>
      <c r="IL29" s="236">
        <v>0</v>
      </c>
      <c r="IM29" s="237">
        <v>0</v>
      </c>
      <c r="IN29" s="140"/>
      <c r="IO29" s="119">
        <v>0</v>
      </c>
      <c r="IP29" s="119">
        <v>0</v>
      </c>
      <c r="IQ29" s="119">
        <v>0</v>
      </c>
      <c r="IR29" s="119">
        <v>185413</v>
      </c>
      <c r="IS29" s="119">
        <v>0</v>
      </c>
      <c r="IT29" s="141">
        <v>185413</v>
      </c>
      <c r="IU29" s="321">
        <v>185413</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0</v>
      </c>
      <c r="JL29" s="119">
        <v>0</v>
      </c>
      <c r="JM29" s="119">
        <v>83614</v>
      </c>
      <c r="JN29" s="119">
        <v>0</v>
      </c>
      <c r="JO29" s="119">
        <v>0</v>
      </c>
      <c r="JP29" s="120">
        <v>83614</v>
      </c>
      <c r="JQ29" s="321">
        <v>83614</v>
      </c>
      <c r="JR29" s="142">
        <v>0</v>
      </c>
      <c r="JS29" s="119">
        <v>0</v>
      </c>
      <c r="JT29" s="141">
        <v>0</v>
      </c>
      <c r="JU29" s="118">
        <v>0</v>
      </c>
      <c r="JV29" s="119">
        <v>0</v>
      </c>
      <c r="JW29" s="119">
        <v>132224</v>
      </c>
      <c r="JX29" s="119">
        <v>0</v>
      </c>
      <c r="JY29" s="119">
        <v>0</v>
      </c>
      <c r="JZ29" s="119">
        <v>212179</v>
      </c>
      <c r="KA29" s="120">
        <v>344403</v>
      </c>
      <c r="KB29" s="321">
        <v>344403</v>
      </c>
      <c r="KC29" s="234">
        <v>0</v>
      </c>
      <c r="KD29" s="230">
        <v>61296</v>
      </c>
      <c r="KE29" s="120">
        <v>61296</v>
      </c>
      <c r="KF29" s="118">
        <v>0</v>
      </c>
      <c r="KG29" s="119">
        <v>354408</v>
      </c>
      <c r="KH29" s="119">
        <v>0</v>
      </c>
      <c r="KI29" s="119">
        <v>188899</v>
      </c>
      <c r="KJ29" s="119">
        <v>0</v>
      </c>
      <c r="KK29" s="119">
        <v>235751</v>
      </c>
      <c r="KL29" s="120">
        <v>779058</v>
      </c>
      <c r="KM29" s="143">
        <v>840354</v>
      </c>
      <c r="KN29" s="232">
        <v>0</v>
      </c>
      <c r="KO29" s="236">
        <v>0</v>
      </c>
      <c r="KP29" s="237">
        <v>0</v>
      </c>
      <c r="KQ29" s="140"/>
      <c r="KR29" s="119">
        <v>0</v>
      </c>
      <c r="KS29" s="119">
        <v>0</v>
      </c>
      <c r="KT29" s="119">
        <v>209752</v>
      </c>
      <c r="KU29" s="119">
        <v>210766</v>
      </c>
      <c r="KV29" s="119">
        <v>215820</v>
      </c>
      <c r="KW29" s="120">
        <v>636338</v>
      </c>
      <c r="KX29" s="321">
        <v>636338</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1">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42385</v>
      </c>
      <c r="MK29" s="119">
        <v>0</v>
      </c>
      <c r="ML29" s="119">
        <v>214224</v>
      </c>
      <c r="MM29" s="119">
        <v>753786</v>
      </c>
      <c r="MN29" s="119">
        <v>0</v>
      </c>
      <c r="MO29" s="120">
        <v>1010395</v>
      </c>
      <c r="MP29" s="143">
        <v>1010395</v>
      </c>
      <c r="MQ29" s="142">
        <v>0</v>
      </c>
      <c r="MR29" s="119">
        <v>0</v>
      </c>
      <c r="MS29" s="120">
        <v>0</v>
      </c>
      <c r="MT29" s="145"/>
      <c r="MU29" s="119">
        <v>0</v>
      </c>
      <c r="MV29" s="119">
        <v>0</v>
      </c>
      <c r="MW29" s="119">
        <v>214224</v>
      </c>
      <c r="MX29" s="119">
        <v>473768</v>
      </c>
      <c r="MY29" s="119">
        <v>0</v>
      </c>
      <c r="MZ29" s="120">
        <v>687992</v>
      </c>
      <c r="NA29" s="143">
        <v>687992</v>
      </c>
      <c r="NB29" s="142">
        <v>0</v>
      </c>
      <c r="NC29" s="119">
        <v>0</v>
      </c>
      <c r="ND29" s="120">
        <v>0</v>
      </c>
      <c r="NE29" s="145"/>
      <c r="NF29" s="119">
        <v>42385</v>
      </c>
      <c r="NG29" s="119">
        <v>0</v>
      </c>
      <c r="NH29" s="119">
        <v>0</v>
      </c>
      <c r="NI29" s="119">
        <v>280018</v>
      </c>
      <c r="NJ29" s="119">
        <v>0</v>
      </c>
      <c r="NK29" s="120">
        <v>322403</v>
      </c>
      <c r="NL29" s="321">
        <v>322403</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211727</v>
      </c>
      <c r="OJ29" s="119">
        <v>264698</v>
      </c>
      <c r="OK29" s="141">
        <v>476425</v>
      </c>
      <c r="OL29" s="118">
        <v>0</v>
      </c>
      <c r="OM29" s="119">
        <v>2519545</v>
      </c>
      <c r="ON29" s="119">
        <v>2406054</v>
      </c>
      <c r="OO29" s="119">
        <v>2014212</v>
      </c>
      <c r="OP29" s="119">
        <v>3577078</v>
      </c>
      <c r="OQ29" s="119">
        <v>2712906</v>
      </c>
      <c r="OR29" s="120">
        <v>13229795</v>
      </c>
      <c r="OS29" s="143">
        <v>13706220</v>
      </c>
    </row>
    <row r="30" spans="2:409" ht="20.25" customHeight="1" x14ac:dyDescent="0.2">
      <c r="B30" s="126" t="s">
        <v>25</v>
      </c>
      <c r="C30" s="110">
        <v>16401</v>
      </c>
      <c r="D30" s="114">
        <v>93075</v>
      </c>
      <c r="E30" s="113">
        <v>109476</v>
      </c>
      <c r="F30" s="109">
        <v>0</v>
      </c>
      <c r="G30" s="114">
        <v>1145122</v>
      </c>
      <c r="H30" s="114">
        <v>1222696</v>
      </c>
      <c r="I30" s="114">
        <v>1144492</v>
      </c>
      <c r="J30" s="114">
        <v>1143521</v>
      </c>
      <c r="K30" s="114">
        <v>931437</v>
      </c>
      <c r="L30" s="173">
        <v>5587268</v>
      </c>
      <c r="M30" s="116">
        <v>5696744</v>
      </c>
      <c r="N30" s="110">
        <v>10913</v>
      </c>
      <c r="O30" s="114">
        <v>26034</v>
      </c>
      <c r="P30" s="113">
        <v>36947</v>
      </c>
      <c r="Q30" s="110">
        <v>0</v>
      </c>
      <c r="R30" s="114">
        <v>265775</v>
      </c>
      <c r="S30" s="114">
        <v>229834</v>
      </c>
      <c r="T30" s="114">
        <v>290750</v>
      </c>
      <c r="U30" s="114">
        <v>227375</v>
      </c>
      <c r="V30" s="114">
        <v>325995</v>
      </c>
      <c r="W30" s="113">
        <v>1339729</v>
      </c>
      <c r="X30" s="116">
        <v>1376676</v>
      </c>
      <c r="Y30" s="110">
        <v>0</v>
      </c>
      <c r="Z30" s="114">
        <v>0</v>
      </c>
      <c r="AA30" s="113">
        <v>0</v>
      </c>
      <c r="AB30" s="110">
        <v>0</v>
      </c>
      <c r="AC30" s="114">
        <v>78507</v>
      </c>
      <c r="AD30" s="114">
        <v>64001</v>
      </c>
      <c r="AE30" s="114">
        <v>113398</v>
      </c>
      <c r="AF30" s="114">
        <v>21079</v>
      </c>
      <c r="AG30" s="114">
        <v>11039</v>
      </c>
      <c r="AH30" s="113">
        <v>288024</v>
      </c>
      <c r="AI30" s="116">
        <v>288024</v>
      </c>
      <c r="AJ30" s="110">
        <v>0</v>
      </c>
      <c r="AK30" s="114">
        <v>0</v>
      </c>
      <c r="AL30" s="113">
        <v>0</v>
      </c>
      <c r="AM30" s="110">
        <v>0</v>
      </c>
      <c r="AN30" s="114">
        <v>0</v>
      </c>
      <c r="AO30" s="114">
        <v>82071</v>
      </c>
      <c r="AP30" s="114">
        <v>0</v>
      </c>
      <c r="AQ30" s="114">
        <v>140375</v>
      </c>
      <c r="AR30" s="114">
        <v>211872</v>
      </c>
      <c r="AS30" s="113">
        <v>434318</v>
      </c>
      <c r="AT30" s="116">
        <v>434318</v>
      </c>
      <c r="AU30" s="110">
        <v>6741</v>
      </c>
      <c r="AV30" s="114">
        <v>26034</v>
      </c>
      <c r="AW30" s="113">
        <v>32775</v>
      </c>
      <c r="AX30" s="110">
        <v>0</v>
      </c>
      <c r="AY30" s="114">
        <v>116295</v>
      </c>
      <c r="AZ30" s="114">
        <v>49056</v>
      </c>
      <c r="BA30" s="114">
        <v>173180</v>
      </c>
      <c r="BB30" s="114">
        <v>30557</v>
      </c>
      <c r="BC30" s="114">
        <v>81566</v>
      </c>
      <c r="BD30" s="113">
        <v>450654</v>
      </c>
      <c r="BE30" s="116">
        <v>483429</v>
      </c>
      <c r="BF30" s="110">
        <v>0</v>
      </c>
      <c r="BG30" s="114">
        <v>0</v>
      </c>
      <c r="BH30" s="112">
        <v>0</v>
      </c>
      <c r="BI30" s="111">
        <v>0</v>
      </c>
      <c r="BJ30" s="114">
        <v>0</v>
      </c>
      <c r="BK30" s="114">
        <v>0</v>
      </c>
      <c r="BL30" s="114">
        <v>0</v>
      </c>
      <c r="BM30" s="114">
        <v>0</v>
      </c>
      <c r="BN30" s="114">
        <v>0</v>
      </c>
      <c r="BO30" s="113">
        <v>0</v>
      </c>
      <c r="BP30" s="116">
        <v>0</v>
      </c>
      <c r="BQ30" s="110">
        <v>4172</v>
      </c>
      <c r="BR30" s="114">
        <v>0</v>
      </c>
      <c r="BS30" s="113">
        <v>4172</v>
      </c>
      <c r="BT30" s="110">
        <v>0</v>
      </c>
      <c r="BU30" s="114">
        <v>70973</v>
      </c>
      <c r="BV30" s="114">
        <v>34706</v>
      </c>
      <c r="BW30" s="114">
        <v>4172</v>
      </c>
      <c r="BX30" s="114">
        <v>35364</v>
      </c>
      <c r="BY30" s="114">
        <v>21518</v>
      </c>
      <c r="BZ30" s="113">
        <v>166733</v>
      </c>
      <c r="CA30" s="116">
        <v>170905</v>
      </c>
      <c r="CB30" s="110">
        <v>0</v>
      </c>
      <c r="CC30" s="114">
        <v>31579</v>
      </c>
      <c r="CD30" s="113">
        <v>31579</v>
      </c>
      <c r="CE30" s="110">
        <v>0</v>
      </c>
      <c r="CF30" s="114">
        <v>425082</v>
      </c>
      <c r="CG30" s="114">
        <v>547927</v>
      </c>
      <c r="CH30" s="114">
        <v>588039</v>
      </c>
      <c r="CI30" s="114">
        <v>416319</v>
      </c>
      <c r="CJ30" s="114">
        <v>163909</v>
      </c>
      <c r="CK30" s="113">
        <v>2141276</v>
      </c>
      <c r="CL30" s="116">
        <v>2172855</v>
      </c>
      <c r="CM30" s="110">
        <v>0</v>
      </c>
      <c r="CN30" s="114">
        <v>0</v>
      </c>
      <c r="CO30" s="113">
        <v>0</v>
      </c>
      <c r="CP30" s="111">
        <v>0</v>
      </c>
      <c r="CQ30" s="114">
        <v>420049</v>
      </c>
      <c r="CR30" s="114">
        <v>267841</v>
      </c>
      <c r="CS30" s="114">
        <v>369526</v>
      </c>
      <c r="CT30" s="114">
        <v>261516</v>
      </c>
      <c r="CU30" s="114">
        <v>0</v>
      </c>
      <c r="CV30" s="113">
        <v>1318932</v>
      </c>
      <c r="CW30" s="116">
        <v>1318932</v>
      </c>
      <c r="CX30" s="110">
        <v>0</v>
      </c>
      <c r="CY30" s="114">
        <v>31579</v>
      </c>
      <c r="CZ30" s="113">
        <v>31579</v>
      </c>
      <c r="DA30" s="110">
        <v>0</v>
      </c>
      <c r="DB30" s="114">
        <v>5033</v>
      </c>
      <c r="DC30" s="114">
        <v>280086</v>
      </c>
      <c r="DD30" s="114">
        <v>218513</v>
      </c>
      <c r="DE30" s="114">
        <v>154803</v>
      </c>
      <c r="DF30" s="114">
        <v>163909</v>
      </c>
      <c r="DG30" s="113">
        <v>822344</v>
      </c>
      <c r="DH30" s="116">
        <v>853923</v>
      </c>
      <c r="DI30" s="110">
        <v>0</v>
      </c>
      <c r="DJ30" s="114">
        <v>0</v>
      </c>
      <c r="DK30" s="112">
        <v>0</v>
      </c>
      <c r="DL30" s="111">
        <v>0</v>
      </c>
      <c r="DM30" s="114">
        <v>101129</v>
      </c>
      <c r="DN30" s="114">
        <v>22346</v>
      </c>
      <c r="DO30" s="114">
        <v>164826</v>
      </c>
      <c r="DP30" s="114">
        <v>37597</v>
      </c>
      <c r="DQ30" s="114">
        <v>101602</v>
      </c>
      <c r="DR30" s="113">
        <v>427500</v>
      </c>
      <c r="DS30" s="116">
        <v>427500</v>
      </c>
      <c r="DT30" s="110">
        <v>0</v>
      </c>
      <c r="DU30" s="114">
        <v>0</v>
      </c>
      <c r="DV30" s="113">
        <v>0</v>
      </c>
      <c r="DW30" s="110">
        <v>0</v>
      </c>
      <c r="DX30" s="114">
        <v>101129</v>
      </c>
      <c r="DY30" s="114">
        <v>22346</v>
      </c>
      <c r="DZ30" s="114">
        <v>94061</v>
      </c>
      <c r="EA30" s="114">
        <v>37597</v>
      </c>
      <c r="EB30" s="114">
        <v>0</v>
      </c>
      <c r="EC30" s="113">
        <v>255133</v>
      </c>
      <c r="ED30" s="116">
        <v>255133</v>
      </c>
      <c r="EE30" s="110">
        <v>0</v>
      </c>
      <c r="EF30" s="112">
        <v>0</v>
      </c>
      <c r="EG30" s="113">
        <v>0</v>
      </c>
      <c r="EH30" s="110">
        <v>0</v>
      </c>
      <c r="EI30" s="114">
        <v>0</v>
      </c>
      <c r="EJ30" s="114">
        <v>0</v>
      </c>
      <c r="EK30" s="114">
        <v>70765</v>
      </c>
      <c r="EL30" s="114">
        <v>0</v>
      </c>
      <c r="EM30" s="114">
        <v>101602</v>
      </c>
      <c r="EN30" s="112">
        <v>172367</v>
      </c>
      <c r="EO30" s="116">
        <v>172367</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8"/>
      <c r="FE30" s="114">
        <v>0</v>
      </c>
      <c r="FF30" s="114">
        <v>0</v>
      </c>
      <c r="FG30" s="114">
        <v>0</v>
      </c>
      <c r="FH30" s="114">
        <v>0</v>
      </c>
      <c r="FI30" s="114">
        <v>0</v>
      </c>
      <c r="FJ30" s="113">
        <v>0</v>
      </c>
      <c r="FK30" s="116">
        <v>0</v>
      </c>
      <c r="FL30" s="110">
        <v>5488</v>
      </c>
      <c r="FM30" s="114">
        <v>35462</v>
      </c>
      <c r="FN30" s="113">
        <v>40950</v>
      </c>
      <c r="FO30" s="110">
        <v>0</v>
      </c>
      <c r="FP30" s="114">
        <v>99351</v>
      </c>
      <c r="FQ30" s="114">
        <v>114282</v>
      </c>
      <c r="FR30" s="114">
        <v>100877</v>
      </c>
      <c r="FS30" s="114">
        <v>92736</v>
      </c>
      <c r="FT30" s="114">
        <v>137606</v>
      </c>
      <c r="FU30" s="113">
        <v>544852</v>
      </c>
      <c r="FV30" s="116">
        <v>585802</v>
      </c>
      <c r="FW30" s="115">
        <v>5488</v>
      </c>
      <c r="FX30" s="114">
        <v>35462</v>
      </c>
      <c r="FY30" s="112">
        <v>40950</v>
      </c>
      <c r="FZ30" s="111">
        <v>0</v>
      </c>
      <c r="GA30" s="114">
        <v>20951</v>
      </c>
      <c r="GB30" s="114">
        <v>114282</v>
      </c>
      <c r="GC30" s="114">
        <v>100877</v>
      </c>
      <c r="GD30" s="114">
        <v>92736</v>
      </c>
      <c r="GE30" s="114">
        <v>137606</v>
      </c>
      <c r="GF30" s="113">
        <v>466452</v>
      </c>
      <c r="GG30" s="319">
        <v>507402</v>
      </c>
      <c r="GH30" s="115">
        <v>0</v>
      </c>
      <c r="GI30" s="114">
        <v>0</v>
      </c>
      <c r="GJ30" s="112">
        <v>0</v>
      </c>
      <c r="GK30" s="111">
        <v>0</v>
      </c>
      <c r="GL30" s="114">
        <v>0</v>
      </c>
      <c r="GM30" s="114">
        <v>0</v>
      </c>
      <c r="GN30" s="114">
        <v>0</v>
      </c>
      <c r="GO30" s="114">
        <v>0</v>
      </c>
      <c r="GP30" s="114">
        <v>0</v>
      </c>
      <c r="GQ30" s="113">
        <v>0</v>
      </c>
      <c r="GR30" s="116">
        <v>0</v>
      </c>
      <c r="GS30" s="110">
        <v>0</v>
      </c>
      <c r="GT30" s="114">
        <v>0</v>
      </c>
      <c r="GU30" s="113">
        <v>0</v>
      </c>
      <c r="GV30" s="110">
        <v>0</v>
      </c>
      <c r="GW30" s="114">
        <v>78400</v>
      </c>
      <c r="GX30" s="114">
        <v>0</v>
      </c>
      <c r="GY30" s="114">
        <v>0</v>
      </c>
      <c r="GZ30" s="114">
        <v>0</v>
      </c>
      <c r="HA30" s="114">
        <v>0</v>
      </c>
      <c r="HB30" s="112">
        <v>78400</v>
      </c>
      <c r="HC30" s="116">
        <v>78400</v>
      </c>
      <c r="HD30" s="110">
        <v>0</v>
      </c>
      <c r="HE30" s="114">
        <v>0</v>
      </c>
      <c r="HF30" s="112">
        <v>0</v>
      </c>
      <c r="HG30" s="111">
        <v>0</v>
      </c>
      <c r="HH30" s="114">
        <v>253785</v>
      </c>
      <c r="HI30" s="114">
        <v>308307</v>
      </c>
      <c r="HJ30" s="114">
        <v>0</v>
      </c>
      <c r="HK30" s="114">
        <v>369494</v>
      </c>
      <c r="HL30" s="114">
        <v>202325</v>
      </c>
      <c r="HM30" s="113">
        <v>1133911</v>
      </c>
      <c r="HN30" s="109">
        <v>1133911</v>
      </c>
      <c r="HO30" s="329"/>
      <c r="HP30" s="330"/>
      <c r="HQ30" s="331"/>
      <c r="HR30" s="332"/>
      <c r="HS30" s="330"/>
      <c r="HT30" s="330"/>
      <c r="HU30" s="330"/>
      <c r="HV30" s="330"/>
      <c r="HW30" s="330"/>
      <c r="HX30" s="333"/>
      <c r="HY30" s="334"/>
      <c r="HZ30" s="150">
        <v>0</v>
      </c>
      <c r="IA30" s="135">
        <v>0</v>
      </c>
      <c r="IB30" s="150">
        <v>0</v>
      </c>
      <c r="IC30" s="134">
        <v>0</v>
      </c>
      <c r="ID30" s="135">
        <v>458808</v>
      </c>
      <c r="IE30" s="136">
        <v>17117</v>
      </c>
      <c r="IF30" s="137">
        <v>28535</v>
      </c>
      <c r="IG30" s="135">
        <v>0</v>
      </c>
      <c r="IH30" s="137">
        <v>0</v>
      </c>
      <c r="II30" s="138">
        <v>504460</v>
      </c>
      <c r="IJ30" s="150">
        <v>504460</v>
      </c>
      <c r="IK30" s="232">
        <v>0</v>
      </c>
      <c r="IL30" s="236">
        <v>0</v>
      </c>
      <c r="IM30" s="237">
        <v>0</v>
      </c>
      <c r="IN30" s="140"/>
      <c r="IO30" s="119">
        <v>0</v>
      </c>
      <c r="IP30" s="119">
        <v>0</v>
      </c>
      <c r="IQ30" s="119">
        <v>0</v>
      </c>
      <c r="IR30" s="119">
        <v>0</v>
      </c>
      <c r="IS30" s="119">
        <v>0</v>
      </c>
      <c r="IT30" s="141">
        <v>0</v>
      </c>
      <c r="IU30" s="321">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60244</v>
      </c>
      <c r="JL30" s="119">
        <v>17117</v>
      </c>
      <c r="JM30" s="119">
        <v>0</v>
      </c>
      <c r="JN30" s="119">
        <v>0</v>
      </c>
      <c r="JO30" s="119">
        <v>0</v>
      </c>
      <c r="JP30" s="120">
        <v>77361</v>
      </c>
      <c r="JQ30" s="321">
        <v>77361</v>
      </c>
      <c r="JR30" s="142">
        <v>0</v>
      </c>
      <c r="JS30" s="119">
        <v>0</v>
      </c>
      <c r="JT30" s="141">
        <v>0</v>
      </c>
      <c r="JU30" s="118">
        <v>0</v>
      </c>
      <c r="JV30" s="119">
        <v>0</v>
      </c>
      <c r="JW30" s="119">
        <v>0</v>
      </c>
      <c r="JX30" s="119">
        <v>0</v>
      </c>
      <c r="JY30" s="119">
        <v>0</v>
      </c>
      <c r="JZ30" s="119">
        <v>0</v>
      </c>
      <c r="KA30" s="120">
        <v>0</v>
      </c>
      <c r="KB30" s="321">
        <v>0</v>
      </c>
      <c r="KC30" s="234">
        <v>0</v>
      </c>
      <c r="KD30" s="230">
        <v>0</v>
      </c>
      <c r="KE30" s="120">
        <v>0</v>
      </c>
      <c r="KF30" s="118">
        <v>0</v>
      </c>
      <c r="KG30" s="119">
        <v>0</v>
      </c>
      <c r="KH30" s="119">
        <v>0</v>
      </c>
      <c r="KI30" s="119">
        <v>0</v>
      </c>
      <c r="KJ30" s="119">
        <v>0</v>
      </c>
      <c r="KK30" s="119">
        <v>0</v>
      </c>
      <c r="KL30" s="120">
        <v>0</v>
      </c>
      <c r="KM30" s="143">
        <v>0</v>
      </c>
      <c r="KN30" s="232">
        <v>0</v>
      </c>
      <c r="KO30" s="236">
        <v>0</v>
      </c>
      <c r="KP30" s="237">
        <v>0</v>
      </c>
      <c r="KQ30" s="140"/>
      <c r="KR30" s="119">
        <v>398564</v>
      </c>
      <c r="KS30" s="119">
        <v>0</v>
      </c>
      <c r="KT30" s="119">
        <v>28535</v>
      </c>
      <c r="KU30" s="119">
        <v>0</v>
      </c>
      <c r="KV30" s="119">
        <v>0</v>
      </c>
      <c r="KW30" s="120">
        <v>427099</v>
      </c>
      <c r="KX30" s="321">
        <v>427099</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1">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0</v>
      </c>
      <c r="MK30" s="119">
        <v>0</v>
      </c>
      <c r="ML30" s="119">
        <v>0</v>
      </c>
      <c r="MM30" s="119">
        <v>469622</v>
      </c>
      <c r="MN30" s="119">
        <v>467997</v>
      </c>
      <c r="MO30" s="120">
        <v>937619</v>
      </c>
      <c r="MP30" s="143">
        <v>937619</v>
      </c>
      <c r="MQ30" s="142">
        <v>0</v>
      </c>
      <c r="MR30" s="119">
        <v>0</v>
      </c>
      <c r="MS30" s="120">
        <v>0</v>
      </c>
      <c r="MT30" s="145"/>
      <c r="MU30" s="119">
        <v>0</v>
      </c>
      <c r="MV30" s="119">
        <v>0</v>
      </c>
      <c r="MW30" s="119">
        <v>0</v>
      </c>
      <c r="MX30" s="119">
        <v>212186</v>
      </c>
      <c r="MY30" s="119">
        <v>467997</v>
      </c>
      <c r="MZ30" s="120">
        <v>680183</v>
      </c>
      <c r="NA30" s="143">
        <v>680183</v>
      </c>
      <c r="NB30" s="142">
        <v>0</v>
      </c>
      <c r="NC30" s="119">
        <v>0</v>
      </c>
      <c r="ND30" s="120">
        <v>0</v>
      </c>
      <c r="NE30" s="145"/>
      <c r="NF30" s="119">
        <v>0</v>
      </c>
      <c r="NG30" s="119">
        <v>0</v>
      </c>
      <c r="NH30" s="119">
        <v>0</v>
      </c>
      <c r="NI30" s="119">
        <v>257436</v>
      </c>
      <c r="NJ30" s="119">
        <v>0</v>
      </c>
      <c r="NK30" s="120">
        <v>257436</v>
      </c>
      <c r="NL30" s="321">
        <v>257436</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0</v>
      </c>
      <c r="OF30" s="119">
        <v>0</v>
      </c>
      <c r="OG30" s="120">
        <v>0</v>
      </c>
      <c r="OH30" s="121">
        <v>0</v>
      </c>
      <c r="OI30" s="142">
        <v>16401</v>
      </c>
      <c r="OJ30" s="119">
        <v>93075</v>
      </c>
      <c r="OK30" s="141">
        <v>109476</v>
      </c>
      <c r="OL30" s="118">
        <v>0</v>
      </c>
      <c r="OM30" s="119">
        <v>1603930</v>
      </c>
      <c r="ON30" s="119">
        <v>1239813</v>
      </c>
      <c r="OO30" s="119">
        <v>1173027</v>
      </c>
      <c r="OP30" s="119">
        <v>1613143</v>
      </c>
      <c r="OQ30" s="119">
        <v>1399434</v>
      </c>
      <c r="OR30" s="120">
        <v>7029347</v>
      </c>
      <c r="OS30" s="143">
        <v>7138823</v>
      </c>
    </row>
    <row r="31" spans="2:409" ht="20.25" customHeight="1" x14ac:dyDescent="0.2">
      <c r="B31" s="126" t="s">
        <v>26</v>
      </c>
      <c r="C31" s="110">
        <v>174834</v>
      </c>
      <c r="D31" s="114">
        <v>96834</v>
      </c>
      <c r="E31" s="113">
        <v>271668</v>
      </c>
      <c r="F31" s="109">
        <v>0</v>
      </c>
      <c r="G31" s="114">
        <v>1060768</v>
      </c>
      <c r="H31" s="114">
        <v>1692000</v>
      </c>
      <c r="I31" s="114">
        <v>875402</v>
      </c>
      <c r="J31" s="114">
        <v>901388</v>
      </c>
      <c r="K31" s="114">
        <v>485352</v>
      </c>
      <c r="L31" s="173">
        <v>5014910</v>
      </c>
      <c r="M31" s="116">
        <v>5286578</v>
      </c>
      <c r="N31" s="110">
        <v>37772</v>
      </c>
      <c r="O31" s="114">
        <v>31508</v>
      </c>
      <c r="P31" s="113">
        <v>69280</v>
      </c>
      <c r="Q31" s="110">
        <v>0</v>
      </c>
      <c r="R31" s="114">
        <v>282459</v>
      </c>
      <c r="S31" s="114">
        <v>350662</v>
      </c>
      <c r="T31" s="114">
        <v>389506</v>
      </c>
      <c r="U31" s="114">
        <v>433581</v>
      </c>
      <c r="V31" s="114">
        <v>440902</v>
      </c>
      <c r="W31" s="113">
        <v>1897110</v>
      </c>
      <c r="X31" s="116">
        <v>1966390</v>
      </c>
      <c r="Y31" s="110">
        <v>0</v>
      </c>
      <c r="Z31" s="114">
        <v>0</v>
      </c>
      <c r="AA31" s="113">
        <v>0</v>
      </c>
      <c r="AB31" s="110">
        <v>0</v>
      </c>
      <c r="AC31" s="114">
        <v>77095</v>
      </c>
      <c r="AD31" s="114">
        <v>185370</v>
      </c>
      <c r="AE31" s="114">
        <v>160552</v>
      </c>
      <c r="AF31" s="114">
        <v>215539</v>
      </c>
      <c r="AG31" s="114">
        <v>210026</v>
      </c>
      <c r="AH31" s="113">
        <v>848582</v>
      </c>
      <c r="AI31" s="116">
        <v>848582</v>
      </c>
      <c r="AJ31" s="110">
        <v>0</v>
      </c>
      <c r="AK31" s="114">
        <v>0</v>
      </c>
      <c r="AL31" s="113">
        <v>0</v>
      </c>
      <c r="AM31" s="110">
        <v>0</v>
      </c>
      <c r="AN31" s="114">
        <v>0</v>
      </c>
      <c r="AO31" s="114">
        <v>0</v>
      </c>
      <c r="AP31" s="114">
        <v>40887</v>
      </c>
      <c r="AQ31" s="114">
        <v>0</v>
      </c>
      <c r="AR31" s="114">
        <v>41898</v>
      </c>
      <c r="AS31" s="113">
        <v>82785</v>
      </c>
      <c r="AT31" s="116">
        <v>82785</v>
      </c>
      <c r="AU31" s="110">
        <v>0</v>
      </c>
      <c r="AV31" s="114">
        <v>31508</v>
      </c>
      <c r="AW31" s="113">
        <v>31508</v>
      </c>
      <c r="AX31" s="110">
        <v>0</v>
      </c>
      <c r="AY31" s="114">
        <v>189740</v>
      </c>
      <c r="AZ31" s="114">
        <v>95446</v>
      </c>
      <c r="BA31" s="114">
        <v>109671</v>
      </c>
      <c r="BB31" s="114">
        <v>136758</v>
      </c>
      <c r="BC31" s="114">
        <v>142330</v>
      </c>
      <c r="BD31" s="113">
        <v>673945</v>
      </c>
      <c r="BE31" s="116">
        <v>705453</v>
      </c>
      <c r="BF31" s="110">
        <v>0</v>
      </c>
      <c r="BG31" s="114">
        <v>0</v>
      </c>
      <c r="BH31" s="112">
        <v>0</v>
      </c>
      <c r="BI31" s="111">
        <v>0</v>
      </c>
      <c r="BJ31" s="114">
        <v>0</v>
      </c>
      <c r="BK31" s="114">
        <v>0</v>
      </c>
      <c r="BL31" s="114">
        <v>65425</v>
      </c>
      <c r="BM31" s="114">
        <v>0</v>
      </c>
      <c r="BN31" s="114">
        <v>0</v>
      </c>
      <c r="BO31" s="113">
        <v>65425</v>
      </c>
      <c r="BP31" s="116">
        <v>65425</v>
      </c>
      <c r="BQ31" s="110">
        <v>37772</v>
      </c>
      <c r="BR31" s="114">
        <v>0</v>
      </c>
      <c r="BS31" s="113">
        <v>37772</v>
      </c>
      <c r="BT31" s="110">
        <v>0</v>
      </c>
      <c r="BU31" s="114">
        <v>15624</v>
      </c>
      <c r="BV31" s="114">
        <v>69846</v>
      </c>
      <c r="BW31" s="114">
        <v>12971</v>
      </c>
      <c r="BX31" s="114">
        <v>81284</v>
      </c>
      <c r="BY31" s="114">
        <v>46648</v>
      </c>
      <c r="BZ31" s="113">
        <v>226373</v>
      </c>
      <c r="CA31" s="116">
        <v>264145</v>
      </c>
      <c r="CB31" s="110">
        <v>0</v>
      </c>
      <c r="CC31" s="114">
        <v>31656</v>
      </c>
      <c r="CD31" s="113">
        <v>31656</v>
      </c>
      <c r="CE31" s="110">
        <v>0</v>
      </c>
      <c r="CF31" s="114">
        <v>583197</v>
      </c>
      <c r="CG31" s="114">
        <v>318399</v>
      </c>
      <c r="CH31" s="114">
        <v>177801</v>
      </c>
      <c r="CI31" s="114">
        <v>0</v>
      </c>
      <c r="CJ31" s="114">
        <v>0</v>
      </c>
      <c r="CK31" s="113">
        <v>1079397</v>
      </c>
      <c r="CL31" s="116">
        <v>1111053</v>
      </c>
      <c r="CM31" s="110">
        <v>0</v>
      </c>
      <c r="CN31" s="114">
        <v>0</v>
      </c>
      <c r="CO31" s="113">
        <v>0</v>
      </c>
      <c r="CP31" s="111">
        <v>0</v>
      </c>
      <c r="CQ31" s="114">
        <v>516601</v>
      </c>
      <c r="CR31" s="114">
        <v>99874</v>
      </c>
      <c r="CS31" s="114">
        <v>80344</v>
      </c>
      <c r="CT31" s="114">
        <v>0</v>
      </c>
      <c r="CU31" s="114">
        <v>0</v>
      </c>
      <c r="CV31" s="113">
        <v>696819</v>
      </c>
      <c r="CW31" s="116">
        <v>696819</v>
      </c>
      <c r="CX31" s="110">
        <v>0</v>
      </c>
      <c r="CY31" s="114">
        <v>31656</v>
      </c>
      <c r="CZ31" s="113">
        <v>31656</v>
      </c>
      <c r="DA31" s="110">
        <v>0</v>
      </c>
      <c r="DB31" s="114">
        <v>66596</v>
      </c>
      <c r="DC31" s="114">
        <v>218525</v>
      </c>
      <c r="DD31" s="114">
        <v>97457</v>
      </c>
      <c r="DE31" s="114">
        <v>0</v>
      </c>
      <c r="DF31" s="114">
        <v>0</v>
      </c>
      <c r="DG31" s="113">
        <v>382578</v>
      </c>
      <c r="DH31" s="116">
        <v>414234</v>
      </c>
      <c r="DI31" s="110">
        <v>0</v>
      </c>
      <c r="DJ31" s="114">
        <v>0</v>
      </c>
      <c r="DK31" s="112">
        <v>0</v>
      </c>
      <c r="DL31" s="111">
        <v>0</v>
      </c>
      <c r="DM31" s="114">
        <v>0</v>
      </c>
      <c r="DN31" s="114">
        <v>0</v>
      </c>
      <c r="DO31" s="114">
        <v>91487</v>
      </c>
      <c r="DP31" s="114">
        <v>0</v>
      </c>
      <c r="DQ31" s="114">
        <v>0</v>
      </c>
      <c r="DR31" s="113">
        <v>91487</v>
      </c>
      <c r="DS31" s="116">
        <v>91487</v>
      </c>
      <c r="DT31" s="110">
        <v>0</v>
      </c>
      <c r="DU31" s="114">
        <v>0</v>
      </c>
      <c r="DV31" s="113">
        <v>0</v>
      </c>
      <c r="DW31" s="110">
        <v>0</v>
      </c>
      <c r="DX31" s="114">
        <v>0</v>
      </c>
      <c r="DY31" s="114">
        <v>0</v>
      </c>
      <c r="DZ31" s="114">
        <v>91487</v>
      </c>
      <c r="EA31" s="114">
        <v>0</v>
      </c>
      <c r="EB31" s="114">
        <v>0</v>
      </c>
      <c r="EC31" s="113">
        <v>91487</v>
      </c>
      <c r="ED31" s="116">
        <v>91487</v>
      </c>
      <c r="EE31" s="110">
        <v>0</v>
      </c>
      <c r="EF31" s="112">
        <v>0</v>
      </c>
      <c r="EG31" s="113">
        <v>0</v>
      </c>
      <c r="EH31" s="110">
        <v>0</v>
      </c>
      <c r="EI31" s="114">
        <v>0</v>
      </c>
      <c r="EJ31" s="114">
        <v>0</v>
      </c>
      <c r="EK31" s="114">
        <v>0</v>
      </c>
      <c r="EL31" s="114">
        <v>0</v>
      </c>
      <c r="EM31" s="114">
        <v>0</v>
      </c>
      <c r="EN31" s="112">
        <v>0</v>
      </c>
      <c r="EO31" s="116">
        <v>0</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8"/>
      <c r="FE31" s="114">
        <v>0</v>
      </c>
      <c r="FF31" s="114">
        <v>0</v>
      </c>
      <c r="FG31" s="114">
        <v>0</v>
      </c>
      <c r="FH31" s="114">
        <v>0</v>
      </c>
      <c r="FI31" s="114">
        <v>0</v>
      </c>
      <c r="FJ31" s="113">
        <v>0</v>
      </c>
      <c r="FK31" s="116">
        <v>0</v>
      </c>
      <c r="FL31" s="110">
        <v>12600</v>
      </c>
      <c r="FM31" s="114">
        <v>33670</v>
      </c>
      <c r="FN31" s="113">
        <v>46270</v>
      </c>
      <c r="FO31" s="110">
        <v>0</v>
      </c>
      <c r="FP31" s="114">
        <v>53816</v>
      </c>
      <c r="FQ31" s="114">
        <v>88375</v>
      </c>
      <c r="FR31" s="114">
        <v>216608</v>
      </c>
      <c r="FS31" s="114">
        <v>93030</v>
      </c>
      <c r="FT31" s="114">
        <v>44450</v>
      </c>
      <c r="FU31" s="113">
        <v>496279</v>
      </c>
      <c r="FV31" s="116">
        <v>542549</v>
      </c>
      <c r="FW31" s="115">
        <v>12600</v>
      </c>
      <c r="FX31" s="114">
        <v>33670</v>
      </c>
      <c r="FY31" s="112">
        <v>46270</v>
      </c>
      <c r="FZ31" s="111">
        <v>0</v>
      </c>
      <c r="GA31" s="114">
        <v>53816</v>
      </c>
      <c r="GB31" s="114">
        <v>77175</v>
      </c>
      <c r="GC31" s="114">
        <v>101108</v>
      </c>
      <c r="GD31" s="114">
        <v>93030</v>
      </c>
      <c r="GE31" s="114">
        <v>44450</v>
      </c>
      <c r="GF31" s="113">
        <v>369579</v>
      </c>
      <c r="GG31" s="319">
        <v>415849</v>
      </c>
      <c r="GH31" s="115">
        <v>0</v>
      </c>
      <c r="GI31" s="114">
        <v>0</v>
      </c>
      <c r="GJ31" s="112">
        <v>0</v>
      </c>
      <c r="GK31" s="111">
        <v>0</v>
      </c>
      <c r="GL31" s="114">
        <v>0</v>
      </c>
      <c r="GM31" s="114">
        <v>11200</v>
      </c>
      <c r="GN31" s="114">
        <v>0</v>
      </c>
      <c r="GO31" s="114">
        <v>0</v>
      </c>
      <c r="GP31" s="114">
        <v>0</v>
      </c>
      <c r="GQ31" s="113">
        <v>11200</v>
      </c>
      <c r="GR31" s="116">
        <v>11200</v>
      </c>
      <c r="GS31" s="110">
        <v>0</v>
      </c>
      <c r="GT31" s="114">
        <v>0</v>
      </c>
      <c r="GU31" s="113">
        <v>0</v>
      </c>
      <c r="GV31" s="110">
        <v>0</v>
      </c>
      <c r="GW31" s="114">
        <v>0</v>
      </c>
      <c r="GX31" s="114">
        <v>0</v>
      </c>
      <c r="GY31" s="114">
        <v>115500</v>
      </c>
      <c r="GZ31" s="114">
        <v>0</v>
      </c>
      <c r="HA31" s="114">
        <v>0</v>
      </c>
      <c r="HB31" s="112">
        <v>115500</v>
      </c>
      <c r="HC31" s="116">
        <v>115500</v>
      </c>
      <c r="HD31" s="110">
        <v>124462</v>
      </c>
      <c r="HE31" s="114">
        <v>0</v>
      </c>
      <c r="HF31" s="112">
        <v>124462</v>
      </c>
      <c r="HG31" s="111">
        <v>0</v>
      </c>
      <c r="HH31" s="114">
        <v>141296</v>
      </c>
      <c r="HI31" s="114">
        <v>934564</v>
      </c>
      <c r="HJ31" s="114">
        <v>0</v>
      </c>
      <c r="HK31" s="114">
        <v>374777</v>
      </c>
      <c r="HL31" s="114">
        <v>0</v>
      </c>
      <c r="HM31" s="113">
        <v>1450637</v>
      </c>
      <c r="HN31" s="109">
        <v>1575099</v>
      </c>
      <c r="HO31" s="329"/>
      <c r="HP31" s="330"/>
      <c r="HQ31" s="331"/>
      <c r="HR31" s="332"/>
      <c r="HS31" s="330"/>
      <c r="HT31" s="330"/>
      <c r="HU31" s="330"/>
      <c r="HV31" s="330"/>
      <c r="HW31" s="330"/>
      <c r="HX31" s="333"/>
      <c r="HY31" s="334"/>
      <c r="HZ31" s="131">
        <v>0</v>
      </c>
      <c r="IA31" s="132">
        <v>0</v>
      </c>
      <c r="IB31" s="133">
        <v>0</v>
      </c>
      <c r="IC31" s="146">
        <v>0</v>
      </c>
      <c r="ID31" s="132">
        <v>205585</v>
      </c>
      <c r="IE31" s="147">
        <v>64240</v>
      </c>
      <c r="IF31" s="133">
        <v>412741</v>
      </c>
      <c r="IG31" s="132">
        <v>216647</v>
      </c>
      <c r="IH31" s="133">
        <v>697803</v>
      </c>
      <c r="II31" s="148">
        <v>1597016</v>
      </c>
      <c r="IJ31" s="139">
        <v>1597016</v>
      </c>
      <c r="IK31" s="232">
        <v>0</v>
      </c>
      <c r="IL31" s="236">
        <v>0</v>
      </c>
      <c r="IM31" s="237">
        <v>0</v>
      </c>
      <c r="IN31" s="140"/>
      <c r="IO31" s="119">
        <v>0</v>
      </c>
      <c r="IP31" s="119">
        <v>0</v>
      </c>
      <c r="IQ31" s="119">
        <v>0</v>
      </c>
      <c r="IR31" s="119">
        <v>0</v>
      </c>
      <c r="IS31" s="119">
        <v>0</v>
      </c>
      <c r="IT31" s="141">
        <v>0</v>
      </c>
      <c r="IU31" s="321">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99182</v>
      </c>
      <c r="JL31" s="119">
        <v>64240</v>
      </c>
      <c r="JM31" s="119">
        <v>197603</v>
      </c>
      <c r="JN31" s="119">
        <v>0</v>
      </c>
      <c r="JO31" s="119">
        <v>0</v>
      </c>
      <c r="JP31" s="120">
        <v>361025</v>
      </c>
      <c r="JQ31" s="321">
        <v>361025</v>
      </c>
      <c r="JR31" s="142">
        <v>0</v>
      </c>
      <c r="JS31" s="119">
        <v>0</v>
      </c>
      <c r="JT31" s="141">
        <v>0</v>
      </c>
      <c r="JU31" s="118">
        <v>0</v>
      </c>
      <c r="JV31" s="119">
        <v>0</v>
      </c>
      <c r="JW31" s="119">
        <v>0</v>
      </c>
      <c r="JX31" s="119">
        <v>0</v>
      </c>
      <c r="JY31" s="119">
        <v>0</v>
      </c>
      <c r="JZ31" s="119">
        <v>256099</v>
      </c>
      <c r="KA31" s="120">
        <v>256099</v>
      </c>
      <c r="KB31" s="321">
        <v>256099</v>
      </c>
      <c r="KC31" s="234">
        <v>0</v>
      </c>
      <c r="KD31" s="230">
        <v>0</v>
      </c>
      <c r="KE31" s="120">
        <v>0</v>
      </c>
      <c r="KF31" s="118">
        <v>0</v>
      </c>
      <c r="KG31" s="119">
        <v>106403</v>
      </c>
      <c r="KH31" s="119">
        <v>0</v>
      </c>
      <c r="KI31" s="119">
        <v>0</v>
      </c>
      <c r="KJ31" s="119">
        <v>0</v>
      </c>
      <c r="KK31" s="119">
        <v>0</v>
      </c>
      <c r="KL31" s="120">
        <v>106403</v>
      </c>
      <c r="KM31" s="143">
        <v>106403</v>
      </c>
      <c r="KN31" s="232">
        <v>0</v>
      </c>
      <c r="KO31" s="236">
        <v>0</v>
      </c>
      <c r="KP31" s="237">
        <v>0</v>
      </c>
      <c r="KQ31" s="140"/>
      <c r="KR31" s="119">
        <v>0</v>
      </c>
      <c r="KS31" s="119">
        <v>0</v>
      </c>
      <c r="KT31" s="119">
        <v>215138</v>
      </c>
      <c r="KU31" s="119">
        <v>216647</v>
      </c>
      <c r="KV31" s="119">
        <v>441704</v>
      </c>
      <c r="KW31" s="120">
        <v>873489</v>
      </c>
      <c r="KX31" s="321">
        <v>873489</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21">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197929</v>
      </c>
      <c r="MK31" s="119">
        <v>0</v>
      </c>
      <c r="ML31" s="119">
        <v>215849</v>
      </c>
      <c r="MM31" s="119">
        <v>-249</v>
      </c>
      <c r="MN31" s="119">
        <v>-242</v>
      </c>
      <c r="MO31" s="120">
        <v>413287</v>
      </c>
      <c r="MP31" s="143">
        <v>413287</v>
      </c>
      <c r="MQ31" s="142">
        <v>0</v>
      </c>
      <c r="MR31" s="119">
        <v>0</v>
      </c>
      <c r="MS31" s="120">
        <v>0</v>
      </c>
      <c r="MT31" s="145"/>
      <c r="MU31" s="119">
        <v>0</v>
      </c>
      <c r="MV31" s="119">
        <v>0</v>
      </c>
      <c r="MW31" s="119">
        <v>0</v>
      </c>
      <c r="MX31" s="119">
        <v>-249</v>
      </c>
      <c r="MY31" s="119">
        <v>-242</v>
      </c>
      <c r="MZ31" s="120">
        <v>-491</v>
      </c>
      <c r="NA31" s="143">
        <v>-491</v>
      </c>
      <c r="NB31" s="142">
        <v>0</v>
      </c>
      <c r="NC31" s="119">
        <v>0</v>
      </c>
      <c r="ND31" s="120">
        <v>0</v>
      </c>
      <c r="NE31" s="145"/>
      <c r="NF31" s="119">
        <v>197929</v>
      </c>
      <c r="NG31" s="119">
        <v>0</v>
      </c>
      <c r="NH31" s="119">
        <v>215849</v>
      </c>
      <c r="NI31" s="119">
        <v>0</v>
      </c>
      <c r="NJ31" s="119">
        <v>0</v>
      </c>
      <c r="NK31" s="120">
        <v>413778</v>
      </c>
      <c r="NL31" s="321">
        <v>413778</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174834</v>
      </c>
      <c r="OJ31" s="119">
        <v>96834</v>
      </c>
      <c r="OK31" s="141">
        <v>271668</v>
      </c>
      <c r="OL31" s="118">
        <v>0</v>
      </c>
      <c r="OM31" s="119">
        <v>1464282</v>
      </c>
      <c r="ON31" s="119">
        <v>1756240</v>
      </c>
      <c r="OO31" s="119">
        <v>1503992</v>
      </c>
      <c r="OP31" s="119">
        <v>1117786</v>
      </c>
      <c r="OQ31" s="119">
        <v>1182913</v>
      </c>
      <c r="OR31" s="120">
        <v>7025213</v>
      </c>
      <c r="OS31" s="143">
        <v>7296881</v>
      </c>
    </row>
    <row r="32" spans="2:409" ht="20.25" customHeight="1" x14ac:dyDescent="0.2">
      <c r="B32" s="126" t="s">
        <v>27</v>
      </c>
      <c r="C32" s="110">
        <v>224615</v>
      </c>
      <c r="D32" s="114">
        <v>283200</v>
      </c>
      <c r="E32" s="113">
        <v>507815</v>
      </c>
      <c r="F32" s="109">
        <v>0</v>
      </c>
      <c r="G32" s="114">
        <v>494624</v>
      </c>
      <c r="H32" s="114">
        <v>777648</v>
      </c>
      <c r="I32" s="114">
        <v>1790923</v>
      </c>
      <c r="J32" s="114">
        <v>1070161</v>
      </c>
      <c r="K32" s="114">
        <v>1004424</v>
      </c>
      <c r="L32" s="173">
        <v>5137780</v>
      </c>
      <c r="M32" s="116">
        <v>5645595</v>
      </c>
      <c r="N32" s="110">
        <v>58406</v>
      </c>
      <c r="O32" s="114">
        <v>92599</v>
      </c>
      <c r="P32" s="113">
        <v>151005</v>
      </c>
      <c r="Q32" s="110">
        <v>0</v>
      </c>
      <c r="R32" s="114">
        <v>77184</v>
      </c>
      <c r="S32" s="114">
        <v>355112</v>
      </c>
      <c r="T32" s="114">
        <v>254643</v>
      </c>
      <c r="U32" s="114">
        <v>105994</v>
      </c>
      <c r="V32" s="114">
        <v>523920</v>
      </c>
      <c r="W32" s="113">
        <v>1316853</v>
      </c>
      <c r="X32" s="116">
        <v>1467858</v>
      </c>
      <c r="Y32" s="110">
        <v>0</v>
      </c>
      <c r="Z32" s="114">
        <v>0</v>
      </c>
      <c r="AA32" s="113">
        <v>0</v>
      </c>
      <c r="AB32" s="110">
        <v>0</v>
      </c>
      <c r="AC32" s="114">
        <v>0</v>
      </c>
      <c r="AD32" s="114">
        <v>266606</v>
      </c>
      <c r="AE32" s="114">
        <v>49890</v>
      </c>
      <c r="AF32" s="114">
        <v>0</v>
      </c>
      <c r="AG32" s="114">
        <v>432875</v>
      </c>
      <c r="AH32" s="113">
        <v>749371</v>
      </c>
      <c r="AI32" s="116">
        <v>749371</v>
      </c>
      <c r="AJ32" s="110">
        <v>0</v>
      </c>
      <c r="AK32" s="114">
        <v>0</v>
      </c>
      <c r="AL32" s="113">
        <v>0</v>
      </c>
      <c r="AM32" s="110">
        <v>0</v>
      </c>
      <c r="AN32" s="114">
        <v>0</v>
      </c>
      <c r="AO32" s="114">
        <v>0</v>
      </c>
      <c r="AP32" s="114">
        <v>48322</v>
      </c>
      <c r="AQ32" s="114">
        <v>0</v>
      </c>
      <c r="AR32" s="114">
        <v>0</v>
      </c>
      <c r="AS32" s="113">
        <v>48322</v>
      </c>
      <c r="AT32" s="116">
        <v>48322</v>
      </c>
      <c r="AU32" s="110">
        <v>37497</v>
      </c>
      <c r="AV32" s="114">
        <v>51832</v>
      </c>
      <c r="AW32" s="113">
        <v>89329</v>
      </c>
      <c r="AX32" s="110">
        <v>0</v>
      </c>
      <c r="AY32" s="114">
        <v>61952</v>
      </c>
      <c r="AZ32" s="114">
        <v>67905</v>
      </c>
      <c r="BA32" s="114">
        <v>62771</v>
      </c>
      <c r="BB32" s="114">
        <v>15596</v>
      </c>
      <c r="BC32" s="114">
        <v>44159</v>
      </c>
      <c r="BD32" s="113">
        <v>252383</v>
      </c>
      <c r="BE32" s="116">
        <v>341712</v>
      </c>
      <c r="BF32" s="110">
        <v>0</v>
      </c>
      <c r="BG32" s="114">
        <v>27593</v>
      </c>
      <c r="BH32" s="112">
        <v>27593</v>
      </c>
      <c r="BI32" s="111">
        <v>0</v>
      </c>
      <c r="BJ32" s="114">
        <v>0</v>
      </c>
      <c r="BK32" s="114">
        <v>0</v>
      </c>
      <c r="BL32" s="114">
        <v>0</v>
      </c>
      <c r="BM32" s="114">
        <v>0</v>
      </c>
      <c r="BN32" s="114">
        <v>0</v>
      </c>
      <c r="BO32" s="113">
        <v>0</v>
      </c>
      <c r="BP32" s="116">
        <v>27593</v>
      </c>
      <c r="BQ32" s="110">
        <v>20909</v>
      </c>
      <c r="BR32" s="114">
        <v>13174</v>
      </c>
      <c r="BS32" s="113">
        <v>34083</v>
      </c>
      <c r="BT32" s="110">
        <v>0</v>
      </c>
      <c r="BU32" s="114">
        <v>15232</v>
      </c>
      <c r="BV32" s="114">
        <v>20601</v>
      </c>
      <c r="BW32" s="114">
        <v>93660</v>
      </c>
      <c r="BX32" s="114">
        <v>90398</v>
      </c>
      <c r="BY32" s="114">
        <v>46886</v>
      </c>
      <c r="BZ32" s="113">
        <v>266777</v>
      </c>
      <c r="CA32" s="116">
        <v>300860</v>
      </c>
      <c r="CB32" s="110">
        <v>54475</v>
      </c>
      <c r="CC32" s="114">
        <v>33638</v>
      </c>
      <c r="CD32" s="113">
        <v>88113</v>
      </c>
      <c r="CE32" s="110">
        <v>0</v>
      </c>
      <c r="CF32" s="114">
        <v>11605</v>
      </c>
      <c r="CG32" s="114">
        <v>38934</v>
      </c>
      <c r="CH32" s="114">
        <v>344758</v>
      </c>
      <c r="CI32" s="114">
        <v>83155</v>
      </c>
      <c r="CJ32" s="114">
        <v>0</v>
      </c>
      <c r="CK32" s="113">
        <v>478452</v>
      </c>
      <c r="CL32" s="116">
        <v>566565</v>
      </c>
      <c r="CM32" s="110">
        <v>0</v>
      </c>
      <c r="CN32" s="114">
        <v>0</v>
      </c>
      <c r="CO32" s="113">
        <v>0</v>
      </c>
      <c r="CP32" s="111">
        <v>0</v>
      </c>
      <c r="CQ32" s="114">
        <v>0</v>
      </c>
      <c r="CR32" s="114">
        <v>11681</v>
      </c>
      <c r="CS32" s="114">
        <v>198614</v>
      </c>
      <c r="CT32" s="114">
        <v>83155</v>
      </c>
      <c r="CU32" s="114">
        <v>0</v>
      </c>
      <c r="CV32" s="113">
        <v>293450</v>
      </c>
      <c r="CW32" s="116">
        <v>293450</v>
      </c>
      <c r="CX32" s="110">
        <v>54475</v>
      </c>
      <c r="CY32" s="114">
        <v>33638</v>
      </c>
      <c r="CZ32" s="113">
        <v>88113</v>
      </c>
      <c r="DA32" s="110">
        <v>0</v>
      </c>
      <c r="DB32" s="114">
        <v>11605</v>
      </c>
      <c r="DC32" s="114">
        <v>27253</v>
      </c>
      <c r="DD32" s="114">
        <v>146144</v>
      </c>
      <c r="DE32" s="114">
        <v>0</v>
      </c>
      <c r="DF32" s="114">
        <v>0</v>
      </c>
      <c r="DG32" s="113">
        <v>185002</v>
      </c>
      <c r="DH32" s="116">
        <v>273115</v>
      </c>
      <c r="DI32" s="110">
        <v>0</v>
      </c>
      <c r="DJ32" s="114">
        <v>0</v>
      </c>
      <c r="DK32" s="112">
        <v>0</v>
      </c>
      <c r="DL32" s="111">
        <v>0</v>
      </c>
      <c r="DM32" s="114">
        <v>0</v>
      </c>
      <c r="DN32" s="114">
        <v>37080</v>
      </c>
      <c r="DO32" s="114">
        <v>143773</v>
      </c>
      <c r="DP32" s="114">
        <v>33363</v>
      </c>
      <c r="DQ32" s="114">
        <v>0</v>
      </c>
      <c r="DR32" s="113">
        <v>214216</v>
      </c>
      <c r="DS32" s="116">
        <v>214216</v>
      </c>
      <c r="DT32" s="110">
        <v>0</v>
      </c>
      <c r="DU32" s="114">
        <v>0</v>
      </c>
      <c r="DV32" s="113">
        <v>0</v>
      </c>
      <c r="DW32" s="110">
        <v>0</v>
      </c>
      <c r="DX32" s="114">
        <v>0</v>
      </c>
      <c r="DY32" s="114">
        <v>37080</v>
      </c>
      <c r="DZ32" s="114">
        <v>143773</v>
      </c>
      <c r="EA32" s="114">
        <v>33363</v>
      </c>
      <c r="EB32" s="114">
        <v>0</v>
      </c>
      <c r="EC32" s="113">
        <v>214216</v>
      </c>
      <c r="ED32" s="116">
        <v>214216</v>
      </c>
      <c r="EE32" s="110">
        <v>0</v>
      </c>
      <c r="EF32" s="112">
        <v>0</v>
      </c>
      <c r="EG32" s="113">
        <v>0</v>
      </c>
      <c r="EH32" s="110">
        <v>0</v>
      </c>
      <c r="EI32" s="114">
        <v>0</v>
      </c>
      <c r="EJ32" s="114">
        <v>0</v>
      </c>
      <c r="EK32" s="114">
        <v>0</v>
      </c>
      <c r="EL32" s="114">
        <v>0</v>
      </c>
      <c r="EM32" s="114">
        <v>0</v>
      </c>
      <c r="EN32" s="112">
        <v>0</v>
      </c>
      <c r="EO32" s="116">
        <v>0</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8"/>
      <c r="FE32" s="114">
        <v>0</v>
      </c>
      <c r="FF32" s="114">
        <v>0</v>
      </c>
      <c r="FG32" s="114">
        <v>0</v>
      </c>
      <c r="FH32" s="114">
        <v>0</v>
      </c>
      <c r="FI32" s="114">
        <v>0</v>
      </c>
      <c r="FJ32" s="113">
        <v>0</v>
      </c>
      <c r="FK32" s="116">
        <v>0</v>
      </c>
      <c r="FL32" s="110">
        <v>65380</v>
      </c>
      <c r="FM32" s="114">
        <v>70840</v>
      </c>
      <c r="FN32" s="113">
        <v>136220</v>
      </c>
      <c r="FO32" s="110">
        <v>0</v>
      </c>
      <c r="FP32" s="114">
        <v>7350</v>
      </c>
      <c r="FQ32" s="114">
        <v>44772</v>
      </c>
      <c r="FR32" s="114">
        <v>77315</v>
      </c>
      <c r="FS32" s="114">
        <v>16450</v>
      </c>
      <c r="FT32" s="114">
        <v>32900</v>
      </c>
      <c r="FU32" s="113">
        <v>178787</v>
      </c>
      <c r="FV32" s="116">
        <v>315007</v>
      </c>
      <c r="FW32" s="115">
        <v>22050</v>
      </c>
      <c r="FX32" s="114">
        <v>70840</v>
      </c>
      <c r="FY32" s="112">
        <v>92890</v>
      </c>
      <c r="FZ32" s="111">
        <v>0</v>
      </c>
      <c r="GA32" s="114">
        <v>7350</v>
      </c>
      <c r="GB32" s="114">
        <v>33572</v>
      </c>
      <c r="GC32" s="114">
        <v>77315</v>
      </c>
      <c r="GD32" s="114">
        <v>16450</v>
      </c>
      <c r="GE32" s="114">
        <v>32900</v>
      </c>
      <c r="GF32" s="113">
        <v>167587</v>
      </c>
      <c r="GG32" s="319">
        <v>260477</v>
      </c>
      <c r="GH32" s="115">
        <v>0</v>
      </c>
      <c r="GI32" s="114">
        <v>0</v>
      </c>
      <c r="GJ32" s="112">
        <v>0</v>
      </c>
      <c r="GK32" s="111">
        <v>0</v>
      </c>
      <c r="GL32" s="114">
        <v>0</v>
      </c>
      <c r="GM32" s="114">
        <v>11200</v>
      </c>
      <c r="GN32" s="114">
        <v>0</v>
      </c>
      <c r="GO32" s="114">
        <v>0</v>
      </c>
      <c r="GP32" s="114">
        <v>0</v>
      </c>
      <c r="GQ32" s="113">
        <v>11200</v>
      </c>
      <c r="GR32" s="116">
        <v>11200</v>
      </c>
      <c r="GS32" s="110">
        <v>43330</v>
      </c>
      <c r="GT32" s="114">
        <v>0</v>
      </c>
      <c r="GU32" s="113">
        <v>43330</v>
      </c>
      <c r="GV32" s="110">
        <v>0</v>
      </c>
      <c r="GW32" s="114">
        <v>0</v>
      </c>
      <c r="GX32" s="114">
        <v>0</v>
      </c>
      <c r="GY32" s="114">
        <v>0</v>
      </c>
      <c r="GZ32" s="114">
        <v>0</v>
      </c>
      <c r="HA32" s="114">
        <v>0</v>
      </c>
      <c r="HB32" s="112">
        <v>0</v>
      </c>
      <c r="HC32" s="116">
        <v>43330</v>
      </c>
      <c r="HD32" s="110">
        <v>46354</v>
      </c>
      <c r="HE32" s="114">
        <v>86123</v>
      </c>
      <c r="HF32" s="112">
        <v>132477</v>
      </c>
      <c r="HG32" s="111">
        <v>0</v>
      </c>
      <c r="HH32" s="114">
        <v>398485</v>
      </c>
      <c r="HI32" s="114">
        <v>301750</v>
      </c>
      <c r="HJ32" s="114">
        <v>970434</v>
      </c>
      <c r="HK32" s="114">
        <v>831199</v>
      </c>
      <c r="HL32" s="114">
        <v>447604</v>
      </c>
      <c r="HM32" s="113">
        <v>2949472</v>
      </c>
      <c r="HN32" s="109">
        <v>3081949</v>
      </c>
      <c r="HO32" s="329"/>
      <c r="HP32" s="330"/>
      <c r="HQ32" s="331"/>
      <c r="HR32" s="332"/>
      <c r="HS32" s="330"/>
      <c r="HT32" s="330"/>
      <c r="HU32" s="330"/>
      <c r="HV32" s="330"/>
      <c r="HW32" s="330"/>
      <c r="HX32" s="333"/>
      <c r="HY32" s="334"/>
      <c r="HZ32" s="150">
        <v>0</v>
      </c>
      <c r="IA32" s="135">
        <v>0</v>
      </c>
      <c r="IB32" s="150">
        <v>0</v>
      </c>
      <c r="IC32" s="134">
        <v>0</v>
      </c>
      <c r="ID32" s="135">
        <v>23917</v>
      </c>
      <c r="IE32" s="136">
        <v>41863</v>
      </c>
      <c r="IF32" s="137">
        <v>50449</v>
      </c>
      <c r="IG32" s="135">
        <v>0</v>
      </c>
      <c r="IH32" s="137">
        <v>0</v>
      </c>
      <c r="II32" s="138">
        <v>116229</v>
      </c>
      <c r="IJ32" s="150">
        <v>116229</v>
      </c>
      <c r="IK32" s="232">
        <v>0</v>
      </c>
      <c r="IL32" s="236">
        <v>0</v>
      </c>
      <c r="IM32" s="237">
        <v>0</v>
      </c>
      <c r="IN32" s="140"/>
      <c r="IO32" s="119">
        <v>0</v>
      </c>
      <c r="IP32" s="119">
        <v>0</v>
      </c>
      <c r="IQ32" s="119">
        <v>0</v>
      </c>
      <c r="IR32" s="119">
        <v>0</v>
      </c>
      <c r="IS32" s="119">
        <v>0</v>
      </c>
      <c r="IT32" s="141">
        <v>0</v>
      </c>
      <c r="IU32" s="321">
        <v>0</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23917</v>
      </c>
      <c r="JL32" s="119">
        <v>4938</v>
      </c>
      <c r="JM32" s="119">
        <v>0</v>
      </c>
      <c r="JN32" s="119">
        <v>0</v>
      </c>
      <c r="JO32" s="119">
        <v>0</v>
      </c>
      <c r="JP32" s="120">
        <v>28855</v>
      </c>
      <c r="JQ32" s="321">
        <v>28855</v>
      </c>
      <c r="JR32" s="142">
        <v>0</v>
      </c>
      <c r="JS32" s="119">
        <v>0</v>
      </c>
      <c r="JT32" s="141">
        <v>0</v>
      </c>
      <c r="JU32" s="118">
        <v>0</v>
      </c>
      <c r="JV32" s="119">
        <v>0</v>
      </c>
      <c r="JW32" s="119">
        <v>36925</v>
      </c>
      <c r="JX32" s="119">
        <v>50449</v>
      </c>
      <c r="JY32" s="119">
        <v>0</v>
      </c>
      <c r="JZ32" s="119">
        <v>0</v>
      </c>
      <c r="KA32" s="120">
        <v>87374</v>
      </c>
      <c r="KB32" s="321">
        <v>87374</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0</v>
      </c>
      <c r="KS32" s="119">
        <v>0</v>
      </c>
      <c r="KT32" s="119">
        <v>0</v>
      </c>
      <c r="KU32" s="119">
        <v>0</v>
      </c>
      <c r="KV32" s="119">
        <v>0</v>
      </c>
      <c r="KW32" s="120">
        <v>0</v>
      </c>
      <c r="KX32" s="321">
        <v>0</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0</v>
      </c>
      <c r="LQ32" s="119">
        <v>0</v>
      </c>
      <c r="LR32" s="119">
        <v>0</v>
      </c>
      <c r="LS32" s="120">
        <v>0</v>
      </c>
      <c r="LT32" s="321">
        <v>0</v>
      </c>
      <c r="LU32" s="142">
        <v>0</v>
      </c>
      <c r="LV32" s="119">
        <v>0</v>
      </c>
      <c r="LW32" s="120">
        <v>0</v>
      </c>
      <c r="LX32" s="145"/>
      <c r="LY32" s="119">
        <v>0</v>
      </c>
      <c r="LZ32" s="119">
        <v>0</v>
      </c>
      <c r="MA32" s="119">
        <v>0</v>
      </c>
      <c r="MB32" s="119">
        <v>0</v>
      </c>
      <c r="MC32" s="119">
        <v>0</v>
      </c>
      <c r="MD32" s="120">
        <v>0</v>
      </c>
      <c r="ME32" s="121">
        <v>0</v>
      </c>
      <c r="MF32" s="142">
        <v>0</v>
      </c>
      <c r="MG32" s="119">
        <v>0</v>
      </c>
      <c r="MH32" s="120">
        <v>0</v>
      </c>
      <c r="MI32" s="145"/>
      <c r="MJ32" s="119">
        <v>0</v>
      </c>
      <c r="MK32" s="119">
        <v>0</v>
      </c>
      <c r="ML32" s="119">
        <v>287164</v>
      </c>
      <c r="MM32" s="119">
        <v>665352</v>
      </c>
      <c r="MN32" s="119">
        <v>231873</v>
      </c>
      <c r="MO32" s="120">
        <v>1184389</v>
      </c>
      <c r="MP32" s="143">
        <v>1184389</v>
      </c>
      <c r="MQ32" s="142">
        <v>0</v>
      </c>
      <c r="MR32" s="119">
        <v>0</v>
      </c>
      <c r="MS32" s="120">
        <v>0</v>
      </c>
      <c r="MT32" s="145"/>
      <c r="MU32" s="119">
        <v>0</v>
      </c>
      <c r="MV32" s="119">
        <v>0</v>
      </c>
      <c r="MW32" s="119">
        <v>195677</v>
      </c>
      <c r="MX32" s="119">
        <v>432934</v>
      </c>
      <c r="MY32" s="119">
        <v>231873</v>
      </c>
      <c r="MZ32" s="120">
        <v>860484</v>
      </c>
      <c r="NA32" s="143">
        <v>860484</v>
      </c>
      <c r="NB32" s="142">
        <v>0</v>
      </c>
      <c r="NC32" s="119">
        <v>0</v>
      </c>
      <c r="ND32" s="120">
        <v>0</v>
      </c>
      <c r="NE32" s="145"/>
      <c r="NF32" s="119">
        <v>0</v>
      </c>
      <c r="NG32" s="119">
        <v>0</v>
      </c>
      <c r="NH32" s="119">
        <v>91487</v>
      </c>
      <c r="NI32" s="119">
        <v>232418</v>
      </c>
      <c r="NJ32" s="119">
        <v>0</v>
      </c>
      <c r="NK32" s="120">
        <v>323905</v>
      </c>
      <c r="NL32" s="321">
        <v>323905</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0</v>
      </c>
      <c r="OF32" s="119">
        <v>0</v>
      </c>
      <c r="OG32" s="120">
        <v>0</v>
      </c>
      <c r="OH32" s="121">
        <v>0</v>
      </c>
      <c r="OI32" s="142">
        <v>224615</v>
      </c>
      <c r="OJ32" s="119">
        <v>283200</v>
      </c>
      <c r="OK32" s="141">
        <v>507815</v>
      </c>
      <c r="OL32" s="118">
        <v>0</v>
      </c>
      <c r="OM32" s="119">
        <v>518541</v>
      </c>
      <c r="ON32" s="119">
        <v>819511</v>
      </c>
      <c r="OO32" s="119">
        <v>2128536</v>
      </c>
      <c r="OP32" s="119">
        <v>1735513</v>
      </c>
      <c r="OQ32" s="119">
        <v>1236297</v>
      </c>
      <c r="OR32" s="120">
        <v>6438398</v>
      </c>
      <c r="OS32" s="143">
        <v>6946213</v>
      </c>
    </row>
    <row r="33" spans="2:409" ht="20.25" customHeight="1" x14ac:dyDescent="0.2">
      <c r="B33" s="126" t="s">
        <v>28</v>
      </c>
      <c r="C33" s="110">
        <v>1610</v>
      </c>
      <c r="D33" s="114">
        <v>46238</v>
      </c>
      <c r="E33" s="113">
        <v>47848</v>
      </c>
      <c r="F33" s="109">
        <v>0</v>
      </c>
      <c r="G33" s="114">
        <v>387501</v>
      </c>
      <c r="H33" s="114">
        <v>305331</v>
      </c>
      <c r="I33" s="114">
        <v>226084</v>
      </c>
      <c r="J33" s="114">
        <v>85995</v>
      </c>
      <c r="K33" s="114">
        <v>222831</v>
      </c>
      <c r="L33" s="173">
        <v>1227742</v>
      </c>
      <c r="M33" s="116">
        <v>1275590</v>
      </c>
      <c r="N33" s="110">
        <v>0</v>
      </c>
      <c r="O33" s="114">
        <v>0</v>
      </c>
      <c r="P33" s="113">
        <v>0</v>
      </c>
      <c r="Q33" s="110">
        <v>0</v>
      </c>
      <c r="R33" s="114">
        <v>108699</v>
      </c>
      <c r="S33" s="114">
        <v>119537</v>
      </c>
      <c r="T33" s="114">
        <v>23856</v>
      </c>
      <c r="U33" s="114">
        <v>0</v>
      </c>
      <c r="V33" s="114">
        <v>75887</v>
      </c>
      <c r="W33" s="113">
        <v>327979</v>
      </c>
      <c r="X33" s="116">
        <v>327979</v>
      </c>
      <c r="Y33" s="110">
        <v>0</v>
      </c>
      <c r="Z33" s="114">
        <v>0</v>
      </c>
      <c r="AA33" s="113">
        <v>0</v>
      </c>
      <c r="AB33" s="110">
        <v>0</v>
      </c>
      <c r="AC33" s="114">
        <v>30532</v>
      </c>
      <c r="AD33" s="114">
        <v>46972</v>
      </c>
      <c r="AE33" s="114">
        <v>0</v>
      </c>
      <c r="AF33" s="114">
        <v>0</v>
      </c>
      <c r="AG33" s="114">
        <v>68649</v>
      </c>
      <c r="AH33" s="113">
        <v>146153</v>
      </c>
      <c r="AI33" s="116">
        <v>146153</v>
      </c>
      <c r="AJ33" s="110">
        <v>0</v>
      </c>
      <c r="AK33" s="114">
        <v>0</v>
      </c>
      <c r="AL33" s="113">
        <v>0</v>
      </c>
      <c r="AM33" s="110">
        <v>0</v>
      </c>
      <c r="AN33" s="114">
        <v>0</v>
      </c>
      <c r="AO33" s="114">
        <v>0</v>
      </c>
      <c r="AP33" s="114">
        <v>0</v>
      </c>
      <c r="AQ33" s="114">
        <v>0</v>
      </c>
      <c r="AR33" s="114">
        <v>0</v>
      </c>
      <c r="AS33" s="113">
        <v>0</v>
      </c>
      <c r="AT33" s="116">
        <v>0</v>
      </c>
      <c r="AU33" s="110">
        <v>0</v>
      </c>
      <c r="AV33" s="114">
        <v>0</v>
      </c>
      <c r="AW33" s="113">
        <v>0</v>
      </c>
      <c r="AX33" s="110">
        <v>0</v>
      </c>
      <c r="AY33" s="114">
        <v>7350</v>
      </c>
      <c r="AZ33" s="114">
        <v>49066</v>
      </c>
      <c r="BA33" s="114">
        <v>10682</v>
      </c>
      <c r="BB33" s="114">
        <v>0</v>
      </c>
      <c r="BC33" s="114">
        <v>0</v>
      </c>
      <c r="BD33" s="113">
        <v>67098</v>
      </c>
      <c r="BE33" s="116">
        <v>67098</v>
      </c>
      <c r="BF33" s="110">
        <v>0</v>
      </c>
      <c r="BG33" s="114">
        <v>0</v>
      </c>
      <c r="BH33" s="112">
        <v>0</v>
      </c>
      <c r="BI33" s="111">
        <v>0</v>
      </c>
      <c r="BJ33" s="114">
        <v>55179</v>
      </c>
      <c r="BK33" s="114">
        <v>0</v>
      </c>
      <c r="BL33" s="114">
        <v>0</v>
      </c>
      <c r="BM33" s="114">
        <v>0</v>
      </c>
      <c r="BN33" s="114">
        <v>0</v>
      </c>
      <c r="BO33" s="113">
        <v>55179</v>
      </c>
      <c r="BP33" s="116">
        <v>55179</v>
      </c>
      <c r="BQ33" s="110">
        <v>0</v>
      </c>
      <c r="BR33" s="114">
        <v>0</v>
      </c>
      <c r="BS33" s="113">
        <v>0</v>
      </c>
      <c r="BT33" s="110">
        <v>0</v>
      </c>
      <c r="BU33" s="114">
        <v>15638</v>
      </c>
      <c r="BV33" s="114">
        <v>23499</v>
      </c>
      <c r="BW33" s="114">
        <v>13174</v>
      </c>
      <c r="BX33" s="114">
        <v>0</v>
      </c>
      <c r="BY33" s="114">
        <v>7238</v>
      </c>
      <c r="BZ33" s="113">
        <v>59549</v>
      </c>
      <c r="CA33" s="116">
        <v>59549</v>
      </c>
      <c r="CB33" s="110">
        <v>0</v>
      </c>
      <c r="CC33" s="114">
        <v>33638</v>
      </c>
      <c r="CD33" s="113">
        <v>33638</v>
      </c>
      <c r="CE33" s="110">
        <v>0</v>
      </c>
      <c r="CF33" s="114">
        <v>111441</v>
      </c>
      <c r="CG33" s="114">
        <v>127288</v>
      </c>
      <c r="CH33" s="114">
        <v>27167</v>
      </c>
      <c r="CI33" s="114">
        <v>85995</v>
      </c>
      <c r="CJ33" s="114">
        <v>80444</v>
      </c>
      <c r="CK33" s="113">
        <v>432335</v>
      </c>
      <c r="CL33" s="116">
        <v>465973</v>
      </c>
      <c r="CM33" s="110">
        <v>0</v>
      </c>
      <c r="CN33" s="114">
        <v>0</v>
      </c>
      <c r="CO33" s="113">
        <v>0</v>
      </c>
      <c r="CP33" s="111">
        <v>0</v>
      </c>
      <c r="CQ33" s="114">
        <v>42371</v>
      </c>
      <c r="CR33" s="114">
        <v>94771</v>
      </c>
      <c r="CS33" s="114">
        <v>0</v>
      </c>
      <c r="CT33" s="114">
        <v>85995</v>
      </c>
      <c r="CU33" s="114">
        <v>0</v>
      </c>
      <c r="CV33" s="113">
        <v>223137</v>
      </c>
      <c r="CW33" s="116">
        <v>223137</v>
      </c>
      <c r="CX33" s="110">
        <v>0</v>
      </c>
      <c r="CY33" s="114">
        <v>33638</v>
      </c>
      <c r="CZ33" s="113">
        <v>33638</v>
      </c>
      <c r="DA33" s="110">
        <v>0</v>
      </c>
      <c r="DB33" s="114">
        <v>69070</v>
      </c>
      <c r="DC33" s="114">
        <v>32517</v>
      </c>
      <c r="DD33" s="114">
        <v>27167</v>
      </c>
      <c r="DE33" s="114">
        <v>0</v>
      </c>
      <c r="DF33" s="114">
        <v>80444</v>
      </c>
      <c r="DG33" s="113">
        <v>209198</v>
      </c>
      <c r="DH33" s="116">
        <v>242836</v>
      </c>
      <c r="DI33" s="110">
        <v>0</v>
      </c>
      <c r="DJ33" s="114">
        <v>0</v>
      </c>
      <c r="DK33" s="112">
        <v>0</v>
      </c>
      <c r="DL33" s="111">
        <v>0</v>
      </c>
      <c r="DM33" s="114">
        <v>0</v>
      </c>
      <c r="DN33" s="114">
        <v>13720</v>
      </c>
      <c r="DO33" s="114">
        <v>0</v>
      </c>
      <c r="DP33" s="114">
        <v>0</v>
      </c>
      <c r="DQ33" s="114">
        <v>0</v>
      </c>
      <c r="DR33" s="113">
        <v>13720</v>
      </c>
      <c r="DS33" s="116">
        <v>13720</v>
      </c>
      <c r="DT33" s="110">
        <v>0</v>
      </c>
      <c r="DU33" s="114">
        <v>0</v>
      </c>
      <c r="DV33" s="113">
        <v>0</v>
      </c>
      <c r="DW33" s="110">
        <v>0</v>
      </c>
      <c r="DX33" s="114">
        <v>0</v>
      </c>
      <c r="DY33" s="114">
        <v>13720</v>
      </c>
      <c r="DZ33" s="114">
        <v>0</v>
      </c>
      <c r="EA33" s="114">
        <v>0</v>
      </c>
      <c r="EB33" s="114">
        <v>0</v>
      </c>
      <c r="EC33" s="113">
        <v>13720</v>
      </c>
      <c r="ED33" s="116">
        <v>13720</v>
      </c>
      <c r="EE33" s="110">
        <v>0</v>
      </c>
      <c r="EF33" s="112">
        <v>0</v>
      </c>
      <c r="EG33" s="113">
        <v>0</v>
      </c>
      <c r="EH33" s="110">
        <v>0</v>
      </c>
      <c r="EI33" s="114">
        <v>0</v>
      </c>
      <c r="EJ33" s="114">
        <v>0</v>
      </c>
      <c r="EK33" s="114">
        <v>0</v>
      </c>
      <c r="EL33" s="114">
        <v>0</v>
      </c>
      <c r="EM33" s="114">
        <v>0</v>
      </c>
      <c r="EN33" s="112">
        <v>0</v>
      </c>
      <c r="EO33" s="116">
        <v>0</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8"/>
      <c r="FE33" s="114">
        <v>0</v>
      </c>
      <c r="FF33" s="114">
        <v>0</v>
      </c>
      <c r="FG33" s="114">
        <v>0</v>
      </c>
      <c r="FH33" s="114">
        <v>0</v>
      </c>
      <c r="FI33" s="114">
        <v>0</v>
      </c>
      <c r="FJ33" s="113">
        <v>0</v>
      </c>
      <c r="FK33" s="116">
        <v>0</v>
      </c>
      <c r="FL33" s="110">
        <v>1610</v>
      </c>
      <c r="FM33" s="114">
        <v>12600</v>
      </c>
      <c r="FN33" s="113">
        <v>14210</v>
      </c>
      <c r="FO33" s="110">
        <v>0</v>
      </c>
      <c r="FP33" s="114">
        <v>29050</v>
      </c>
      <c r="FQ33" s="114">
        <v>44786</v>
      </c>
      <c r="FR33" s="114">
        <v>7350</v>
      </c>
      <c r="FS33" s="114">
        <v>0</v>
      </c>
      <c r="FT33" s="114">
        <v>66500</v>
      </c>
      <c r="FU33" s="113">
        <v>147686</v>
      </c>
      <c r="FV33" s="116">
        <v>161896</v>
      </c>
      <c r="FW33" s="115">
        <v>1610</v>
      </c>
      <c r="FX33" s="114">
        <v>12600</v>
      </c>
      <c r="FY33" s="112">
        <v>14210</v>
      </c>
      <c r="FZ33" s="111">
        <v>0</v>
      </c>
      <c r="GA33" s="114">
        <v>29050</v>
      </c>
      <c r="GB33" s="114">
        <v>44786</v>
      </c>
      <c r="GC33" s="114">
        <v>7350</v>
      </c>
      <c r="GD33" s="114">
        <v>0</v>
      </c>
      <c r="GE33" s="114">
        <v>66500</v>
      </c>
      <c r="GF33" s="113">
        <v>147686</v>
      </c>
      <c r="GG33" s="319">
        <v>161896</v>
      </c>
      <c r="GH33" s="115">
        <v>0</v>
      </c>
      <c r="GI33" s="114">
        <v>0</v>
      </c>
      <c r="GJ33" s="112">
        <v>0</v>
      </c>
      <c r="GK33" s="111">
        <v>0</v>
      </c>
      <c r="GL33" s="114">
        <v>0</v>
      </c>
      <c r="GM33" s="114">
        <v>0</v>
      </c>
      <c r="GN33" s="114">
        <v>0</v>
      </c>
      <c r="GO33" s="114">
        <v>0</v>
      </c>
      <c r="GP33" s="114">
        <v>0</v>
      </c>
      <c r="GQ33" s="113">
        <v>0</v>
      </c>
      <c r="GR33" s="116">
        <v>0</v>
      </c>
      <c r="GS33" s="110">
        <v>0</v>
      </c>
      <c r="GT33" s="114">
        <v>0</v>
      </c>
      <c r="GU33" s="113">
        <v>0</v>
      </c>
      <c r="GV33" s="110">
        <v>0</v>
      </c>
      <c r="GW33" s="114">
        <v>0</v>
      </c>
      <c r="GX33" s="114">
        <v>0</v>
      </c>
      <c r="GY33" s="114">
        <v>0</v>
      </c>
      <c r="GZ33" s="114">
        <v>0</v>
      </c>
      <c r="HA33" s="114">
        <v>0</v>
      </c>
      <c r="HB33" s="112">
        <v>0</v>
      </c>
      <c r="HC33" s="116">
        <v>0</v>
      </c>
      <c r="HD33" s="110">
        <v>0</v>
      </c>
      <c r="HE33" s="114">
        <v>0</v>
      </c>
      <c r="HF33" s="112">
        <v>0</v>
      </c>
      <c r="HG33" s="111">
        <v>0</v>
      </c>
      <c r="HH33" s="114">
        <v>138311</v>
      </c>
      <c r="HI33" s="114">
        <v>0</v>
      </c>
      <c r="HJ33" s="114">
        <v>167711</v>
      </c>
      <c r="HK33" s="114">
        <v>0</v>
      </c>
      <c r="HL33" s="114">
        <v>0</v>
      </c>
      <c r="HM33" s="113">
        <v>306022</v>
      </c>
      <c r="HN33" s="109">
        <v>306022</v>
      </c>
      <c r="HO33" s="329"/>
      <c r="HP33" s="330"/>
      <c r="HQ33" s="331"/>
      <c r="HR33" s="332"/>
      <c r="HS33" s="330"/>
      <c r="HT33" s="330"/>
      <c r="HU33" s="330"/>
      <c r="HV33" s="330"/>
      <c r="HW33" s="330"/>
      <c r="HX33" s="333"/>
      <c r="HY33" s="334"/>
      <c r="HZ33" s="131">
        <v>0</v>
      </c>
      <c r="IA33" s="132">
        <v>0</v>
      </c>
      <c r="IB33" s="133">
        <v>0</v>
      </c>
      <c r="IC33" s="146">
        <v>0</v>
      </c>
      <c r="ID33" s="132">
        <v>116697</v>
      </c>
      <c r="IE33" s="147">
        <v>28791</v>
      </c>
      <c r="IF33" s="133">
        <v>0</v>
      </c>
      <c r="IG33" s="132">
        <v>0</v>
      </c>
      <c r="IH33" s="133">
        <v>0</v>
      </c>
      <c r="II33" s="148">
        <v>145488</v>
      </c>
      <c r="IJ33" s="139">
        <v>145488</v>
      </c>
      <c r="IK33" s="232">
        <v>0</v>
      </c>
      <c r="IL33" s="236">
        <v>0</v>
      </c>
      <c r="IM33" s="237">
        <v>0</v>
      </c>
      <c r="IN33" s="140"/>
      <c r="IO33" s="119">
        <v>0</v>
      </c>
      <c r="IP33" s="119">
        <v>0</v>
      </c>
      <c r="IQ33" s="119">
        <v>0</v>
      </c>
      <c r="IR33" s="119">
        <v>0</v>
      </c>
      <c r="IS33" s="119">
        <v>0</v>
      </c>
      <c r="IT33" s="141">
        <v>0</v>
      </c>
      <c r="IU33" s="321">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116697</v>
      </c>
      <c r="JL33" s="119">
        <v>28791</v>
      </c>
      <c r="JM33" s="119">
        <v>0</v>
      </c>
      <c r="JN33" s="119">
        <v>0</v>
      </c>
      <c r="JO33" s="119">
        <v>0</v>
      </c>
      <c r="JP33" s="120">
        <v>145488</v>
      </c>
      <c r="JQ33" s="321">
        <v>145488</v>
      </c>
      <c r="JR33" s="142">
        <v>0</v>
      </c>
      <c r="JS33" s="119">
        <v>0</v>
      </c>
      <c r="JT33" s="141">
        <v>0</v>
      </c>
      <c r="JU33" s="118">
        <v>0</v>
      </c>
      <c r="JV33" s="119">
        <v>0</v>
      </c>
      <c r="JW33" s="119">
        <v>0</v>
      </c>
      <c r="JX33" s="119">
        <v>0</v>
      </c>
      <c r="JY33" s="119">
        <v>0</v>
      </c>
      <c r="JZ33" s="119">
        <v>0</v>
      </c>
      <c r="KA33" s="120">
        <v>0</v>
      </c>
      <c r="KB33" s="321">
        <v>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0</v>
      </c>
      <c r="KT33" s="119">
        <v>0</v>
      </c>
      <c r="KU33" s="119">
        <v>0</v>
      </c>
      <c r="KV33" s="119">
        <v>0</v>
      </c>
      <c r="KW33" s="120">
        <v>0</v>
      </c>
      <c r="KX33" s="321">
        <v>0</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21">
        <v>0</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0</v>
      </c>
      <c r="MK33" s="119">
        <v>0</v>
      </c>
      <c r="ML33" s="119">
        <v>0</v>
      </c>
      <c r="MM33" s="119">
        <v>431918</v>
      </c>
      <c r="MN33" s="119">
        <v>257257</v>
      </c>
      <c r="MO33" s="120">
        <v>689175</v>
      </c>
      <c r="MP33" s="143">
        <v>689175</v>
      </c>
      <c r="MQ33" s="142">
        <v>0</v>
      </c>
      <c r="MR33" s="119">
        <v>0</v>
      </c>
      <c r="MS33" s="120">
        <v>0</v>
      </c>
      <c r="MT33" s="145"/>
      <c r="MU33" s="119">
        <v>0</v>
      </c>
      <c r="MV33" s="119">
        <v>0</v>
      </c>
      <c r="MW33" s="119">
        <v>0</v>
      </c>
      <c r="MX33" s="119">
        <v>216675</v>
      </c>
      <c r="MY33" s="119">
        <v>0</v>
      </c>
      <c r="MZ33" s="120">
        <v>216675</v>
      </c>
      <c r="NA33" s="143">
        <v>216675</v>
      </c>
      <c r="NB33" s="142">
        <v>0</v>
      </c>
      <c r="NC33" s="119">
        <v>0</v>
      </c>
      <c r="ND33" s="120">
        <v>0</v>
      </c>
      <c r="NE33" s="145"/>
      <c r="NF33" s="119">
        <v>0</v>
      </c>
      <c r="NG33" s="119">
        <v>0</v>
      </c>
      <c r="NH33" s="119">
        <v>0</v>
      </c>
      <c r="NI33" s="119">
        <v>215243</v>
      </c>
      <c r="NJ33" s="119">
        <v>257257</v>
      </c>
      <c r="NK33" s="120">
        <v>472500</v>
      </c>
      <c r="NL33" s="321">
        <v>472500</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1610</v>
      </c>
      <c r="OJ33" s="119">
        <v>46238</v>
      </c>
      <c r="OK33" s="141">
        <v>47848</v>
      </c>
      <c r="OL33" s="118">
        <v>0</v>
      </c>
      <c r="OM33" s="119">
        <v>504198</v>
      </c>
      <c r="ON33" s="119">
        <v>334122</v>
      </c>
      <c r="OO33" s="119">
        <v>226084</v>
      </c>
      <c r="OP33" s="119">
        <v>517913</v>
      </c>
      <c r="OQ33" s="119">
        <v>480088</v>
      </c>
      <c r="OR33" s="120">
        <v>2062405</v>
      </c>
      <c r="OS33" s="143">
        <v>2110253</v>
      </c>
    </row>
    <row r="34" spans="2:409" ht="20.25" customHeight="1" x14ac:dyDescent="0.2">
      <c r="B34" s="126" t="s">
        <v>29</v>
      </c>
      <c r="C34" s="110">
        <v>1400</v>
      </c>
      <c r="D34" s="114">
        <v>5250</v>
      </c>
      <c r="E34" s="113">
        <v>6650</v>
      </c>
      <c r="F34" s="109">
        <v>0</v>
      </c>
      <c r="G34" s="114">
        <v>226251</v>
      </c>
      <c r="H34" s="114">
        <v>372005</v>
      </c>
      <c r="I34" s="114">
        <v>369481</v>
      </c>
      <c r="J34" s="114">
        <v>612256</v>
      </c>
      <c r="K34" s="114">
        <v>11522</v>
      </c>
      <c r="L34" s="173">
        <v>1591515</v>
      </c>
      <c r="M34" s="116">
        <v>1598165</v>
      </c>
      <c r="N34" s="110">
        <v>0</v>
      </c>
      <c r="O34" s="114">
        <v>0</v>
      </c>
      <c r="P34" s="113">
        <v>0</v>
      </c>
      <c r="Q34" s="110">
        <v>0</v>
      </c>
      <c r="R34" s="114">
        <v>84455</v>
      </c>
      <c r="S34" s="114">
        <v>143556</v>
      </c>
      <c r="T34" s="114">
        <v>190680</v>
      </c>
      <c r="U34" s="114">
        <v>214494</v>
      </c>
      <c r="V34" s="114">
        <v>0</v>
      </c>
      <c r="W34" s="113">
        <v>633185</v>
      </c>
      <c r="X34" s="116">
        <v>633185</v>
      </c>
      <c r="Y34" s="110">
        <v>0</v>
      </c>
      <c r="Z34" s="114">
        <v>0</v>
      </c>
      <c r="AA34" s="113">
        <v>0</v>
      </c>
      <c r="AB34" s="110">
        <v>0</v>
      </c>
      <c r="AC34" s="114">
        <v>38367</v>
      </c>
      <c r="AD34" s="114">
        <v>58219</v>
      </c>
      <c r="AE34" s="114">
        <v>0</v>
      </c>
      <c r="AF34" s="114">
        <v>93912</v>
      </c>
      <c r="AG34" s="114">
        <v>0</v>
      </c>
      <c r="AH34" s="113">
        <v>190498</v>
      </c>
      <c r="AI34" s="116">
        <v>190498</v>
      </c>
      <c r="AJ34" s="110">
        <v>0</v>
      </c>
      <c r="AK34" s="114">
        <v>0</v>
      </c>
      <c r="AL34" s="113">
        <v>0</v>
      </c>
      <c r="AM34" s="110">
        <v>0</v>
      </c>
      <c r="AN34" s="114">
        <v>0</v>
      </c>
      <c r="AO34" s="114">
        <v>0</v>
      </c>
      <c r="AP34" s="114">
        <v>37856</v>
      </c>
      <c r="AQ34" s="114">
        <v>0</v>
      </c>
      <c r="AR34" s="114">
        <v>0</v>
      </c>
      <c r="AS34" s="113">
        <v>37856</v>
      </c>
      <c r="AT34" s="116">
        <v>37856</v>
      </c>
      <c r="AU34" s="110">
        <v>0</v>
      </c>
      <c r="AV34" s="114">
        <v>0</v>
      </c>
      <c r="AW34" s="113">
        <v>0</v>
      </c>
      <c r="AX34" s="110">
        <v>0</v>
      </c>
      <c r="AY34" s="114">
        <v>37688</v>
      </c>
      <c r="AZ34" s="114">
        <v>35777</v>
      </c>
      <c r="BA34" s="114">
        <v>144480</v>
      </c>
      <c r="BB34" s="114">
        <v>0</v>
      </c>
      <c r="BC34" s="114">
        <v>0</v>
      </c>
      <c r="BD34" s="113">
        <v>217945</v>
      </c>
      <c r="BE34" s="116">
        <v>217945</v>
      </c>
      <c r="BF34" s="110">
        <v>0</v>
      </c>
      <c r="BG34" s="114">
        <v>0</v>
      </c>
      <c r="BH34" s="112">
        <v>0</v>
      </c>
      <c r="BI34" s="111">
        <v>0</v>
      </c>
      <c r="BJ34" s="114">
        <v>0</v>
      </c>
      <c r="BK34" s="114">
        <v>26768</v>
      </c>
      <c r="BL34" s="114">
        <v>0</v>
      </c>
      <c r="BM34" s="114">
        <v>89012</v>
      </c>
      <c r="BN34" s="114">
        <v>0</v>
      </c>
      <c r="BO34" s="113">
        <v>115780</v>
      </c>
      <c r="BP34" s="116">
        <v>115780</v>
      </c>
      <c r="BQ34" s="110">
        <v>0</v>
      </c>
      <c r="BR34" s="114">
        <v>0</v>
      </c>
      <c r="BS34" s="113">
        <v>0</v>
      </c>
      <c r="BT34" s="110">
        <v>0</v>
      </c>
      <c r="BU34" s="114">
        <v>8400</v>
      </c>
      <c r="BV34" s="114">
        <v>22792</v>
      </c>
      <c r="BW34" s="114">
        <v>8344</v>
      </c>
      <c r="BX34" s="114">
        <v>31570</v>
      </c>
      <c r="BY34" s="114">
        <v>0</v>
      </c>
      <c r="BZ34" s="113">
        <v>71106</v>
      </c>
      <c r="CA34" s="116">
        <v>71106</v>
      </c>
      <c r="CB34" s="110">
        <v>0</v>
      </c>
      <c r="CC34" s="114">
        <v>0</v>
      </c>
      <c r="CD34" s="113">
        <v>0</v>
      </c>
      <c r="CE34" s="110">
        <v>0</v>
      </c>
      <c r="CF34" s="114">
        <v>18592</v>
      </c>
      <c r="CG34" s="114">
        <v>45017</v>
      </c>
      <c r="CH34" s="114">
        <v>114121</v>
      </c>
      <c r="CI34" s="114">
        <v>0</v>
      </c>
      <c r="CJ34" s="114">
        <v>0</v>
      </c>
      <c r="CK34" s="113">
        <v>177730</v>
      </c>
      <c r="CL34" s="116">
        <v>177730</v>
      </c>
      <c r="CM34" s="110">
        <v>0</v>
      </c>
      <c r="CN34" s="114">
        <v>0</v>
      </c>
      <c r="CO34" s="113">
        <v>0</v>
      </c>
      <c r="CP34" s="111">
        <v>0</v>
      </c>
      <c r="CQ34" s="114">
        <v>18592</v>
      </c>
      <c r="CR34" s="114">
        <v>0</v>
      </c>
      <c r="CS34" s="114">
        <v>44779</v>
      </c>
      <c r="CT34" s="114">
        <v>0</v>
      </c>
      <c r="CU34" s="114">
        <v>0</v>
      </c>
      <c r="CV34" s="113">
        <v>63371</v>
      </c>
      <c r="CW34" s="116">
        <v>63371</v>
      </c>
      <c r="CX34" s="110">
        <v>0</v>
      </c>
      <c r="CY34" s="114">
        <v>0</v>
      </c>
      <c r="CZ34" s="113">
        <v>0</v>
      </c>
      <c r="DA34" s="110">
        <v>0</v>
      </c>
      <c r="DB34" s="114">
        <v>0</v>
      </c>
      <c r="DC34" s="114">
        <v>45017</v>
      </c>
      <c r="DD34" s="114">
        <v>69342</v>
      </c>
      <c r="DE34" s="114">
        <v>0</v>
      </c>
      <c r="DF34" s="114">
        <v>0</v>
      </c>
      <c r="DG34" s="113">
        <v>114359</v>
      </c>
      <c r="DH34" s="116">
        <v>114359</v>
      </c>
      <c r="DI34" s="110">
        <v>0</v>
      </c>
      <c r="DJ34" s="114">
        <v>0</v>
      </c>
      <c r="DK34" s="112">
        <v>0</v>
      </c>
      <c r="DL34" s="111">
        <v>0</v>
      </c>
      <c r="DM34" s="114">
        <v>0</v>
      </c>
      <c r="DN34" s="114">
        <v>15484</v>
      </c>
      <c r="DO34" s="114">
        <v>0</v>
      </c>
      <c r="DP34" s="114">
        <v>0</v>
      </c>
      <c r="DQ34" s="114">
        <v>0</v>
      </c>
      <c r="DR34" s="113">
        <v>15484</v>
      </c>
      <c r="DS34" s="116">
        <v>15484</v>
      </c>
      <c r="DT34" s="110">
        <v>0</v>
      </c>
      <c r="DU34" s="114">
        <v>0</v>
      </c>
      <c r="DV34" s="113">
        <v>0</v>
      </c>
      <c r="DW34" s="110">
        <v>0</v>
      </c>
      <c r="DX34" s="114">
        <v>0</v>
      </c>
      <c r="DY34" s="114">
        <v>0</v>
      </c>
      <c r="DZ34" s="114">
        <v>0</v>
      </c>
      <c r="EA34" s="114">
        <v>0</v>
      </c>
      <c r="EB34" s="114">
        <v>0</v>
      </c>
      <c r="EC34" s="113">
        <v>0</v>
      </c>
      <c r="ED34" s="116">
        <v>0</v>
      </c>
      <c r="EE34" s="110">
        <v>0</v>
      </c>
      <c r="EF34" s="112">
        <v>0</v>
      </c>
      <c r="EG34" s="113">
        <v>0</v>
      </c>
      <c r="EH34" s="110">
        <v>0</v>
      </c>
      <c r="EI34" s="114">
        <v>0</v>
      </c>
      <c r="EJ34" s="114">
        <v>15484</v>
      </c>
      <c r="EK34" s="114">
        <v>0</v>
      </c>
      <c r="EL34" s="114">
        <v>0</v>
      </c>
      <c r="EM34" s="114">
        <v>0</v>
      </c>
      <c r="EN34" s="112">
        <v>15484</v>
      </c>
      <c r="EO34" s="116">
        <v>15484</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8"/>
      <c r="FE34" s="114">
        <v>0</v>
      </c>
      <c r="FF34" s="114">
        <v>0</v>
      </c>
      <c r="FG34" s="114">
        <v>0</v>
      </c>
      <c r="FH34" s="114">
        <v>0</v>
      </c>
      <c r="FI34" s="114">
        <v>0</v>
      </c>
      <c r="FJ34" s="113">
        <v>0</v>
      </c>
      <c r="FK34" s="116">
        <v>0</v>
      </c>
      <c r="FL34" s="110">
        <v>1400</v>
      </c>
      <c r="FM34" s="114">
        <v>5250</v>
      </c>
      <c r="FN34" s="113">
        <v>6650</v>
      </c>
      <c r="FO34" s="110">
        <v>0</v>
      </c>
      <c r="FP34" s="114">
        <v>37100</v>
      </c>
      <c r="FQ34" s="114">
        <v>17150</v>
      </c>
      <c r="FR34" s="114">
        <v>64680</v>
      </c>
      <c r="FS34" s="114">
        <v>26110</v>
      </c>
      <c r="FT34" s="114">
        <v>11522</v>
      </c>
      <c r="FU34" s="113">
        <v>156562</v>
      </c>
      <c r="FV34" s="116">
        <v>163212</v>
      </c>
      <c r="FW34" s="115">
        <v>1400</v>
      </c>
      <c r="FX34" s="114">
        <v>5250</v>
      </c>
      <c r="FY34" s="112">
        <v>6650</v>
      </c>
      <c r="FZ34" s="111">
        <v>0</v>
      </c>
      <c r="GA34" s="114">
        <v>37100</v>
      </c>
      <c r="GB34" s="114">
        <v>17150</v>
      </c>
      <c r="GC34" s="114">
        <v>64680</v>
      </c>
      <c r="GD34" s="114">
        <v>26110</v>
      </c>
      <c r="GE34" s="114">
        <v>11522</v>
      </c>
      <c r="GF34" s="113">
        <v>156562</v>
      </c>
      <c r="GG34" s="319">
        <v>163212</v>
      </c>
      <c r="GH34" s="115">
        <v>0</v>
      </c>
      <c r="GI34" s="114">
        <v>0</v>
      </c>
      <c r="GJ34" s="112">
        <v>0</v>
      </c>
      <c r="GK34" s="111">
        <v>0</v>
      </c>
      <c r="GL34" s="114">
        <v>0</v>
      </c>
      <c r="GM34" s="114">
        <v>0</v>
      </c>
      <c r="GN34" s="114">
        <v>0</v>
      </c>
      <c r="GO34" s="114">
        <v>0</v>
      </c>
      <c r="GP34" s="114">
        <v>0</v>
      </c>
      <c r="GQ34" s="113">
        <v>0</v>
      </c>
      <c r="GR34" s="116">
        <v>0</v>
      </c>
      <c r="GS34" s="110">
        <v>0</v>
      </c>
      <c r="GT34" s="114">
        <v>0</v>
      </c>
      <c r="GU34" s="113">
        <v>0</v>
      </c>
      <c r="GV34" s="110">
        <v>0</v>
      </c>
      <c r="GW34" s="114">
        <v>0</v>
      </c>
      <c r="GX34" s="114">
        <v>0</v>
      </c>
      <c r="GY34" s="114">
        <v>0</v>
      </c>
      <c r="GZ34" s="114">
        <v>0</v>
      </c>
      <c r="HA34" s="114">
        <v>0</v>
      </c>
      <c r="HB34" s="112">
        <v>0</v>
      </c>
      <c r="HC34" s="116">
        <v>0</v>
      </c>
      <c r="HD34" s="110">
        <v>0</v>
      </c>
      <c r="HE34" s="114">
        <v>0</v>
      </c>
      <c r="HF34" s="112">
        <v>0</v>
      </c>
      <c r="HG34" s="111">
        <v>0</v>
      </c>
      <c r="HH34" s="114">
        <v>86104</v>
      </c>
      <c r="HI34" s="114">
        <v>150798</v>
      </c>
      <c r="HJ34" s="114">
        <v>0</v>
      </c>
      <c r="HK34" s="114">
        <v>371652</v>
      </c>
      <c r="HL34" s="114">
        <v>0</v>
      </c>
      <c r="HM34" s="113">
        <v>608554</v>
      </c>
      <c r="HN34" s="109">
        <v>608554</v>
      </c>
      <c r="HO34" s="329"/>
      <c r="HP34" s="330"/>
      <c r="HQ34" s="331"/>
      <c r="HR34" s="332"/>
      <c r="HS34" s="330"/>
      <c r="HT34" s="330"/>
      <c r="HU34" s="330"/>
      <c r="HV34" s="330"/>
      <c r="HW34" s="330"/>
      <c r="HX34" s="333"/>
      <c r="HY34" s="334"/>
      <c r="HZ34" s="150">
        <v>0</v>
      </c>
      <c r="IA34" s="135">
        <v>0</v>
      </c>
      <c r="IB34" s="150">
        <v>0</v>
      </c>
      <c r="IC34" s="134">
        <v>0</v>
      </c>
      <c r="ID34" s="135">
        <v>228445</v>
      </c>
      <c r="IE34" s="136">
        <v>16487</v>
      </c>
      <c r="IF34" s="137">
        <v>90811</v>
      </c>
      <c r="IG34" s="135">
        <v>223986</v>
      </c>
      <c r="IH34" s="137">
        <v>0</v>
      </c>
      <c r="II34" s="138">
        <v>559729</v>
      </c>
      <c r="IJ34" s="150">
        <v>559729</v>
      </c>
      <c r="IK34" s="232">
        <v>0</v>
      </c>
      <c r="IL34" s="236">
        <v>0</v>
      </c>
      <c r="IM34" s="237">
        <v>0</v>
      </c>
      <c r="IN34" s="140"/>
      <c r="IO34" s="119">
        <v>0</v>
      </c>
      <c r="IP34" s="119">
        <v>0</v>
      </c>
      <c r="IQ34" s="119">
        <v>0</v>
      </c>
      <c r="IR34" s="119">
        <v>0</v>
      </c>
      <c r="IS34" s="119">
        <v>0</v>
      </c>
      <c r="IT34" s="141">
        <v>0</v>
      </c>
      <c r="IU34" s="321">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0</v>
      </c>
      <c r="JL34" s="119">
        <v>16487</v>
      </c>
      <c r="JM34" s="119">
        <v>0</v>
      </c>
      <c r="JN34" s="119">
        <v>0</v>
      </c>
      <c r="JO34" s="119">
        <v>0</v>
      </c>
      <c r="JP34" s="120">
        <v>16487</v>
      </c>
      <c r="JQ34" s="321">
        <v>16487</v>
      </c>
      <c r="JR34" s="142">
        <v>0</v>
      </c>
      <c r="JS34" s="119">
        <v>0</v>
      </c>
      <c r="JT34" s="141">
        <v>0</v>
      </c>
      <c r="JU34" s="118">
        <v>0</v>
      </c>
      <c r="JV34" s="119">
        <v>0</v>
      </c>
      <c r="JW34" s="119">
        <v>0</v>
      </c>
      <c r="JX34" s="119">
        <v>90811</v>
      </c>
      <c r="JY34" s="119">
        <v>0</v>
      </c>
      <c r="JZ34" s="119">
        <v>0</v>
      </c>
      <c r="KA34" s="120">
        <v>90811</v>
      </c>
      <c r="KB34" s="321">
        <v>90811</v>
      </c>
      <c r="KC34" s="234">
        <v>0</v>
      </c>
      <c r="KD34" s="230">
        <v>0</v>
      </c>
      <c r="KE34" s="120">
        <v>0</v>
      </c>
      <c r="KF34" s="118">
        <v>0</v>
      </c>
      <c r="KG34" s="119">
        <v>228445</v>
      </c>
      <c r="KH34" s="119">
        <v>0</v>
      </c>
      <c r="KI34" s="119">
        <v>0</v>
      </c>
      <c r="KJ34" s="119">
        <v>0</v>
      </c>
      <c r="KK34" s="119">
        <v>0</v>
      </c>
      <c r="KL34" s="120">
        <v>228445</v>
      </c>
      <c r="KM34" s="143">
        <v>228445</v>
      </c>
      <c r="KN34" s="232">
        <v>0</v>
      </c>
      <c r="KO34" s="236">
        <v>0</v>
      </c>
      <c r="KP34" s="237">
        <v>0</v>
      </c>
      <c r="KQ34" s="140"/>
      <c r="KR34" s="119">
        <v>0</v>
      </c>
      <c r="KS34" s="119">
        <v>0</v>
      </c>
      <c r="KT34" s="119">
        <v>0</v>
      </c>
      <c r="KU34" s="119">
        <v>0</v>
      </c>
      <c r="KV34" s="119">
        <v>0</v>
      </c>
      <c r="KW34" s="120">
        <v>0</v>
      </c>
      <c r="KX34" s="321">
        <v>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0</v>
      </c>
      <c r="LP34" s="119">
        <v>0</v>
      </c>
      <c r="LQ34" s="119">
        <v>223986</v>
      </c>
      <c r="LR34" s="119">
        <v>0</v>
      </c>
      <c r="LS34" s="120">
        <v>223986</v>
      </c>
      <c r="LT34" s="321">
        <v>223986</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0</v>
      </c>
      <c r="MK34" s="119">
        <v>0</v>
      </c>
      <c r="ML34" s="119">
        <v>630753</v>
      </c>
      <c r="MM34" s="119">
        <v>247401</v>
      </c>
      <c r="MN34" s="119">
        <v>0</v>
      </c>
      <c r="MO34" s="120">
        <v>878154</v>
      </c>
      <c r="MP34" s="143">
        <v>878154</v>
      </c>
      <c r="MQ34" s="142">
        <v>0</v>
      </c>
      <c r="MR34" s="119">
        <v>0</v>
      </c>
      <c r="MS34" s="120">
        <v>0</v>
      </c>
      <c r="MT34" s="145"/>
      <c r="MU34" s="119">
        <v>0</v>
      </c>
      <c r="MV34" s="119">
        <v>0</v>
      </c>
      <c r="MW34" s="119">
        <v>210525</v>
      </c>
      <c r="MX34" s="119">
        <v>0</v>
      </c>
      <c r="MY34" s="119">
        <v>0</v>
      </c>
      <c r="MZ34" s="120">
        <v>210525</v>
      </c>
      <c r="NA34" s="143">
        <v>210525</v>
      </c>
      <c r="NB34" s="142">
        <v>0</v>
      </c>
      <c r="NC34" s="119">
        <v>0</v>
      </c>
      <c r="ND34" s="120">
        <v>0</v>
      </c>
      <c r="NE34" s="145"/>
      <c r="NF34" s="119">
        <v>0</v>
      </c>
      <c r="NG34" s="119">
        <v>0</v>
      </c>
      <c r="NH34" s="119">
        <v>420228</v>
      </c>
      <c r="NI34" s="119">
        <v>247401</v>
      </c>
      <c r="NJ34" s="119">
        <v>0</v>
      </c>
      <c r="NK34" s="120">
        <v>667629</v>
      </c>
      <c r="NL34" s="321">
        <v>667629</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1400</v>
      </c>
      <c r="OJ34" s="119">
        <v>5250</v>
      </c>
      <c r="OK34" s="141">
        <v>6650</v>
      </c>
      <c r="OL34" s="118">
        <v>0</v>
      </c>
      <c r="OM34" s="119">
        <v>454696</v>
      </c>
      <c r="ON34" s="119">
        <v>388492</v>
      </c>
      <c r="OO34" s="119">
        <v>1091045</v>
      </c>
      <c r="OP34" s="119">
        <v>1083643</v>
      </c>
      <c r="OQ34" s="119">
        <v>11522</v>
      </c>
      <c r="OR34" s="120">
        <v>3029398</v>
      </c>
      <c r="OS34" s="143">
        <v>3036048</v>
      </c>
    </row>
    <row r="35" spans="2:409" ht="20.25" customHeight="1" x14ac:dyDescent="0.2">
      <c r="B35" s="126" t="s">
        <v>30</v>
      </c>
      <c r="C35" s="110">
        <v>9660</v>
      </c>
      <c r="D35" s="114">
        <v>53256</v>
      </c>
      <c r="E35" s="174">
        <v>62916</v>
      </c>
      <c r="F35" s="175">
        <v>0</v>
      </c>
      <c r="G35" s="176">
        <v>597845</v>
      </c>
      <c r="H35" s="176">
        <v>220357</v>
      </c>
      <c r="I35" s="176">
        <v>377922</v>
      </c>
      <c r="J35" s="176">
        <v>545481</v>
      </c>
      <c r="K35" s="176">
        <v>0</v>
      </c>
      <c r="L35" s="177">
        <v>1741605</v>
      </c>
      <c r="M35" s="116">
        <v>1804521</v>
      </c>
      <c r="N35" s="110">
        <v>0</v>
      </c>
      <c r="O35" s="114">
        <v>51156</v>
      </c>
      <c r="P35" s="113">
        <v>51156</v>
      </c>
      <c r="Q35" s="110">
        <v>0</v>
      </c>
      <c r="R35" s="114">
        <v>98133</v>
      </c>
      <c r="S35" s="114">
        <v>2086</v>
      </c>
      <c r="T35" s="114">
        <v>204539</v>
      </c>
      <c r="U35" s="114">
        <v>274673</v>
      </c>
      <c r="V35" s="114">
        <v>0</v>
      </c>
      <c r="W35" s="113">
        <v>579431</v>
      </c>
      <c r="X35" s="116">
        <v>630587</v>
      </c>
      <c r="Y35" s="110">
        <v>0</v>
      </c>
      <c r="Z35" s="114">
        <v>0</v>
      </c>
      <c r="AA35" s="113">
        <v>0</v>
      </c>
      <c r="AB35" s="110">
        <v>0</v>
      </c>
      <c r="AC35" s="114">
        <v>16093</v>
      </c>
      <c r="AD35" s="114">
        <v>0</v>
      </c>
      <c r="AE35" s="114">
        <v>184785</v>
      </c>
      <c r="AF35" s="114">
        <v>152411</v>
      </c>
      <c r="AG35" s="114">
        <v>0</v>
      </c>
      <c r="AH35" s="113">
        <v>353289</v>
      </c>
      <c r="AI35" s="116">
        <v>353289</v>
      </c>
      <c r="AJ35" s="110">
        <v>0</v>
      </c>
      <c r="AK35" s="114">
        <v>0</v>
      </c>
      <c r="AL35" s="113">
        <v>0</v>
      </c>
      <c r="AM35" s="110">
        <v>0</v>
      </c>
      <c r="AN35" s="114">
        <v>0</v>
      </c>
      <c r="AO35" s="114">
        <v>0</v>
      </c>
      <c r="AP35" s="114">
        <v>0</v>
      </c>
      <c r="AQ35" s="114">
        <v>37856</v>
      </c>
      <c r="AR35" s="114">
        <v>0</v>
      </c>
      <c r="AS35" s="113">
        <v>37856</v>
      </c>
      <c r="AT35" s="116">
        <v>37856</v>
      </c>
      <c r="AU35" s="110">
        <v>0</v>
      </c>
      <c r="AV35" s="114">
        <v>51156</v>
      </c>
      <c r="AW35" s="113">
        <v>51156</v>
      </c>
      <c r="AX35" s="110">
        <v>0</v>
      </c>
      <c r="AY35" s="114">
        <v>64344</v>
      </c>
      <c r="AZ35" s="114">
        <v>0</v>
      </c>
      <c r="BA35" s="114">
        <v>0</v>
      </c>
      <c r="BB35" s="114">
        <v>38374</v>
      </c>
      <c r="BC35" s="114">
        <v>0</v>
      </c>
      <c r="BD35" s="113">
        <v>102718</v>
      </c>
      <c r="BE35" s="116">
        <v>153874</v>
      </c>
      <c r="BF35" s="110">
        <v>0</v>
      </c>
      <c r="BG35" s="114">
        <v>0</v>
      </c>
      <c r="BH35" s="112">
        <v>0</v>
      </c>
      <c r="BI35" s="111">
        <v>0</v>
      </c>
      <c r="BJ35" s="114">
        <v>0</v>
      </c>
      <c r="BK35" s="114">
        <v>0</v>
      </c>
      <c r="BL35" s="114">
        <v>0</v>
      </c>
      <c r="BM35" s="114">
        <v>33460</v>
      </c>
      <c r="BN35" s="114">
        <v>0</v>
      </c>
      <c r="BO35" s="113">
        <v>33460</v>
      </c>
      <c r="BP35" s="116">
        <v>33460</v>
      </c>
      <c r="BQ35" s="110">
        <v>0</v>
      </c>
      <c r="BR35" s="114">
        <v>0</v>
      </c>
      <c r="BS35" s="113">
        <v>0</v>
      </c>
      <c r="BT35" s="110">
        <v>0</v>
      </c>
      <c r="BU35" s="114">
        <v>17696</v>
      </c>
      <c r="BV35" s="114">
        <v>2086</v>
      </c>
      <c r="BW35" s="114">
        <v>19754</v>
      </c>
      <c r="BX35" s="114">
        <v>12572</v>
      </c>
      <c r="BY35" s="114">
        <v>0</v>
      </c>
      <c r="BZ35" s="113">
        <v>52108</v>
      </c>
      <c r="CA35" s="116">
        <v>52108</v>
      </c>
      <c r="CB35" s="110">
        <v>0</v>
      </c>
      <c r="CC35" s="114">
        <v>0</v>
      </c>
      <c r="CD35" s="113">
        <v>0</v>
      </c>
      <c r="CE35" s="110">
        <v>0</v>
      </c>
      <c r="CF35" s="114">
        <v>58508</v>
      </c>
      <c r="CG35" s="114">
        <v>172145</v>
      </c>
      <c r="CH35" s="114">
        <v>90202</v>
      </c>
      <c r="CI35" s="114">
        <v>33011</v>
      </c>
      <c r="CJ35" s="114">
        <v>0</v>
      </c>
      <c r="CK35" s="113">
        <v>353866</v>
      </c>
      <c r="CL35" s="116">
        <v>353866</v>
      </c>
      <c r="CM35" s="110">
        <v>0</v>
      </c>
      <c r="CN35" s="114">
        <v>0</v>
      </c>
      <c r="CO35" s="113">
        <v>0</v>
      </c>
      <c r="CP35" s="111">
        <v>0</v>
      </c>
      <c r="CQ35" s="114">
        <v>58508</v>
      </c>
      <c r="CR35" s="114">
        <v>62210</v>
      </c>
      <c r="CS35" s="114">
        <v>90202</v>
      </c>
      <c r="CT35" s="114">
        <v>33011</v>
      </c>
      <c r="CU35" s="114">
        <v>0</v>
      </c>
      <c r="CV35" s="113">
        <v>243931</v>
      </c>
      <c r="CW35" s="116">
        <v>243931</v>
      </c>
      <c r="CX35" s="110">
        <v>0</v>
      </c>
      <c r="CY35" s="114">
        <v>0</v>
      </c>
      <c r="CZ35" s="113">
        <v>0</v>
      </c>
      <c r="DA35" s="110">
        <v>0</v>
      </c>
      <c r="DB35" s="114">
        <v>0</v>
      </c>
      <c r="DC35" s="114">
        <v>109935</v>
      </c>
      <c r="DD35" s="114">
        <v>0</v>
      </c>
      <c r="DE35" s="114">
        <v>0</v>
      </c>
      <c r="DF35" s="114">
        <v>0</v>
      </c>
      <c r="DG35" s="113">
        <v>109935</v>
      </c>
      <c r="DH35" s="116">
        <v>109935</v>
      </c>
      <c r="DI35" s="110">
        <v>0</v>
      </c>
      <c r="DJ35" s="114">
        <v>0</v>
      </c>
      <c r="DK35" s="112">
        <v>0</v>
      </c>
      <c r="DL35" s="111">
        <v>0</v>
      </c>
      <c r="DM35" s="114">
        <v>26076</v>
      </c>
      <c r="DN35" s="114">
        <v>8382</v>
      </c>
      <c r="DO35" s="114">
        <v>61201</v>
      </c>
      <c r="DP35" s="114">
        <v>0</v>
      </c>
      <c r="DQ35" s="114">
        <v>0</v>
      </c>
      <c r="DR35" s="113">
        <v>95659</v>
      </c>
      <c r="DS35" s="116">
        <v>95659</v>
      </c>
      <c r="DT35" s="110">
        <v>0</v>
      </c>
      <c r="DU35" s="114">
        <v>0</v>
      </c>
      <c r="DV35" s="113">
        <v>0</v>
      </c>
      <c r="DW35" s="110">
        <v>0</v>
      </c>
      <c r="DX35" s="114">
        <v>26076</v>
      </c>
      <c r="DY35" s="114">
        <v>0</v>
      </c>
      <c r="DZ35" s="114">
        <v>61201</v>
      </c>
      <c r="EA35" s="114">
        <v>0</v>
      </c>
      <c r="EB35" s="114">
        <v>0</v>
      </c>
      <c r="EC35" s="113">
        <v>87277</v>
      </c>
      <c r="ED35" s="116">
        <v>87277</v>
      </c>
      <c r="EE35" s="110">
        <v>0</v>
      </c>
      <c r="EF35" s="112">
        <v>0</v>
      </c>
      <c r="EG35" s="113">
        <v>0</v>
      </c>
      <c r="EH35" s="110">
        <v>0</v>
      </c>
      <c r="EI35" s="114">
        <v>0</v>
      </c>
      <c r="EJ35" s="114">
        <v>8382</v>
      </c>
      <c r="EK35" s="114">
        <v>0</v>
      </c>
      <c r="EL35" s="114">
        <v>0</v>
      </c>
      <c r="EM35" s="114">
        <v>0</v>
      </c>
      <c r="EN35" s="112">
        <v>8382</v>
      </c>
      <c r="EO35" s="116">
        <v>8382</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8"/>
      <c r="FE35" s="114">
        <v>0</v>
      </c>
      <c r="FF35" s="114">
        <v>0</v>
      </c>
      <c r="FG35" s="114">
        <v>0</v>
      </c>
      <c r="FH35" s="114">
        <v>0</v>
      </c>
      <c r="FI35" s="114">
        <v>0</v>
      </c>
      <c r="FJ35" s="113">
        <v>0</v>
      </c>
      <c r="FK35" s="116">
        <v>0</v>
      </c>
      <c r="FL35" s="110">
        <v>9660</v>
      </c>
      <c r="FM35" s="114">
        <v>2100</v>
      </c>
      <c r="FN35" s="113">
        <v>11760</v>
      </c>
      <c r="FO35" s="110">
        <v>0</v>
      </c>
      <c r="FP35" s="114">
        <v>11200</v>
      </c>
      <c r="FQ35" s="114">
        <v>37744</v>
      </c>
      <c r="FR35" s="114">
        <v>21980</v>
      </c>
      <c r="FS35" s="114">
        <v>44751</v>
      </c>
      <c r="FT35" s="114">
        <v>0</v>
      </c>
      <c r="FU35" s="113">
        <v>115675</v>
      </c>
      <c r="FV35" s="116">
        <v>127435</v>
      </c>
      <c r="FW35" s="115">
        <v>9660</v>
      </c>
      <c r="FX35" s="114">
        <v>2100</v>
      </c>
      <c r="FY35" s="112">
        <v>11760</v>
      </c>
      <c r="FZ35" s="111">
        <v>0</v>
      </c>
      <c r="GA35" s="114">
        <v>0</v>
      </c>
      <c r="GB35" s="114">
        <v>37744</v>
      </c>
      <c r="GC35" s="114">
        <v>21980</v>
      </c>
      <c r="GD35" s="114">
        <v>44751</v>
      </c>
      <c r="GE35" s="114">
        <v>0</v>
      </c>
      <c r="GF35" s="113">
        <v>104475</v>
      </c>
      <c r="GG35" s="319">
        <v>116235</v>
      </c>
      <c r="GH35" s="115">
        <v>0</v>
      </c>
      <c r="GI35" s="114">
        <v>0</v>
      </c>
      <c r="GJ35" s="112">
        <v>0</v>
      </c>
      <c r="GK35" s="111">
        <v>0</v>
      </c>
      <c r="GL35" s="114">
        <v>11200</v>
      </c>
      <c r="GM35" s="114">
        <v>0</v>
      </c>
      <c r="GN35" s="114">
        <v>0</v>
      </c>
      <c r="GO35" s="114">
        <v>0</v>
      </c>
      <c r="GP35" s="114">
        <v>0</v>
      </c>
      <c r="GQ35" s="113">
        <v>11200</v>
      </c>
      <c r="GR35" s="116">
        <v>11200</v>
      </c>
      <c r="GS35" s="110">
        <v>0</v>
      </c>
      <c r="GT35" s="114">
        <v>0</v>
      </c>
      <c r="GU35" s="113">
        <v>0</v>
      </c>
      <c r="GV35" s="110">
        <v>0</v>
      </c>
      <c r="GW35" s="114">
        <v>0</v>
      </c>
      <c r="GX35" s="114">
        <v>0</v>
      </c>
      <c r="GY35" s="114">
        <v>0</v>
      </c>
      <c r="GZ35" s="114">
        <v>0</v>
      </c>
      <c r="HA35" s="114">
        <v>0</v>
      </c>
      <c r="HB35" s="112">
        <v>0</v>
      </c>
      <c r="HC35" s="116">
        <v>0</v>
      </c>
      <c r="HD35" s="110">
        <v>0</v>
      </c>
      <c r="HE35" s="114">
        <v>0</v>
      </c>
      <c r="HF35" s="112">
        <v>0</v>
      </c>
      <c r="HG35" s="111">
        <v>0</v>
      </c>
      <c r="HH35" s="114">
        <v>403928</v>
      </c>
      <c r="HI35" s="114">
        <v>0</v>
      </c>
      <c r="HJ35" s="114">
        <v>0</v>
      </c>
      <c r="HK35" s="114">
        <v>193046</v>
      </c>
      <c r="HL35" s="114">
        <v>0</v>
      </c>
      <c r="HM35" s="113">
        <v>596974</v>
      </c>
      <c r="HN35" s="109">
        <v>596974</v>
      </c>
      <c r="HO35" s="329"/>
      <c r="HP35" s="330"/>
      <c r="HQ35" s="331"/>
      <c r="HR35" s="332"/>
      <c r="HS35" s="330"/>
      <c r="HT35" s="330"/>
      <c r="HU35" s="330"/>
      <c r="HV35" s="330"/>
      <c r="HW35" s="330"/>
      <c r="HX35" s="333"/>
      <c r="HY35" s="334"/>
      <c r="HZ35" s="131">
        <v>0</v>
      </c>
      <c r="IA35" s="132">
        <v>0</v>
      </c>
      <c r="IB35" s="133">
        <v>0</v>
      </c>
      <c r="IC35" s="146">
        <v>0</v>
      </c>
      <c r="ID35" s="132">
        <v>217154</v>
      </c>
      <c r="IE35" s="147">
        <v>36925</v>
      </c>
      <c r="IF35" s="133">
        <v>0</v>
      </c>
      <c r="IG35" s="132">
        <v>0</v>
      </c>
      <c r="IH35" s="133">
        <v>0</v>
      </c>
      <c r="II35" s="148">
        <v>254079</v>
      </c>
      <c r="IJ35" s="139">
        <v>254079</v>
      </c>
      <c r="IK35" s="232">
        <v>0</v>
      </c>
      <c r="IL35" s="236">
        <v>0</v>
      </c>
      <c r="IM35" s="237">
        <v>0</v>
      </c>
      <c r="IN35" s="140"/>
      <c r="IO35" s="119">
        <v>0</v>
      </c>
      <c r="IP35" s="119">
        <v>0</v>
      </c>
      <c r="IQ35" s="119">
        <v>0</v>
      </c>
      <c r="IR35" s="119">
        <v>0</v>
      </c>
      <c r="IS35" s="119">
        <v>0</v>
      </c>
      <c r="IT35" s="141">
        <v>0</v>
      </c>
      <c r="IU35" s="321">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51366</v>
      </c>
      <c r="JL35" s="119">
        <v>0</v>
      </c>
      <c r="JM35" s="119">
        <v>0</v>
      </c>
      <c r="JN35" s="119">
        <v>0</v>
      </c>
      <c r="JO35" s="119">
        <v>0</v>
      </c>
      <c r="JP35" s="120">
        <v>51366</v>
      </c>
      <c r="JQ35" s="321">
        <v>51366</v>
      </c>
      <c r="JR35" s="142">
        <v>0</v>
      </c>
      <c r="JS35" s="119">
        <v>0</v>
      </c>
      <c r="JT35" s="141">
        <v>0</v>
      </c>
      <c r="JU35" s="118">
        <v>0</v>
      </c>
      <c r="JV35" s="119">
        <v>0</v>
      </c>
      <c r="JW35" s="119">
        <v>36925</v>
      </c>
      <c r="JX35" s="119">
        <v>0</v>
      </c>
      <c r="JY35" s="119">
        <v>0</v>
      </c>
      <c r="JZ35" s="119">
        <v>0</v>
      </c>
      <c r="KA35" s="120">
        <v>36925</v>
      </c>
      <c r="KB35" s="321">
        <v>36925</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c r="KR35" s="119">
        <v>165788</v>
      </c>
      <c r="KS35" s="119">
        <v>0</v>
      </c>
      <c r="KT35" s="119">
        <v>0</v>
      </c>
      <c r="KU35" s="119">
        <v>0</v>
      </c>
      <c r="KV35" s="119">
        <v>0</v>
      </c>
      <c r="KW35" s="120">
        <v>165788</v>
      </c>
      <c r="KX35" s="321">
        <v>165788</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1">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0</v>
      </c>
      <c r="MK35" s="119">
        <v>0</v>
      </c>
      <c r="ML35" s="119">
        <v>495824</v>
      </c>
      <c r="MM35" s="119">
        <v>238358</v>
      </c>
      <c r="MN35" s="119">
        <v>255512</v>
      </c>
      <c r="MO35" s="120">
        <v>989694</v>
      </c>
      <c r="MP35" s="143">
        <v>989694</v>
      </c>
      <c r="MQ35" s="142">
        <v>0</v>
      </c>
      <c r="MR35" s="119">
        <v>0</v>
      </c>
      <c r="MS35" s="120">
        <v>0</v>
      </c>
      <c r="MT35" s="145"/>
      <c r="MU35" s="119">
        <v>0</v>
      </c>
      <c r="MV35" s="119">
        <v>0</v>
      </c>
      <c r="MW35" s="119">
        <v>210525</v>
      </c>
      <c r="MX35" s="119">
        <v>0</v>
      </c>
      <c r="MY35" s="119">
        <v>0</v>
      </c>
      <c r="MZ35" s="120">
        <v>210525</v>
      </c>
      <c r="NA35" s="143">
        <v>210525</v>
      </c>
      <c r="NB35" s="142">
        <v>0</v>
      </c>
      <c r="NC35" s="119">
        <v>0</v>
      </c>
      <c r="ND35" s="120">
        <v>0</v>
      </c>
      <c r="NE35" s="145"/>
      <c r="NF35" s="119">
        <v>0</v>
      </c>
      <c r="NG35" s="119">
        <v>0</v>
      </c>
      <c r="NH35" s="119">
        <v>285299</v>
      </c>
      <c r="NI35" s="119">
        <v>238358</v>
      </c>
      <c r="NJ35" s="119">
        <v>255512</v>
      </c>
      <c r="NK35" s="120">
        <v>779169</v>
      </c>
      <c r="NL35" s="321">
        <v>779169</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0</v>
      </c>
      <c r="OF35" s="119">
        <v>0</v>
      </c>
      <c r="OG35" s="120">
        <v>0</v>
      </c>
      <c r="OH35" s="121">
        <v>0</v>
      </c>
      <c r="OI35" s="142">
        <v>9660</v>
      </c>
      <c r="OJ35" s="119">
        <v>53256</v>
      </c>
      <c r="OK35" s="141">
        <v>62916</v>
      </c>
      <c r="OL35" s="118">
        <v>0</v>
      </c>
      <c r="OM35" s="119">
        <v>814999</v>
      </c>
      <c r="ON35" s="119">
        <v>257282</v>
      </c>
      <c r="OO35" s="119">
        <v>873746</v>
      </c>
      <c r="OP35" s="119">
        <v>783839</v>
      </c>
      <c r="OQ35" s="119">
        <v>255512</v>
      </c>
      <c r="OR35" s="120">
        <v>2985378</v>
      </c>
      <c r="OS35" s="143">
        <v>3048294</v>
      </c>
    </row>
    <row r="36" spans="2:409" ht="20.25" customHeight="1" x14ac:dyDescent="0.2">
      <c r="B36" s="126" t="s">
        <v>31</v>
      </c>
      <c r="C36" s="110">
        <v>7084</v>
      </c>
      <c r="D36" s="114">
        <v>0</v>
      </c>
      <c r="E36" s="113">
        <v>7084</v>
      </c>
      <c r="F36" s="109">
        <v>0</v>
      </c>
      <c r="G36" s="114">
        <v>178308</v>
      </c>
      <c r="H36" s="114">
        <v>69510</v>
      </c>
      <c r="I36" s="114">
        <v>271157</v>
      </c>
      <c r="J36" s="114">
        <v>355376</v>
      </c>
      <c r="K36" s="114">
        <v>409906</v>
      </c>
      <c r="L36" s="173">
        <v>1284257</v>
      </c>
      <c r="M36" s="116">
        <v>1291341</v>
      </c>
      <c r="N36" s="110">
        <v>7084</v>
      </c>
      <c r="O36" s="114">
        <v>0</v>
      </c>
      <c r="P36" s="113">
        <v>7084</v>
      </c>
      <c r="Q36" s="110">
        <v>0</v>
      </c>
      <c r="R36" s="114">
        <v>19509</v>
      </c>
      <c r="S36" s="114">
        <v>31283</v>
      </c>
      <c r="T36" s="114">
        <v>49427</v>
      </c>
      <c r="U36" s="114">
        <v>75705</v>
      </c>
      <c r="V36" s="114">
        <v>169792</v>
      </c>
      <c r="W36" s="113">
        <v>345716</v>
      </c>
      <c r="X36" s="116">
        <v>352800</v>
      </c>
      <c r="Y36" s="110">
        <v>0</v>
      </c>
      <c r="Z36" s="114">
        <v>0</v>
      </c>
      <c r="AA36" s="113">
        <v>0</v>
      </c>
      <c r="AB36" s="110">
        <v>0</v>
      </c>
      <c r="AC36" s="114">
        <v>11109</v>
      </c>
      <c r="AD36" s="114">
        <v>0</v>
      </c>
      <c r="AE36" s="114">
        <v>0</v>
      </c>
      <c r="AF36" s="114">
        <v>0</v>
      </c>
      <c r="AG36" s="114">
        <v>0</v>
      </c>
      <c r="AH36" s="113">
        <v>11109</v>
      </c>
      <c r="AI36" s="116">
        <v>11109</v>
      </c>
      <c r="AJ36" s="110">
        <v>0</v>
      </c>
      <c r="AK36" s="114">
        <v>0</v>
      </c>
      <c r="AL36" s="113">
        <v>0</v>
      </c>
      <c r="AM36" s="110">
        <v>0</v>
      </c>
      <c r="AN36" s="114">
        <v>0</v>
      </c>
      <c r="AO36" s="114">
        <v>0</v>
      </c>
      <c r="AP36" s="114">
        <v>0</v>
      </c>
      <c r="AQ36" s="114">
        <v>0</v>
      </c>
      <c r="AR36" s="114">
        <v>84224</v>
      </c>
      <c r="AS36" s="113">
        <v>84224</v>
      </c>
      <c r="AT36" s="116">
        <v>84224</v>
      </c>
      <c r="AU36" s="110">
        <v>7084</v>
      </c>
      <c r="AV36" s="114">
        <v>0</v>
      </c>
      <c r="AW36" s="113">
        <v>7084</v>
      </c>
      <c r="AX36" s="110">
        <v>0</v>
      </c>
      <c r="AY36" s="114">
        <v>0</v>
      </c>
      <c r="AZ36" s="114">
        <v>22883</v>
      </c>
      <c r="BA36" s="114">
        <v>0</v>
      </c>
      <c r="BB36" s="114">
        <v>75705</v>
      </c>
      <c r="BC36" s="114">
        <v>66626</v>
      </c>
      <c r="BD36" s="113">
        <v>165214</v>
      </c>
      <c r="BE36" s="116">
        <v>172298</v>
      </c>
      <c r="BF36" s="110">
        <v>0</v>
      </c>
      <c r="BG36" s="114">
        <v>0</v>
      </c>
      <c r="BH36" s="112">
        <v>0</v>
      </c>
      <c r="BI36" s="111">
        <v>0</v>
      </c>
      <c r="BJ36" s="114">
        <v>0</v>
      </c>
      <c r="BK36" s="114">
        <v>0</v>
      </c>
      <c r="BL36" s="114">
        <v>49427</v>
      </c>
      <c r="BM36" s="114">
        <v>0</v>
      </c>
      <c r="BN36" s="114">
        <v>0</v>
      </c>
      <c r="BO36" s="113">
        <v>49427</v>
      </c>
      <c r="BP36" s="116">
        <v>49427</v>
      </c>
      <c r="BQ36" s="110">
        <v>0</v>
      </c>
      <c r="BR36" s="114">
        <v>0</v>
      </c>
      <c r="BS36" s="113">
        <v>0</v>
      </c>
      <c r="BT36" s="110">
        <v>0</v>
      </c>
      <c r="BU36" s="114">
        <v>8400</v>
      </c>
      <c r="BV36" s="114">
        <v>8400</v>
      </c>
      <c r="BW36" s="114">
        <v>0</v>
      </c>
      <c r="BX36" s="114">
        <v>0</v>
      </c>
      <c r="BY36" s="114">
        <v>18942</v>
      </c>
      <c r="BZ36" s="113">
        <v>35742</v>
      </c>
      <c r="CA36" s="116">
        <v>35742</v>
      </c>
      <c r="CB36" s="110">
        <v>0</v>
      </c>
      <c r="CC36" s="114">
        <v>0</v>
      </c>
      <c r="CD36" s="113">
        <v>0</v>
      </c>
      <c r="CE36" s="110">
        <v>0</v>
      </c>
      <c r="CF36" s="114">
        <v>0</v>
      </c>
      <c r="CG36" s="114">
        <v>23877</v>
      </c>
      <c r="CH36" s="114">
        <v>181669</v>
      </c>
      <c r="CI36" s="114">
        <v>160881</v>
      </c>
      <c r="CJ36" s="114">
        <v>0</v>
      </c>
      <c r="CK36" s="113">
        <v>366427</v>
      </c>
      <c r="CL36" s="116">
        <v>366427</v>
      </c>
      <c r="CM36" s="110">
        <v>0</v>
      </c>
      <c r="CN36" s="114">
        <v>0</v>
      </c>
      <c r="CO36" s="113">
        <v>0</v>
      </c>
      <c r="CP36" s="111">
        <v>0</v>
      </c>
      <c r="CQ36" s="114">
        <v>0</v>
      </c>
      <c r="CR36" s="114">
        <v>23877</v>
      </c>
      <c r="CS36" s="114">
        <v>181669</v>
      </c>
      <c r="CT36" s="114">
        <v>160881</v>
      </c>
      <c r="CU36" s="114">
        <v>0</v>
      </c>
      <c r="CV36" s="113">
        <v>366427</v>
      </c>
      <c r="CW36" s="116">
        <v>366427</v>
      </c>
      <c r="CX36" s="110">
        <v>0</v>
      </c>
      <c r="CY36" s="114">
        <v>0</v>
      </c>
      <c r="CZ36" s="113">
        <v>0</v>
      </c>
      <c r="DA36" s="110">
        <v>0</v>
      </c>
      <c r="DB36" s="114">
        <v>0</v>
      </c>
      <c r="DC36" s="114">
        <v>0</v>
      </c>
      <c r="DD36" s="114">
        <v>0</v>
      </c>
      <c r="DE36" s="114">
        <v>0</v>
      </c>
      <c r="DF36" s="114">
        <v>0</v>
      </c>
      <c r="DG36" s="113">
        <v>0</v>
      </c>
      <c r="DH36" s="116">
        <v>0</v>
      </c>
      <c r="DI36" s="110">
        <v>0</v>
      </c>
      <c r="DJ36" s="114">
        <v>0</v>
      </c>
      <c r="DK36" s="112">
        <v>0</v>
      </c>
      <c r="DL36" s="111">
        <v>0</v>
      </c>
      <c r="DM36" s="114">
        <v>0</v>
      </c>
      <c r="DN36" s="114">
        <v>0</v>
      </c>
      <c r="DO36" s="114">
        <v>0</v>
      </c>
      <c r="DP36" s="114">
        <v>66234</v>
      </c>
      <c r="DQ36" s="114">
        <v>0</v>
      </c>
      <c r="DR36" s="113">
        <v>66234</v>
      </c>
      <c r="DS36" s="116">
        <v>66234</v>
      </c>
      <c r="DT36" s="110">
        <v>0</v>
      </c>
      <c r="DU36" s="114">
        <v>0</v>
      </c>
      <c r="DV36" s="113">
        <v>0</v>
      </c>
      <c r="DW36" s="110">
        <v>0</v>
      </c>
      <c r="DX36" s="114">
        <v>0</v>
      </c>
      <c r="DY36" s="114">
        <v>0</v>
      </c>
      <c r="DZ36" s="114">
        <v>0</v>
      </c>
      <c r="EA36" s="114">
        <v>66234</v>
      </c>
      <c r="EB36" s="114">
        <v>0</v>
      </c>
      <c r="EC36" s="113">
        <v>66234</v>
      </c>
      <c r="ED36" s="116">
        <v>66234</v>
      </c>
      <c r="EE36" s="110">
        <v>0</v>
      </c>
      <c r="EF36" s="112">
        <v>0</v>
      </c>
      <c r="EG36" s="113">
        <v>0</v>
      </c>
      <c r="EH36" s="110">
        <v>0</v>
      </c>
      <c r="EI36" s="114">
        <v>0</v>
      </c>
      <c r="EJ36" s="114">
        <v>0</v>
      </c>
      <c r="EK36" s="114">
        <v>0</v>
      </c>
      <c r="EL36" s="114">
        <v>0</v>
      </c>
      <c r="EM36" s="114">
        <v>0</v>
      </c>
      <c r="EN36" s="112">
        <v>0</v>
      </c>
      <c r="EO36" s="116">
        <v>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8"/>
      <c r="FE36" s="114">
        <v>0</v>
      </c>
      <c r="FF36" s="114">
        <v>0</v>
      </c>
      <c r="FG36" s="114">
        <v>0</v>
      </c>
      <c r="FH36" s="114">
        <v>0</v>
      </c>
      <c r="FI36" s="114">
        <v>0</v>
      </c>
      <c r="FJ36" s="113">
        <v>0</v>
      </c>
      <c r="FK36" s="116">
        <v>0</v>
      </c>
      <c r="FL36" s="110">
        <v>0</v>
      </c>
      <c r="FM36" s="114">
        <v>0</v>
      </c>
      <c r="FN36" s="113">
        <v>0</v>
      </c>
      <c r="FO36" s="110">
        <v>0</v>
      </c>
      <c r="FP36" s="114">
        <v>17745</v>
      </c>
      <c r="FQ36" s="114">
        <v>14350</v>
      </c>
      <c r="FR36" s="114">
        <v>40061</v>
      </c>
      <c r="FS36" s="114">
        <v>52556</v>
      </c>
      <c r="FT36" s="114">
        <v>31850</v>
      </c>
      <c r="FU36" s="113">
        <v>156562</v>
      </c>
      <c r="FV36" s="116">
        <v>156562</v>
      </c>
      <c r="FW36" s="115">
        <v>0</v>
      </c>
      <c r="FX36" s="114">
        <v>0</v>
      </c>
      <c r="FY36" s="112">
        <v>0</v>
      </c>
      <c r="FZ36" s="111">
        <v>0</v>
      </c>
      <c r="GA36" s="114">
        <v>17745</v>
      </c>
      <c r="GB36" s="114">
        <v>14350</v>
      </c>
      <c r="GC36" s="114">
        <v>40061</v>
      </c>
      <c r="GD36" s="114">
        <v>52556</v>
      </c>
      <c r="GE36" s="114">
        <v>31850</v>
      </c>
      <c r="GF36" s="113">
        <v>156562</v>
      </c>
      <c r="GG36" s="319">
        <v>156562</v>
      </c>
      <c r="GH36" s="115">
        <v>0</v>
      </c>
      <c r="GI36" s="114">
        <v>0</v>
      </c>
      <c r="GJ36" s="112">
        <v>0</v>
      </c>
      <c r="GK36" s="111">
        <v>0</v>
      </c>
      <c r="GL36" s="114">
        <v>0</v>
      </c>
      <c r="GM36" s="114">
        <v>0</v>
      </c>
      <c r="GN36" s="114">
        <v>0</v>
      </c>
      <c r="GO36" s="114">
        <v>0</v>
      </c>
      <c r="GP36" s="114">
        <v>0</v>
      </c>
      <c r="GQ36" s="113">
        <v>0</v>
      </c>
      <c r="GR36" s="116">
        <v>0</v>
      </c>
      <c r="GS36" s="110">
        <v>0</v>
      </c>
      <c r="GT36" s="114">
        <v>0</v>
      </c>
      <c r="GU36" s="113">
        <v>0</v>
      </c>
      <c r="GV36" s="110">
        <v>0</v>
      </c>
      <c r="GW36" s="114">
        <v>0</v>
      </c>
      <c r="GX36" s="114">
        <v>0</v>
      </c>
      <c r="GY36" s="114">
        <v>0</v>
      </c>
      <c r="GZ36" s="114">
        <v>0</v>
      </c>
      <c r="HA36" s="114">
        <v>0</v>
      </c>
      <c r="HB36" s="112">
        <v>0</v>
      </c>
      <c r="HC36" s="116">
        <v>0</v>
      </c>
      <c r="HD36" s="110">
        <v>0</v>
      </c>
      <c r="HE36" s="114">
        <v>0</v>
      </c>
      <c r="HF36" s="112">
        <v>0</v>
      </c>
      <c r="HG36" s="111">
        <v>0</v>
      </c>
      <c r="HH36" s="114">
        <v>141054</v>
      </c>
      <c r="HI36" s="114">
        <v>0</v>
      </c>
      <c r="HJ36" s="114">
        <v>0</v>
      </c>
      <c r="HK36" s="114">
        <v>0</v>
      </c>
      <c r="HL36" s="114">
        <v>208264</v>
      </c>
      <c r="HM36" s="113">
        <v>349318</v>
      </c>
      <c r="HN36" s="109">
        <v>349318</v>
      </c>
      <c r="HO36" s="329"/>
      <c r="HP36" s="330"/>
      <c r="HQ36" s="331"/>
      <c r="HR36" s="332"/>
      <c r="HS36" s="330"/>
      <c r="HT36" s="330"/>
      <c r="HU36" s="330"/>
      <c r="HV36" s="330"/>
      <c r="HW36" s="330"/>
      <c r="HX36" s="333"/>
      <c r="HY36" s="334"/>
      <c r="HZ36" s="150">
        <v>0</v>
      </c>
      <c r="IA36" s="135">
        <v>0</v>
      </c>
      <c r="IB36" s="150">
        <v>0</v>
      </c>
      <c r="IC36" s="134">
        <v>0</v>
      </c>
      <c r="ID36" s="135">
        <v>28320</v>
      </c>
      <c r="IE36" s="136">
        <v>277394</v>
      </c>
      <c r="IF36" s="137">
        <v>91457</v>
      </c>
      <c r="IG36" s="135">
        <v>0</v>
      </c>
      <c r="IH36" s="137">
        <v>220648</v>
      </c>
      <c r="II36" s="138">
        <v>617819</v>
      </c>
      <c r="IJ36" s="150">
        <v>617819</v>
      </c>
      <c r="IK36" s="232">
        <v>0</v>
      </c>
      <c r="IL36" s="236">
        <v>0</v>
      </c>
      <c r="IM36" s="237">
        <v>0</v>
      </c>
      <c r="IN36" s="140"/>
      <c r="IO36" s="119">
        <v>0</v>
      </c>
      <c r="IP36" s="119">
        <v>85757</v>
      </c>
      <c r="IQ36" s="119">
        <v>0</v>
      </c>
      <c r="IR36" s="119">
        <v>0</v>
      </c>
      <c r="IS36" s="119">
        <v>0</v>
      </c>
      <c r="IT36" s="141">
        <v>85757</v>
      </c>
      <c r="IU36" s="321">
        <v>85757</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28320</v>
      </c>
      <c r="JL36" s="119">
        <v>41363</v>
      </c>
      <c r="JM36" s="119">
        <v>91457</v>
      </c>
      <c r="JN36" s="119">
        <v>0</v>
      </c>
      <c r="JO36" s="119">
        <v>0</v>
      </c>
      <c r="JP36" s="120">
        <v>161140</v>
      </c>
      <c r="JQ36" s="321">
        <v>161140</v>
      </c>
      <c r="JR36" s="142">
        <v>0</v>
      </c>
      <c r="JS36" s="119">
        <v>0</v>
      </c>
      <c r="JT36" s="141">
        <v>0</v>
      </c>
      <c r="JU36" s="118">
        <v>0</v>
      </c>
      <c r="JV36" s="119">
        <v>0</v>
      </c>
      <c r="JW36" s="119">
        <v>0</v>
      </c>
      <c r="JX36" s="119">
        <v>0</v>
      </c>
      <c r="JY36" s="119">
        <v>0</v>
      </c>
      <c r="JZ36" s="119">
        <v>0</v>
      </c>
      <c r="KA36" s="120">
        <v>0</v>
      </c>
      <c r="KB36" s="321">
        <v>0</v>
      </c>
      <c r="KC36" s="234">
        <v>0</v>
      </c>
      <c r="KD36" s="230">
        <v>0</v>
      </c>
      <c r="KE36" s="120">
        <v>0</v>
      </c>
      <c r="KF36" s="118">
        <v>0</v>
      </c>
      <c r="KG36" s="119">
        <v>0</v>
      </c>
      <c r="KH36" s="119">
        <v>150274</v>
      </c>
      <c r="KI36" s="119">
        <v>0</v>
      </c>
      <c r="KJ36" s="119">
        <v>0</v>
      </c>
      <c r="KK36" s="119">
        <v>0</v>
      </c>
      <c r="KL36" s="120">
        <v>150274</v>
      </c>
      <c r="KM36" s="143">
        <v>150274</v>
      </c>
      <c r="KN36" s="232">
        <v>0</v>
      </c>
      <c r="KO36" s="236">
        <v>0</v>
      </c>
      <c r="KP36" s="237">
        <v>0</v>
      </c>
      <c r="KQ36" s="140"/>
      <c r="KR36" s="119">
        <v>0</v>
      </c>
      <c r="KS36" s="119">
        <v>0</v>
      </c>
      <c r="KT36" s="119">
        <v>0</v>
      </c>
      <c r="KU36" s="119">
        <v>0</v>
      </c>
      <c r="KV36" s="119">
        <v>220648</v>
      </c>
      <c r="KW36" s="120">
        <v>220648</v>
      </c>
      <c r="KX36" s="321">
        <v>220648</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1">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0</v>
      </c>
      <c r="MK36" s="119">
        <v>212156</v>
      </c>
      <c r="ML36" s="119">
        <v>397513</v>
      </c>
      <c r="MM36" s="119">
        <v>200641</v>
      </c>
      <c r="MN36" s="119">
        <v>252560</v>
      </c>
      <c r="MO36" s="120">
        <v>1062870</v>
      </c>
      <c r="MP36" s="143">
        <v>1062870</v>
      </c>
      <c r="MQ36" s="142">
        <v>0</v>
      </c>
      <c r="MR36" s="119">
        <v>0</v>
      </c>
      <c r="MS36" s="120">
        <v>0</v>
      </c>
      <c r="MT36" s="145"/>
      <c r="MU36" s="119">
        <v>0</v>
      </c>
      <c r="MV36" s="119">
        <v>0</v>
      </c>
      <c r="MW36" s="119">
        <v>397513</v>
      </c>
      <c r="MX36" s="119">
        <v>200641</v>
      </c>
      <c r="MY36" s="119">
        <v>0</v>
      </c>
      <c r="MZ36" s="120">
        <v>598154</v>
      </c>
      <c r="NA36" s="143">
        <v>598154</v>
      </c>
      <c r="NB36" s="142">
        <v>0</v>
      </c>
      <c r="NC36" s="119">
        <v>0</v>
      </c>
      <c r="ND36" s="120">
        <v>0</v>
      </c>
      <c r="NE36" s="145"/>
      <c r="NF36" s="119">
        <v>0</v>
      </c>
      <c r="NG36" s="119">
        <v>212156</v>
      </c>
      <c r="NH36" s="119">
        <v>0</v>
      </c>
      <c r="NI36" s="119">
        <v>0</v>
      </c>
      <c r="NJ36" s="119">
        <v>252560</v>
      </c>
      <c r="NK36" s="120">
        <v>464716</v>
      </c>
      <c r="NL36" s="321">
        <v>464716</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7084</v>
      </c>
      <c r="OJ36" s="119">
        <v>0</v>
      </c>
      <c r="OK36" s="141">
        <v>7084</v>
      </c>
      <c r="OL36" s="118">
        <v>0</v>
      </c>
      <c r="OM36" s="119">
        <v>206628</v>
      </c>
      <c r="ON36" s="119">
        <v>559060</v>
      </c>
      <c r="OO36" s="119">
        <v>760127</v>
      </c>
      <c r="OP36" s="119">
        <v>556017</v>
      </c>
      <c r="OQ36" s="119">
        <v>883114</v>
      </c>
      <c r="OR36" s="120">
        <v>2964946</v>
      </c>
      <c r="OS36" s="143">
        <v>2972030</v>
      </c>
    </row>
    <row r="37" spans="2:409" ht="20.25" customHeight="1" x14ac:dyDescent="0.2">
      <c r="B37" s="126" t="s">
        <v>32</v>
      </c>
      <c r="C37" s="110">
        <v>113694</v>
      </c>
      <c r="D37" s="114">
        <v>4060</v>
      </c>
      <c r="E37" s="174">
        <v>117754</v>
      </c>
      <c r="F37" s="175">
        <v>0</v>
      </c>
      <c r="G37" s="176">
        <v>247638</v>
      </c>
      <c r="H37" s="176">
        <v>447753</v>
      </c>
      <c r="I37" s="176">
        <v>196037</v>
      </c>
      <c r="J37" s="176">
        <v>529843</v>
      </c>
      <c r="K37" s="176">
        <v>207872</v>
      </c>
      <c r="L37" s="177">
        <v>1629143</v>
      </c>
      <c r="M37" s="116">
        <v>1746897</v>
      </c>
      <c r="N37" s="110">
        <v>32354</v>
      </c>
      <c r="O37" s="114">
        <v>0</v>
      </c>
      <c r="P37" s="113">
        <v>32354</v>
      </c>
      <c r="Q37" s="110">
        <v>0</v>
      </c>
      <c r="R37" s="114">
        <v>38906</v>
      </c>
      <c r="S37" s="114">
        <v>66388</v>
      </c>
      <c r="T37" s="114">
        <v>27454</v>
      </c>
      <c r="U37" s="114">
        <v>199493</v>
      </c>
      <c r="V37" s="114">
        <v>11879</v>
      </c>
      <c r="W37" s="113">
        <v>344120</v>
      </c>
      <c r="X37" s="116">
        <v>376474</v>
      </c>
      <c r="Y37" s="110">
        <v>0</v>
      </c>
      <c r="Z37" s="114">
        <v>0</v>
      </c>
      <c r="AA37" s="113">
        <v>0</v>
      </c>
      <c r="AB37" s="110">
        <v>0</v>
      </c>
      <c r="AC37" s="114">
        <v>0</v>
      </c>
      <c r="AD37" s="114">
        <v>0</v>
      </c>
      <c r="AE37" s="114">
        <v>0</v>
      </c>
      <c r="AF37" s="114">
        <v>170058</v>
      </c>
      <c r="AG37" s="114">
        <v>0</v>
      </c>
      <c r="AH37" s="113">
        <v>170058</v>
      </c>
      <c r="AI37" s="116">
        <v>170058</v>
      </c>
      <c r="AJ37" s="110">
        <v>0</v>
      </c>
      <c r="AK37" s="114">
        <v>0</v>
      </c>
      <c r="AL37" s="113">
        <v>0</v>
      </c>
      <c r="AM37" s="110">
        <v>0</v>
      </c>
      <c r="AN37" s="114">
        <v>0</v>
      </c>
      <c r="AO37" s="114">
        <v>0</v>
      </c>
      <c r="AP37" s="114">
        <v>0</v>
      </c>
      <c r="AQ37" s="114">
        <v>0</v>
      </c>
      <c r="AR37" s="114">
        <v>0</v>
      </c>
      <c r="AS37" s="113">
        <v>0</v>
      </c>
      <c r="AT37" s="116">
        <v>0</v>
      </c>
      <c r="AU37" s="110">
        <v>0</v>
      </c>
      <c r="AV37" s="114">
        <v>0</v>
      </c>
      <c r="AW37" s="113">
        <v>0</v>
      </c>
      <c r="AX37" s="110">
        <v>0</v>
      </c>
      <c r="AY37" s="114">
        <v>0</v>
      </c>
      <c r="AZ37" s="114">
        <v>52955</v>
      </c>
      <c r="BA37" s="114">
        <v>0</v>
      </c>
      <c r="BB37" s="114">
        <v>0</v>
      </c>
      <c r="BC37" s="114">
        <v>0</v>
      </c>
      <c r="BD37" s="113">
        <v>52955</v>
      </c>
      <c r="BE37" s="116">
        <v>52955</v>
      </c>
      <c r="BF37" s="110">
        <v>32354</v>
      </c>
      <c r="BG37" s="114">
        <v>0</v>
      </c>
      <c r="BH37" s="112">
        <v>32354</v>
      </c>
      <c r="BI37" s="111">
        <v>0</v>
      </c>
      <c r="BJ37" s="114">
        <v>20076</v>
      </c>
      <c r="BK37" s="114">
        <v>0</v>
      </c>
      <c r="BL37" s="114">
        <v>20076</v>
      </c>
      <c r="BM37" s="114">
        <v>0</v>
      </c>
      <c r="BN37" s="114">
        <v>0</v>
      </c>
      <c r="BO37" s="113">
        <v>40152</v>
      </c>
      <c r="BP37" s="116">
        <v>72506</v>
      </c>
      <c r="BQ37" s="110">
        <v>0</v>
      </c>
      <c r="BR37" s="114">
        <v>0</v>
      </c>
      <c r="BS37" s="113">
        <v>0</v>
      </c>
      <c r="BT37" s="110">
        <v>0</v>
      </c>
      <c r="BU37" s="114">
        <v>18830</v>
      </c>
      <c r="BV37" s="114">
        <v>13433</v>
      </c>
      <c r="BW37" s="114">
        <v>7378</v>
      </c>
      <c r="BX37" s="114">
        <v>29435</v>
      </c>
      <c r="BY37" s="114">
        <v>11879</v>
      </c>
      <c r="BZ37" s="113">
        <v>80955</v>
      </c>
      <c r="CA37" s="116">
        <v>80955</v>
      </c>
      <c r="CB37" s="110">
        <v>0</v>
      </c>
      <c r="CC37" s="114">
        <v>0</v>
      </c>
      <c r="CD37" s="113">
        <v>0</v>
      </c>
      <c r="CE37" s="110">
        <v>0</v>
      </c>
      <c r="CF37" s="114">
        <v>79737</v>
      </c>
      <c r="CG37" s="114">
        <v>185015</v>
      </c>
      <c r="CH37" s="114">
        <v>110651</v>
      </c>
      <c r="CI37" s="114">
        <v>73628</v>
      </c>
      <c r="CJ37" s="114">
        <v>0</v>
      </c>
      <c r="CK37" s="113">
        <v>449031</v>
      </c>
      <c r="CL37" s="116">
        <v>449031</v>
      </c>
      <c r="CM37" s="110">
        <v>0</v>
      </c>
      <c r="CN37" s="114">
        <v>0</v>
      </c>
      <c r="CO37" s="113">
        <v>0</v>
      </c>
      <c r="CP37" s="111">
        <v>0</v>
      </c>
      <c r="CQ37" s="114">
        <v>79737</v>
      </c>
      <c r="CR37" s="114">
        <v>142825</v>
      </c>
      <c r="CS37" s="114">
        <v>0</v>
      </c>
      <c r="CT37" s="114">
        <v>0</v>
      </c>
      <c r="CU37" s="114">
        <v>0</v>
      </c>
      <c r="CV37" s="113">
        <v>222562</v>
      </c>
      <c r="CW37" s="116">
        <v>222562</v>
      </c>
      <c r="CX37" s="110">
        <v>0</v>
      </c>
      <c r="CY37" s="114">
        <v>0</v>
      </c>
      <c r="CZ37" s="113">
        <v>0</v>
      </c>
      <c r="DA37" s="110">
        <v>0</v>
      </c>
      <c r="DB37" s="114">
        <v>0</v>
      </c>
      <c r="DC37" s="114">
        <v>42190</v>
      </c>
      <c r="DD37" s="114">
        <v>110651</v>
      </c>
      <c r="DE37" s="114">
        <v>73628</v>
      </c>
      <c r="DF37" s="114">
        <v>0</v>
      </c>
      <c r="DG37" s="113">
        <v>226469</v>
      </c>
      <c r="DH37" s="116">
        <v>226469</v>
      </c>
      <c r="DI37" s="110">
        <v>0</v>
      </c>
      <c r="DJ37" s="114">
        <v>0</v>
      </c>
      <c r="DK37" s="112">
        <v>0</v>
      </c>
      <c r="DL37" s="111">
        <v>0</v>
      </c>
      <c r="DM37" s="114">
        <v>0</v>
      </c>
      <c r="DN37" s="114">
        <v>0</v>
      </c>
      <c r="DO37" s="114">
        <v>16534</v>
      </c>
      <c r="DP37" s="114">
        <v>30671</v>
      </c>
      <c r="DQ37" s="114">
        <v>0</v>
      </c>
      <c r="DR37" s="113">
        <v>47205</v>
      </c>
      <c r="DS37" s="116">
        <v>47205</v>
      </c>
      <c r="DT37" s="110">
        <v>0</v>
      </c>
      <c r="DU37" s="114">
        <v>0</v>
      </c>
      <c r="DV37" s="113">
        <v>0</v>
      </c>
      <c r="DW37" s="110">
        <v>0</v>
      </c>
      <c r="DX37" s="114">
        <v>0</v>
      </c>
      <c r="DY37" s="114">
        <v>0</v>
      </c>
      <c r="DZ37" s="114">
        <v>16534</v>
      </c>
      <c r="EA37" s="114">
        <v>0</v>
      </c>
      <c r="EB37" s="114">
        <v>0</v>
      </c>
      <c r="EC37" s="113">
        <v>16534</v>
      </c>
      <c r="ED37" s="116">
        <v>16534</v>
      </c>
      <c r="EE37" s="110">
        <v>0</v>
      </c>
      <c r="EF37" s="112">
        <v>0</v>
      </c>
      <c r="EG37" s="113">
        <v>0</v>
      </c>
      <c r="EH37" s="110">
        <v>0</v>
      </c>
      <c r="EI37" s="114">
        <v>0</v>
      </c>
      <c r="EJ37" s="114">
        <v>0</v>
      </c>
      <c r="EK37" s="114">
        <v>0</v>
      </c>
      <c r="EL37" s="114">
        <v>30671</v>
      </c>
      <c r="EM37" s="114">
        <v>0</v>
      </c>
      <c r="EN37" s="112">
        <v>30671</v>
      </c>
      <c r="EO37" s="116">
        <v>30671</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8"/>
      <c r="FE37" s="114">
        <v>0</v>
      </c>
      <c r="FF37" s="114">
        <v>0</v>
      </c>
      <c r="FG37" s="114">
        <v>0</v>
      </c>
      <c r="FH37" s="114">
        <v>0</v>
      </c>
      <c r="FI37" s="114">
        <v>0</v>
      </c>
      <c r="FJ37" s="113">
        <v>0</v>
      </c>
      <c r="FK37" s="116">
        <v>0</v>
      </c>
      <c r="FL37" s="110">
        <v>81340</v>
      </c>
      <c r="FM37" s="114">
        <v>4060</v>
      </c>
      <c r="FN37" s="113">
        <v>85400</v>
      </c>
      <c r="FO37" s="110">
        <v>0</v>
      </c>
      <c r="FP37" s="114">
        <v>11130</v>
      </c>
      <c r="FQ37" s="114">
        <v>48020</v>
      </c>
      <c r="FR37" s="114">
        <v>41398</v>
      </c>
      <c r="FS37" s="114">
        <v>46445</v>
      </c>
      <c r="FT37" s="114">
        <v>0</v>
      </c>
      <c r="FU37" s="113">
        <v>146993</v>
      </c>
      <c r="FV37" s="116">
        <v>232393</v>
      </c>
      <c r="FW37" s="115">
        <v>12810</v>
      </c>
      <c r="FX37" s="114">
        <v>4060</v>
      </c>
      <c r="FY37" s="112">
        <v>16870</v>
      </c>
      <c r="FZ37" s="111">
        <v>0</v>
      </c>
      <c r="GA37" s="114">
        <v>11130</v>
      </c>
      <c r="GB37" s="114">
        <v>48020</v>
      </c>
      <c r="GC37" s="114">
        <v>41398</v>
      </c>
      <c r="GD37" s="114">
        <v>46445</v>
      </c>
      <c r="GE37" s="114">
        <v>0</v>
      </c>
      <c r="GF37" s="113">
        <v>146993</v>
      </c>
      <c r="GG37" s="319">
        <v>163863</v>
      </c>
      <c r="GH37" s="115">
        <v>68530</v>
      </c>
      <c r="GI37" s="114">
        <v>0</v>
      </c>
      <c r="GJ37" s="112">
        <v>68530</v>
      </c>
      <c r="GK37" s="111">
        <v>0</v>
      </c>
      <c r="GL37" s="114">
        <v>0</v>
      </c>
      <c r="GM37" s="114">
        <v>0</v>
      </c>
      <c r="GN37" s="114">
        <v>0</v>
      </c>
      <c r="GO37" s="114">
        <v>0</v>
      </c>
      <c r="GP37" s="114">
        <v>0</v>
      </c>
      <c r="GQ37" s="113">
        <v>0</v>
      </c>
      <c r="GR37" s="116">
        <v>68530</v>
      </c>
      <c r="GS37" s="110">
        <v>0</v>
      </c>
      <c r="GT37" s="114">
        <v>0</v>
      </c>
      <c r="GU37" s="113">
        <v>0</v>
      </c>
      <c r="GV37" s="110">
        <v>0</v>
      </c>
      <c r="GW37" s="114">
        <v>0</v>
      </c>
      <c r="GX37" s="114">
        <v>0</v>
      </c>
      <c r="GY37" s="114">
        <v>0</v>
      </c>
      <c r="GZ37" s="114">
        <v>0</v>
      </c>
      <c r="HA37" s="114">
        <v>0</v>
      </c>
      <c r="HB37" s="112">
        <v>0</v>
      </c>
      <c r="HC37" s="116">
        <v>0</v>
      </c>
      <c r="HD37" s="110">
        <v>0</v>
      </c>
      <c r="HE37" s="114">
        <v>0</v>
      </c>
      <c r="HF37" s="112">
        <v>0</v>
      </c>
      <c r="HG37" s="111">
        <v>0</v>
      </c>
      <c r="HH37" s="114">
        <v>117865</v>
      </c>
      <c r="HI37" s="114">
        <v>148330</v>
      </c>
      <c r="HJ37" s="114">
        <v>0</v>
      </c>
      <c r="HK37" s="114">
        <v>179606</v>
      </c>
      <c r="HL37" s="114">
        <v>195993</v>
      </c>
      <c r="HM37" s="113">
        <v>641794</v>
      </c>
      <c r="HN37" s="109">
        <v>641794</v>
      </c>
      <c r="HO37" s="329"/>
      <c r="HP37" s="330"/>
      <c r="HQ37" s="331"/>
      <c r="HR37" s="332"/>
      <c r="HS37" s="330"/>
      <c r="HT37" s="330"/>
      <c r="HU37" s="330"/>
      <c r="HV37" s="330"/>
      <c r="HW37" s="330"/>
      <c r="HX37" s="333"/>
      <c r="HY37" s="334"/>
      <c r="HZ37" s="131">
        <v>0</v>
      </c>
      <c r="IA37" s="132">
        <v>0</v>
      </c>
      <c r="IB37" s="133">
        <v>0</v>
      </c>
      <c r="IC37" s="146">
        <v>0</v>
      </c>
      <c r="ID37" s="132">
        <v>265503</v>
      </c>
      <c r="IE37" s="147">
        <v>300888</v>
      </c>
      <c r="IF37" s="133">
        <v>258399</v>
      </c>
      <c r="IG37" s="132">
        <v>43470</v>
      </c>
      <c r="IH37" s="133">
        <v>224273</v>
      </c>
      <c r="II37" s="148">
        <v>1092533</v>
      </c>
      <c r="IJ37" s="139">
        <v>1092533</v>
      </c>
      <c r="IK37" s="232">
        <v>0</v>
      </c>
      <c r="IL37" s="236">
        <v>0</v>
      </c>
      <c r="IM37" s="237">
        <v>0</v>
      </c>
      <c r="IN37" s="140"/>
      <c r="IO37" s="119">
        <v>0</v>
      </c>
      <c r="IP37" s="119">
        <v>82026</v>
      </c>
      <c r="IQ37" s="119">
        <v>0</v>
      </c>
      <c r="IR37" s="119">
        <v>0</v>
      </c>
      <c r="IS37" s="119">
        <v>0</v>
      </c>
      <c r="IT37" s="141">
        <v>82026</v>
      </c>
      <c r="IU37" s="321">
        <v>82026</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31066</v>
      </c>
      <c r="JL37" s="119">
        <v>16219</v>
      </c>
      <c r="JM37" s="119">
        <v>42302</v>
      </c>
      <c r="JN37" s="119">
        <v>43470</v>
      </c>
      <c r="JO37" s="119">
        <v>0</v>
      </c>
      <c r="JP37" s="120">
        <v>133057</v>
      </c>
      <c r="JQ37" s="321">
        <v>133057</v>
      </c>
      <c r="JR37" s="142">
        <v>0</v>
      </c>
      <c r="JS37" s="119">
        <v>0</v>
      </c>
      <c r="JT37" s="141">
        <v>0</v>
      </c>
      <c r="JU37" s="118">
        <v>0</v>
      </c>
      <c r="JV37" s="119">
        <v>37492</v>
      </c>
      <c r="JW37" s="119">
        <v>0</v>
      </c>
      <c r="JX37" s="119">
        <v>0</v>
      </c>
      <c r="JY37" s="119">
        <v>0</v>
      </c>
      <c r="JZ37" s="119">
        <v>0</v>
      </c>
      <c r="KA37" s="120">
        <v>37492</v>
      </c>
      <c r="KB37" s="321">
        <v>37492</v>
      </c>
      <c r="KC37" s="234">
        <v>0</v>
      </c>
      <c r="KD37" s="230">
        <v>0</v>
      </c>
      <c r="KE37" s="120">
        <v>0</v>
      </c>
      <c r="KF37" s="118">
        <v>0</v>
      </c>
      <c r="KG37" s="119">
        <v>0</v>
      </c>
      <c r="KH37" s="119">
        <v>0</v>
      </c>
      <c r="KI37" s="119">
        <v>0</v>
      </c>
      <c r="KJ37" s="119">
        <v>0</v>
      </c>
      <c r="KK37" s="119">
        <v>0</v>
      </c>
      <c r="KL37" s="120">
        <v>0</v>
      </c>
      <c r="KM37" s="143">
        <v>0</v>
      </c>
      <c r="KN37" s="232">
        <v>0</v>
      </c>
      <c r="KO37" s="236">
        <v>0</v>
      </c>
      <c r="KP37" s="237">
        <v>0</v>
      </c>
      <c r="KQ37" s="140"/>
      <c r="KR37" s="119">
        <v>196945</v>
      </c>
      <c r="KS37" s="119">
        <v>44968</v>
      </c>
      <c r="KT37" s="119">
        <v>216097</v>
      </c>
      <c r="KU37" s="119">
        <v>0</v>
      </c>
      <c r="KV37" s="119">
        <v>224273</v>
      </c>
      <c r="KW37" s="120">
        <v>682283</v>
      </c>
      <c r="KX37" s="321">
        <v>682283</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0</v>
      </c>
      <c r="LO37" s="119">
        <v>157675</v>
      </c>
      <c r="LP37" s="119">
        <v>0</v>
      </c>
      <c r="LQ37" s="119">
        <v>0</v>
      </c>
      <c r="LR37" s="119">
        <v>0</v>
      </c>
      <c r="LS37" s="120">
        <v>157675</v>
      </c>
      <c r="LT37" s="321">
        <v>157675</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0</v>
      </c>
      <c r="MK37" s="119">
        <v>24812</v>
      </c>
      <c r="ML37" s="119">
        <v>0</v>
      </c>
      <c r="MM37" s="119">
        <v>0</v>
      </c>
      <c r="MN37" s="119">
        <v>255234</v>
      </c>
      <c r="MO37" s="120">
        <v>280046</v>
      </c>
      <c r="MP37" s="143">
        <v>280046</v>
      </c>
      <c r="MQ37" s="142">
        <v>0</v>
      </c>
      <c r="MR37" s="119">
        <v>0</v>
      </c>
      <c r="MS37" s="120">
        <v>0</v>
      </c>
      <c r="MT37" s="145"/>
      <c r="MU37" s="119">
        <v>0</v>
      </c>
      <c r="MV37" s="119">
        <v>0</v>
      </c>
      <c r="MW37" s="119">
        <v>0</v>
      </c>
      <c r="MX37" s="119">
        <v>0</v>
      </c>
      <c r="MY37" s="119">
        <v>255234</v>
      </c>
      <c r="MZ37" s="120">
        <v>255234</v>
      </c>
      <c r="NA37" s="143">
        <v>255234</v>
      </c>
      <c r="NB37" s="142">
        <v>0</v>
      </c>
      <c r="NC37" s="119">
        <v>0</v>
      </c>
      <c r="ND37" s="120">
        <v>0</v>
      </c>
      <c r="NE37" s="145"/>
      <c r="NF37" s="119">
        <v>0</v>
      </c>
      <c r="NG37" s="119">
        <v>0</v>
      </c>
      <c r="NH37" s="119">
        <v>0</v>
      </c>
      <c r="NI37" s="119">
        <v>0</v>
      </c>
      <c r="NJ37" s="119">
        <v>0</v>
      </c>
      <c r="NK37" s="120">
        <v>0</v>
      </c>
      <c r="NL37" s="321">
        <v>0</v>
      </c>
      <c r="NM37" s="142">
        <v>0</v>
      </c>
      <c r="NN37" s="119">
        <v>0</v>
      </c>
      <c r="NO37" s="120">
        <v>0</v>
      </c>
      <c r="NP37" s="145"/>
      <c r="NQ37" s="119">
        <v>0</v>
      </c>
      <c r="NR37" s="119">
        <v>24812</v>
      </c>
      <c r="NS37" s="119">
        <v>0</v>
      </c>
      <c r="NT37" s="119">
        <v>0</v>
      </c>
      <c r="NU37" s="119">
        <v>0</v>
      </c>
      <c r="NV37" s="120">
        <v>24812</v>
      </c>
      <c r="NW37" s="121">
        <v>24812</v>
      </c>
      <c r="NX37" s="142">
        <v>0</v>
      </c>
      <c r="NY37" s="119">
        <v>0</v>
      </c>
      <c r="NZ37" s="120">
        <v>0</v>
      </c>
      <c r="OA37" s="145"/>
      <c r="OB37" s="119">
        <v>0</v>
      </c>
      <c r="OC37" s="119">
        <v>0</v>
      </c>
      <c r="OD37" s="119">
        <v>0</v>
      </c>
      <c r="OE37" s="119">
        <v>0</v>
      </c>
      <c r="OF37" s="119">
        <v>0</v>
      </c>
      <c r="OG37" s="120">
        <v>0</v>
      </c>
      <c r="OH37" s="121">
        <v>0</v>
      </c>
      <c r="OI37" s="142">
        <v>113694</v>
      </c>
      <c r="OJ37" s="119">
        <v>4060</v>
      </c>
      <c r="OK37" s="141">
        <v>117754</v>
      </c>
      <c r="OL37" s="118">
        <v>0</v>
      </c>
      <c r="OM37" s="119">
        <v>513141</v>
      </c>
      <c r="ON37" s="119">
        <v>773453</v>
      </c>
      <c r="OO37" s="119">
        <v>454436</v>
      </c>
      <c r="OP37" s="119">
        <v>573313</v>
      </c>
      <c r="OQ37" s="119">
        <v>687379</v>
      </c>
      <c r="OR37" s="120">
        <v>3001722</v>
      </c>
      <c r="OS37" s="143">
        <v>3119476</v>
      </c>
    </row>
    <row r="38" spans="2:409" ht="20.25" customHeight="1" x14ac:dyDescent="0.2">
      <c r="B38" s="126" t="s">
        <v>33</v>
      </c>
      <c r="C38" s="110">
        <v>57490</v>
      </c>
      <c r="D38" s="114">
        <v>4900</v>
      </c>
      <c r="E38" s="113">
        <v>62390</v>
      </c>
      <c r="F38" s="109">
        <v>0</v>
      </c>
      <c r="G38" s="114">
        <v>331981</v>
      </c>
      <c r="H38" s="114">
        <v>267694</v>
      </c>
      <c r="I38" s="114">
        <v>684331</v>
      </c>
      <c r="J38" s="114">
        <v>623794</v>
      </c>
      <c r="K38" s="114">
        <v>90430</v>
      </c>
      <c r="L38" s="173">
        <v>1998230</v>
      </c>
      <c r="M38" s="116">
        <v>2060620</v>
      </c>
      <c r="N38" s="110">
        <v>9352</v>
      </c>
      <c r="O38" s="114">
        <v>0</v>
      </c>
      <c r="P38" s="113">
        <v>9352</v>
      </c>
      <c r="Q38" s="110">
        <v>0</v>
      </c>
      <c r="R38" s="114">
        <v>101873</v>
      </c>
      <c r="S38" s="114">
        <v>96135</v>
      </c>
      <c r="T38" s="114">
        <v>280199</v>
      </c>
      <c r="U38" s="114">
        <v>200302</v>
      </c>
      <c r="V38" s="114">
        <v>45294</v>
      </c>
      <c r="W38" s="113">
        <v>723803</v>
      </c>
      <c r="X38" s="116">
        <v>733155</v>
      </c>
      <c r="Y38" s="110">
        <v>0</v>
      </c>
      <c r="Z38" s="114">
        <v>0</v>
      </c>
      <c r="AA38" s="113">
        <v>0</v>
      </c>
      <c r="AB38" s="110">
        <v>0</v>
      </c>
      <c r="AC38" s="114">
        <v>41142</v>
      </c>
      <c r="AD38" s="114">
        <v>0</v>
      </c>
      <c r="AE38" s="114">
        <v>92454</v>
      </c>
      <c r="AF38" s="114">
        <v>12449</v>
      </c>
      <c r="AG38" s="114">
        <v>0</v>
      </c>
      <c r="AH38" s="113">
        <v>146045</v>
      </c>
      <c r="AI38" s="116">
        <v>146045</v>
      </c>
      <c r="AJ38" s="110">
        <v>0</v>
      </c>
      <c r="AK38" s="114">
        <v>0</v>
      </c>
      <c r="AL38" s="113">
        <v>0</v>
      </c>
      <c r="AM38" s="110">
        <v>0</v>
      </c>
      <c r="AN38" s="114">
        <v>0</v>
      </c>
      <c r="AO38" s="114">
        <v>0</v>
      </c>
      <c r="AP38" s="114">
        <v>0</v>
      </c>
      <c r="AQ38" s="114">
        <v>39403</v>
      </c>
      <c r="AR38" s="114">
        <v>0</v>
      </c>
      <c r="AS38" s="113">
        <v>39403</v>
      </c>
      <c r="AT38" s="116">
        <v>39403</v>
      </c>
      <c r="AU38" s="110">
        <v>0</v>
      </c>
      <c r="AV38" s="114">
        <v>0</v>
      </c>
      <c r="AW38" s="113">
        <v>0</v>
      </c>
      <c r="AX38" s="110">
        <v>0</v>
      </c>
      <c r="AY38" s="114">
        <v>33440</v>
      </c>
      <c r="AZ38" s="114">
        <v>27573</v>
      </c>
      <c r="BA38" s="114">
        <v>146895</v>
      </c>
      <c r="BB38" s="114">
        <v>33440</v>
      </c>
      <c r="BC38" s="114">
        <v>38056</v>
      </c>
      <c r="BD38" s="113">
        <v>279404</v>
      </c>
      <c r="BE38" s="116">
        <v>279404</v>
      </c>
      <c r="BF38" s="110">
        <v>7539</v>
      </c>
      <c r="BG38" s="114">
        <v>0</v>
      </c>
      <c r="BH38" s="112">
        <v>7539</v>
      </c>
      <c r="BI38" s="111">
        <v>0</v>
      </c>
      <c r="BJ38" s="114">
        <v>20053</v>
      </c>
      <c r="BK38" s="114">
        <v>60162</v>
      </c>
      <c r="BL38" s="114">
        <v>26738</v>
      </c>
      <c r="BM38" s="114">
        <v>110236</v>
      </c>
      <c r="BN38" s="114">
        <v>0</v>
      </c>
      <c r="BO38" s="113">
        <v>217189</v>
      </c>
      <c r="BP38" s="116">
        <v>224728</v>
      </c>
      <c r="BQ38" s="110">
        <v>1813</v>
      </c>
      <c r="BR38" s="114">
        <v>0</v>
      </c>
      <c r="BS38" s="113">
        <v>1813</v>
      </c>
      <c r="BT38" s="110">
        <v>0</v>
      </c>
      <c r="BU38" s="114">
        <v>7238</v>
      </c>
      <c r="BV38" s="114">
        <v>8400</v>
      </c>
      <c r="BW38" s="114">
        <v>14112</v>
      </c>
      <c r="BX38" s="114">
        <v>4774</v>
      </c>
      <c r="BY38" s="114">
        <v>7238</v>
      </c>
      <c r="BZ38" s="113">
        <v>41762</v>
      </c>
      <c r="CA38" s="116">
        <v>43575</v>
      </c>
      <c r="CB38" s="110">
        <v>0</v>
      </c>
      <c r="CC38" s="114">
        <v>0</v>
      </c>
      <c r="CD38" s="113">
        <v>0</v>
      </c>
      <c r="CE38" s="110">
        <v>0</v>
      </c>
      <c r="CF38" s="114">
        <v>88730</v>
      </c>
      <c r="CG38" s="114">
        <v>0</v>
      </c>
      <c r="CH38" s="114">
        <v>0</v>
      </c>
      <c r="CI38" s="114">
        <v>215747</v>
      </c>
      <c r="CJ38" s="114">
        <v>0</v>
      </c>
      <c r="CK38" s="113">
        <v>304477</v>
      </c>
      <c r="CL38" s="116">
        <v>304477</v>
      </c>
      <c r="CM38" s="110">
        <v>0</v>
      </c>
      <c r="CN38" s="114">
        <v>0</v>
      </c>
      <c r="CO38" s="113">
        <v>0</v>
      </c>
      <c r="CP38" s="111">
        <v>0</v>
      </c>
      <c r="CQ38" s="114">
        <v>53537</v>
      </c>
      <c r="CR38" s="114">
        <v>0</v>
      </c>
      <c r="CS38" s="114">
        <v>0</v>
      </c>
      <c r="CT38" s="114">
        <v>215747</v>
      </c>
      <c r="CU38" s="114">
        <v>0</v>
      </c>
      <c r="CV38" s="113">
        <v>269284</v>
      </c>
      <c r="CW38" s="116">
        <v>269284</v>
      </c>
      <c r="CX38" s="110">
        <v>0</v>
      </c>
      <c r="CY38" s="114">
        <v>0</v>
      </c>
      <c r="CZ38" s="113">
        <v>0</v>
      </c>
      <c r="DA38" s="110">
        <v>0</v>
      </c>
      <c r="DB38" s="114">
        <v>35193</v>
      </c>
      <c r="DC38" s="114">
        <v>0</v>
      </c>
      <c r="DD38" s="114">
        <v>0</v>
      </c>
      <c r="DE38" s="114">
        <v>0</v>
      </c>
      <c r="DF38" s="114">
        <v>0</v>
      </c>
      <c r="DG38" s="113">
        <v>35193</v>
      </c>
      <c r="DH38" s="116">
        <v>35193</v>
      </c>
      <c r="DI38" s="110">
        <v>0</v>
      </c>
      <c r="DJ38" s="114">
        <v>0</v>
      </c>
      <c r="DK38" s="112">
        <v>0</v>
      </c>
      <c r="DL38" s="111">
        <v>0</v>
      </c>
      <c r="DM38" s="114">
        <v>0</v>
      </c>
      <c r="DN38" s="114">
        <v>0</v>
      </c>
      <c r="DO38" s="114">
        <v>21114</v>
      </c>
      <c r="DP38" s="114">
        <v>0</v>
      </c>
      <c r="DQ38" s="114">
        <v>0</v>
      </c>
      <c r="DR38" s="113">
        <v>21114</v>
      </c>
      <c r="DS38" s="116">
        <v>21114</v>
      </c>
      <c r="DT38" s="110">
        <v>0</v>
      </c>
      <c r="DU38" s="114">
        <v>0</v>
      </c>
      <c r="DV38" s="113">
        <v>0</v>
      </c>
      <c r="DW38" s="110">
        <v>0</v>
      </c>
      <c r="DX38" s="114">
        <v>0</v>
      </c>
      <c r="DY38" s="114">
        <v>0</v>
      </c>
      <c r="DZ38" s="114">
        <v>21114</v>
      </c>
      <c r="EA38" s="114">
        <v>0</v>
      </c>
      <c r="EB38" s="114">
        <v>0</v>
      </c>
      <c r="EC38" s="113">
        <v>21114</v>
      </c>
      <c r="ED38" s="116">
        <v>21114</v>
      </c>
      <c r="EE38" s="110">
        <v>0</v>
      </c>
      <c r="EF38" s="112">
        <v>0</v>
      </c>
      <c r="EG38" s="113">
        <v>0</v>
      </c>
      <c r="EH38" s="110">
        <v>0</v>
      </c>
      <c r="EI38" s="114">
        <v>0</v>
      </c>
      <c r="EJ38" s="114">
        <v>0</v>
      </c>
      <c r="EK38" s="114">
        <v>0</v>
      </c>
      <c r="EL38" s="114">
        <v>0</v>
      </c>
      <c r="EM38" s="114">
        <v>0</v>
      </c>
      <c r="EN38" s="112">
        <v>0</v>
      </c>
      <c r="EO38" s="116">
        <v>0</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8"/>
      <c r="FE38" s="114">
        <v>0</v>
      </c>
      <c r="FF38" s="114">
        <v>0</v>
      </c>
      <c r="FG38" s="114">
        <v>0</v>
      </c>
      <c r="FH38" s="114">
        <v>0</v>
      </c>
      <c r="FI38" s="114">
        <v>0</v>
      </c>
      <c r="FJ38" s="113">
        <v>0</v>
      </c>
      <c r="FK38" s="116">
        <v>0</v>
      </c>
      <c r="FL38" s="110">
        <v>0</v>
      </c>
      <c r="FM38" s="114">
        <v>4900</v>
      </c>
      <c r="FN38" s="113">
        <v>4900</v>
      </c>
      <c r="FO38" s="110">
        <v>0</v>
      </c>
      <c r="FP38" s="114">
        <v>3500</v>
      </c>
      <c r="FQ38" s="114">
        <v>16555</v>
      </c>
      <c r="FR38" s="114">
        <v>30100</v>
      </c>
      <c r="FS38" s="114">
        <v>11228</v>
      </c>
      <c r="FT38" s="114">
        <v>45136</v>
      </c>
      <c r="FU38" s="113">
        <v>106519</v>
      </c>
      <c r="FV38" s="116">
        <v>111419</v>
      </c>
      <c r="FW38" s="115">
        <v>0</v>
      </c>
      <c r="FX38" s="114">
        <v>4900</v>
      </c>
      <c r="FY38" s="112">
        <v>4900</v>
      </c>
      <c r="FZ38" s="111">
        <v>0</v>
      </c>
      <c r="GA38" s="114">
        <v>3500</v>
      </c>
      <c r="GB38" s="114">
        <v>16555</v>
      </c>
      <c r="GC38" s="114">
        <v>30100</v>
      </c>
      <c r="GD38" s="114">
        <v>11228</v>
      </c>
      <c r="GE38" s="114">
        <v>45136</v>
      </c>
      <c r="GF38" s="113">
        <v>106519</v>
      </c>
      <c r="GG38" s="319">
        <v>111419</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0</v>
      </c>
      <c r="GX38" s="114">
        <v>0</v>
      </c>
      <c r="GY38" s="114">
        <v>0</v>
      </c>
      <c r="GZ38" s="114">
        <v>0</v>
      </c>
      <c r="HA38" s="114">
        <v>0</v>
      </c>
      <c r="HB38" s="112">
        <v>0</v>
      </c>
      <c r="HC38" s="116">
        <v>0</v>
      </c>
      <c r="HD38" s="110">
        <v>48138</v>
      </c>
      <c r="HE38" s="114">
        <v>0</v>
      </c>
      <c r="HF38" s="112">
        <v>48138</v>
      </c>
      <c r="HG38" s="111">
        <v>0</v>
      </c>
      <c r="HH38" s="114">
        <v>137878</v>
      </c>
      <c r="HI38" s="114">
        <v>155004</v>
      </c>
      <c r="HJ38" s="114">
        <v>352918</v>
      </c>
      <c r="HK38" s="114">
        <v>196517</v>
      </c>
      <c r="HL38" s="114">
        <v>0</v>
      </c>
      <c r="HM38" s="113">
        <v>842317</v>
      </c>
      <c r="HN38" s="109">
        <v>890455</v>
      </c>
      <c r="HO38" s="329"/>
      <c r="HP38" s="330"/>
      <c r="HQ38" s="331"/>
      <c r="HR38" s="332"/>
      <c r="HS38" s="330"/>
      <c r="HT38" s="330"/>
      <c r="HU38" s="330"/>
      <c r="HV38" s="330"/>
      <c r="HW38" s="330"/>
      <c r="HX38" s="333"/>
      <c r="HY38" s="334"/>
      <c r="HZ38" s="150">
        <v>0</v>
      </c>
      <c r="IA38" s="135">
        <v>0</v>
      </c>
      <c r="IB38" s="150">
        <v>0</v>
      </c>
      <c r="IC38" s="146">
        <v>0</v>
      </c>
      <c r="ID38" s="132">
        <v>108979</v>
      </c>
      <c r="IE38" s="147">
        <v>0</v>
      </c>
      <c r="IF38" s="133">
        <v>73662</v>
      </c>
      <c r="IG38" s="132">
        <v>0</v>
      </c>
      <c r="IH38" s="133">
        <v>239532</v>
      </c>
      <c r="II38" s="148">
        <v>422173</v>
      </c>
      <c r="IJ38" s="150">
        <v>422173</v>
      </c>
      <c r="IK38" s="232">
        <v>0</v>
      </c>
      <c r="IL38" s="236">
        <v>0</v>
      </c>
      <c r="IM38" s="237">
        <v>0</v>
      </c>
      <c r="IN38" s="140"/>
      <c r="IO38" s="119">
        <v>0</v>
      </c>
      <c r="IP38" s="119">
        <v>0</v>
      </c>
      <c r="IQ38" s="119">
        <v>0</v>
      </c>
      <c r="IR38" s="119">
        <v>0</v>
      </c>
      <c r="IS38" s="119">
        <v>0</v>
      </c>
      <c r="IT38" s="141">
        <v>0</v>
      </c>
      <c r="IU38" s="321">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108979</v>
      </c>
      <c r="JL38" s="119">
        <v>0</v>
      </c>
      <c r="JM38" s="119">
        <v>73662</v>
      </c>
      <c r="JN38" s="119">
        <v>0</v>
      </c>
      <c r="JO38" s="119">
        <v>0</v>
      </c>
      <c r="JP38" s="120">
        <v>182641</v>
      </c>
      <c r="JQ38" s="321">
        <v>182641</v>
      </c>
      <c r="JR38" s="142">
        <v>0</v>
      </c>
      <c r="JS38" s="119">
        <v>0</v>
      </c>
      <c r="JT38" s="141">
        <v>0</v>
      </c>
      <c r="JU38" s="118">
        <v>0</v>
      </c>
      <c r="JV38" s="119">
        <v>0</v>
      </c>
      <c r="JW38" s="119">
        <v>0</v>
      </c>
      <c r="JX38" s="119">
        <v>0</v>
      </c>
      <c r="JY38" s="119">
        <v>0</v>
      </c>
      <c r="JZ38" s="119">
        <v>0</v>
      </c>
      <c r="KA38" s="120">
        <v>0</v>
      </c>
      <c r="KB38" s="321">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c r="KR38" s="119">
        <v>0</v>
      </c>
      <c r="KS38" s="119">
        <v>0</v>
      </c>
      <c r="KT38" s="119">
        <v>0</v>
      </c>
      <c r="KU38" s="119">
        <v>0</v>
      </c>
      <c r="KV38" s="119">
        <v>0</v>
      </c>
      <c r="KW38" s="120">
        <v>0</v>
      </c>
      <c r="KX38" s="321">
        <v>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1">
        <v>0</v>
      </c>
      <c r="LU38" s="142">
        <v>0</v>
      </c>
      <c r="LV38" s="119">
        <v>0</v>
      </c>
      <c r="LW38" s="120">
        <v>0</v>
      </c>
      <c r="LX38" s="145"/>
      <c r="LY38" s="119">
        <v>0</v>
      </c>
      <c r="LZ38" s="119">
        <v>0</v>
      </c>
      <c r="MA38" s="119">
        <v>0</v>
      </c>
      <c r="MB38" s="119">
        <v>0</v>
      </c>
      <c r="MC38" s="119">
        <v>239532</v>
      </c>
      <c r="MD38" s="120">
        <v>239532</v>
      </c>
      <c r="ME38" s="121">
        <v>239532</v>
      </c>
      <c r="MF38" s="142">
        <v>0</v>
      </c>
      <c r="MG38" s="119">
        <v>0</v>
      </c>
      <c r="MH38" s="120">
        <v>0</v>
      </c>
      <c r="MI38" s="145"/>
      <c r="MJ38" s="119">
        <v>0</v>
      </c>
      <c r="MK38" s="119">
        <v>190945</v>
      </c>
      <c r="ML38" s="119">
        <v>0</v>
      </c>
      <c r="MM38" s="119">
        <v>238373</v>
      </c>
      <c r="MN38" s="119">
        <v>651959</v>
      </c>
      <c r="MO38" s="120">
        <v>1081277</v>
      </c>
      <c r="MP38" s="143">
        <v>1081277</v>
      </c>
      <c r="MQ38" s="142">
        <v>0</v>
      </c>
      <c r="MR38" s="119">
        <v>0</v>
      </c>
      <c r="MS38" s="120">
        <v>0</v>
      </c>
      <c r="MT38" s="145"/>
      <c r="MU38" s="119">
        <v>0</v>
      </c>
      <c r="MV38" s="119">
        <v>0</v>
      </c>
      <c r="MW38" s="119">
        <v>0</v>
      </c>
      <c r="MX38" s="119">
        <v>238373</v>
      </c>
      <c r="MY38" s="119">
        <v>0</v>
      </c>
      <c r="MZ38" s="120">
        <v>238373</v>
      </c>
      <c r="NA38" s="143">
        <v>238373</v>
      </c>
      <c r="NB38" s="142">
        <v>0</v>
      </c>
      <c r="NC38" s="119">
        <v>0</v>
      </c>
      <c r="ND38" s="120">
        <v>0</v>
      </c>
      <c r="NE38" s="145"/>
      <c r="NF38" s="119">
        <v>0</v>
      </c>
      <c r="NG38" s="119">
        <v>0</v>
      </c>
      <c r="NH38" s="119">
        <v>0</v>
      </c>
      <c r="NI38" s="119">
        <v>0</v>
      </c>
      <c r="NJ38" s="119">
        <v>0</v>
      </c>
      <c r="NK38" s="120">
        <v>0</v>
      </c>
      <c r="NL38" s="321">
        <v>0</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190945</v>
      </c>
      <c r="OD38" s="119">
        <v>0</v>
      </c>
      <c r="OE38" s="119">
        <v>0</v>
      </c>
      <c r="OF38" s="119">
        <v>651959</v>
      </c>
      <c r="OG38" s="120">
        <v>842904</v>
      </c>
      <c r="OH38" s="121">
        <v>842904</v>
      </c>
      <c r="OI38" s="142">
        <v>57490</v>
      </c>
      <c r="OJ38" s="119">
        <v>4900</v>
      </c>
      <c r="OK38" s="141">
        <v>62390</v>
      </c>
      <c r="OL38" s="118">
        <v>0</v>
      </c>
      <c r="OM38" s="119">
        <v>440960</v>
      </c>
      <c r="ON38" s="119">
        <v>458639</v>
      </c>
      <c r="OO38" s="119">
        <v>757993</v>
      </c>
      <c r="OP38" s="119">
        <v>862167</v>
      </c>
      <c r="OQ38" s="119">
        <v>981921</v>
      </c>
      <c r="OR38" s="120">
        <v>3501680</v>
      </c>
      <c r="OS38" s="143">
        <v>3564070</v>
      </c>
    </row>
    <row r="39" spans="2:409" ht="20.25" customHeight="1" x14ac:dyDescent="0.2">
      <c r="B39" s="126" t="s">
        <v>34</v>
      </c>
      <c r="C39" s="110">
        <v>0</v>
      </c>
      <c r="D39" s="114">
        <v>4200</v>
      </c>
      <c r="E39" s="174">
        <v>4200</v>
      </c>
      <c r="F39" s="175">
        <v>0</v>
      </c>
      <c r="G39" s="176">
        <v>43736</v>
      </c>
      <c r="H39" s="176">
        <v>188888</v>
      </c>
      <c r="I39" s="176">
        <v>316554</v>
      </c>
      <c r="J39" s="176">
        <v>367574</v>
      </c>
      <c r="K39" s="176">
        <v>0</v>
      </c>
      <c r="L39" s="177">
        <v>916752</v>
      </c>
      <c r="M39" s="116">
        <v>920952</v>
      </c>
      <c r="N39" s="110">
        <v>0</v>
      </c>
      <c r="O39" s="114">
        <v>0</v>
      </c>
      <c r="P39" s="113">
        <v>0</v>
      </c>
      <c r="Q39" s="110">
        <v>0</v>
      </c>
      <c r="R39" s="114">
        <v>34286</v>
      </c>
      <c r="S39" s="114">
        <v>12572</v>
      </c>
      <c r="T39" s="114">
        <v>60613</v>
      </c>
      <c r="U39" s="114">
        <v>243282</v>
      </c>
      <c r="V39" s="114">
        <v>0</v>
      </c>
      <c r="W39" s="113">
        <v>350753</v>
      </c>
      <c r="X39" s="116">
        <v>350753</v>
      </c>
      <c r="Y39" s="110">
        <v>0</v>
      </c>
      <c r="Z39" s="114">
        <v>0</v>
      </c>
      <c r="AA39" s="113">
        <v>0</v>
      </c>
      <c r="AB39" s="110">
        <v>0</v>
      </c>
      <c r="AC39" s="114">
        <v>16667</v>
      </c>
      <c r="AD39" s="114">
        <v>0</v>
      </c>
      <c r="AE39" s="114">
        <v>38997</v>
      </c>
      <c r="AF39" s="114">
        <v>234882</v>
      </c>
      <c r="AG39" s="114">
        <v>0</v>
      </c>
      <c r="AH39" s="113">
        <v>290546</v>
      </c>
      <c r="AI39" s="116">
        <v>290546</v>
      </c>
      <c r="AJ39" s="110">
        <v>0</v>
      </c>
      <c r="AK39" s="114">
        <v>0</v>
      </c>
      <c r="AL39" s="113">
        <v>0</v>
      </c>
      <c r="AM39" s="110">
        <v>0</v>
      </c>
      <c r="AN39" s="114">
        <v>0</v>
      </c>
      <c r="AO39" s="114">
        <v>0</v>
      </c>
      <c r="AP39" s="114">
        <v>0</v>
      </c>
      <c r="AQ39" s="114">
        <v>0</v>
      </c>
      <c r="AR39" s="114">
        <v>0</v>
      </c>
      <c r="AS39" s="113">
        <v>0</v>
      </c>
      <c r="AT39" s="116">
        <v>0</v>
      </c>
      <c r="AU39" s="110">
        <v>0</v>
      </c>
      <c r="AV39" s="114">
        <v>0</v>
      </c>
      <c r="AW39" s="113">
        <v>0</v>
      </c>
      <c r="AX39" s="110">
        <v>0</v>
      </c>
      <c r="AY39" s="114">
        <v>0</v>
      </c>
      <c r="AZ39" s="114">
        <v>0</v>
      </c>
      <c r="BA39" s="114">
        <v>0</v>
      </c>
      <c r="BB39" s="114">
        <v>0</v>
      </c>
      <c r="BC39" s="114">
        <v>0</v>
      </c>
      <c r="BD39" s="113">
        <v>0</v>
      </c>
      <c r="BE39" s="116">
        <v>0</v>
      </c>
      <c r="BF39" s="110">
        <v>0</v>
      </c>
      <c r="BG39" s="114">
        <v>0</v>
      </c>
      <c r="BH39" s="112">
        <v>0</v>
      </c>
      <c r="BI39" s="111">
        <v>0</v>
      </c>
      <c r="BJ39" s="114">
        <v>0</v>
      </c>
      <c r="BK39" s="114">
        <v>0</v>
      </c>
      <c r="BL39" s="114">
        <v>19530</v>
      </c>
      <c r="BM39" s="114">
        <v>0</v>
      </c>
      <c r="BN39" s="114">
        <v>0</v>
      </c>
      <c r="BO39" s="113">
        <v>19530</v>
      </c>
      <c r="BP39" s="116">
        <v>19530</v>
      </c>
      <c r="BQ39" s="110">
        <v>0</v>
      </c>
      <c r="BR39" s="114">
        <v>0</v>
      </c>
      <c r="BS39" s="113">
        <v>0</v>
      </c>
      <c r="BT39" s="110">
        <v>0</v>
      </c>
      <c r="BU39" s="114">
        <v>17619</v>
      </c>
      <c r="BV39" s="114">
        <v>12572</v>
      </c>
      <c r="BW39" s="114">
        <v>2086</v>
      </c>
      <c r="BX39" s="114">
        <v>8400</v>
      </c>
      <c r="BY39" s="114">
        <v>0</v>
      </c>
      <c r="BZ39" s="113">
        <v>40677</v>
      </c>
      <c r="CA39" s="116">
        <v>40677</v>
      </c>
      <c r="CB39" s="110">
        <v>0</v>
      </c>
      <c r="CC39" s="114">
        <v>0</v>
      </c>
      <c r="CD39" s="113">
        <v>0</v>
      </c>
      <c r="CE39" s="110">
        <v>0</v>
      </c>
      <c r="CF39" s="114">
        <v>0</v>
      </c>
      <c r="CG39" s="114">
        <v>29407</v>
      </c>
      <c r="CH39" s="114">
        <v>204085</v>
      </c>
      <c r="CI39" s="114">
        <v>103285</v>
      </c>
      <c r="CJ39" s="114">
        <v>0</v>
      </c>
      <c r="CK39" s="113">
        <v>336777</v>
      </c>
      <c r="CL39" s="116">
        <v>336777</v>
      </c>
      <c r="CM39" s="110">
        <v>0</v>
      </c>
      <c r="CN39" s="114">
        <v>0</v>
      </c>
      <c r="CO39" s="113">
        <v>0</v>
      </c>
      <c r="CP39" s="111">
        <v>0</v>
      </c>
      <c r="CQ39" s="114">
        <v>0</v>
      </c>
      <c r="CR39" s="114">
        <v>29407</v>
      </c>
      <c r="CS39" s="114">
        <v>204085</v>
      </c>
      <c r="CT39" s="114">
        <v>103285</v>
      </c>
      <c r="CU39" s="114">
        <v>0</v>
      </c>
      <c r="CV39" s="113">
        <v>336777</v>
      </c>
      <c r="CW39" s="116">
        <v>336777</v>
      </c>
      <c r="CX39" s="110">
        <v>0</v>
      </c>
      <c r="CY39" s="114">
        <v>0</v>
      </c>
      <c r="CZ39" s="113">
        <v>0</v>
      </c>
      <c r="DA39" s="110">
        <v>0</v>
      </c>
      <c r="DB39" s="114">
        <v>0</v>
      </c>
      <c r="DC39" s="114">
        <v>0</v>
      </c>
      <c r="DD39" s="114">
        <v>0</v>
      </c>
      <c r="DE39" s="114">
        <v>0</v>
      </c>
      <c r="DF39" s="114">
        <v>0</v>
      </c>
      <c r="DG39" s="113">
        <v>0</v>
      </c>
      <c r="DH39" s="116">
        <v>0</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8"/>
      <c r="FE39" s="114">
        <v>0</v>
      </c>
      <c r="FF39" s="114">
        <v>0</v>
      </c>
      <c r="FG39" s="114">
        <v>0</v>
      </c>
      <c r="FH39" s="114">
        <v>0</v>
      </c>
      <c r="FI39" s="114">
        <v>0</v>
      </c>
      <c r="FJ39" s="113">
        <v>0</v>
      </c>
      <c r="FK39" s="116">
        <v>0</v>
      </c>
      <c r="FL39" s="110">
        <v>0</v>
      </c>
      <c r="FM39" s="114">
        <v>4200</v>
      </c>
      <c r="FN39" s="113">
        <v>4200</v>
      </c>
      <c r="FO39" s="110">
        <v>0</v>
      </c>
      <c r="FP39" s="114">
        <v>9450</v>
      </c>
      <c r="FQ39" s="114">
        <v>0</v>
      </c>
      <c r="FR39" s="114">
        <v>51856</v>
      </c>
      <c r="FS39" s="114">
        <v>21007</v>
      </c>
      <c r="FT39" s="114">
        <v>0</v>
      </c>
      <c r="FU39" s="113">
        <v>82313</v>
      </c>
      <c r="FV39" s="116">
        <v>86513</v>
      </c>
      <c r="FW39" s="115">
        <v>0</v>
      </c>
      <c r="FX39" s="114">
        <v>4200</v>
      </c>
      <c r="FY39" s="112">
        <v>4200</v>
      </c>
      <c r="FZ39" s="111">
        <v>0</v>
      </c>
      <c r="GA39" s="114">
        <v>9450</v>
      </c>
      <c r="GB39" s="114">
        <v>0</v>
      </c>
      <c r="GC39" s="114">
        <v>51856</v>
      </c>
      <c r="GD39" s="114">
        <v>21007</v>
      </c>
      <c r="GE39" s="114">
        <v>0</v>
      </c>
      <c r="GF39" s="113">
        <v>82313</v>
      </c>
      <c r="GG39" s="319">
        <v>86513</v>
      </c>
      <c r="GH39" s="115">
        <v>0</v>
      </c>
      <c r="GI39" s="114">
        <v>0</v>
      </c>
      <c r="GJ39" s="112">
        <v>0</v>
      </c>
      <c r="GK39" s="111">
        <v>0</v>
      </c>
      <c r="GL39" s="114">
        <v>0</v>
      </c>
      <c r="GM39" s="114">
        <v>0</v>
      </c>
      <c r="GN39" s="114">
        <v>0</v>
      </c>
      <c r="GO39" s="114">
        <v>0</v>
      </c>
      <c r="GP39" s="114">
        <v>0</v>
      </c>
      <c r="GQ39" s="113">
        <v>0</v>
      </c>
      <c r="GR39" s="116">
        <v>0</v>
      </c>
      <c r="GS39" s="110">
        <v>0</v>
      </c>
      <c r="GT39" s="114">
        <v>0</v>
      </c>
      <c r="GU39" s="113">
        <v>0</v>
      </c>
      <c r="GV39" s="110">
        <v>0</v>
      </c>
      <c r="GW39" s="114">
        <v>0</v>
      </c>
      <c r="GX39" s="114">
        <v>0</v>
      </c>
      <c r="GY39" s="114">
        <v>0</v>
      </c>
      <c r="GZ39" s="114">
        <v>0</v>
      </c>
      <c r="HA39" s="114">
        <v>0</v>
      </c>
      <c r="HB39" s="112">
        <v>0</v>
      </c>
      <c r="HC39" s="116">
        <v>0</v>
      </c>
      <c r="HD39" s="110">
        <v>0</v>
      </c>
      <c r="HE39" s="114">
        <v>0</v>
      </c>
      <c r="HF39" s="112">
        <v>0</v>
      </c>
      <c r="HG39" s="111">
        <v>0</v>
      </c>
      <c r="HH39" s="114">
        <v>0</v>
      </c>
      <c r="HI39" s="114">
        <v>146909</v>
      </c>
      <c r="HJ39" s="114">
        <v>0</v>
      </c>
      <c r="HK39" s="114">
        <v>0</v>
      </c>
      <c r="HL39" s="114">
        <v>0</v>
      </c>
      <c r="HM39" s="113">
        <v>146909</v>
      </c>
      <c r="HN39" s="109">
        <v>146909</v>
      </c>
      <c r="HO39" s="329"/>
      <c r="HP39" s="330"/>
      <c r="HQ39" s="331"/>
      <c r="HR39" s="332"/>
      <c r="HS39" s="330"/>
      <c r="HT39" s="330"/>
      <c r="HU39" s="330"/>
      <c r="HV39" s="330"/>
      <c r="HW39" s="330"/>
      <c r="HX39" s="333"/>
      <c r="HY39" s="334"/>
      <c r="HZ39" s="131">
        <v>0</v>
      </c>
      <c r="IA39" s="132">
        <v>0</v>
      </c>
      <c r="IB39" s="133">
        <v>0</v>
      </c>
      <c r="IC39" s="146">
        <v>0</v>
      </c>
      <c r="ID39" s="132">
        <v>96873</v>
      </c>
      <c r="IE39" s="147">
        <v>156296</v>
      </c>
      <c r="IF39" s="133">
        <v>0</v>
      </c>
      <c r="IG39" s="132">
        <v>0</v>
      </c>
      <c r="IH39" s="133">
        <v>0</v>
      </c>
      <c r="II39" s="148">
        <v>253169</v>
      </c>
      <c r="IJ39" s="139">
        <v>253169</v>
      </c>
      <c r="IK39" s="232">
        <v>0</v>
      </c>
      <c r="IL39" s="236">
        <v>0</v>
      </c>
      <c r="IM39" s="237">
        <v>0</v>
      </c>
      <c r="IN39" s="140"/>
      <c r="IO39" s="119">
        <v>0</v>
      </c>
      <c r="IP39" s="119">
        <v>0</v>
      </c>
      <c r="IQ39" s="119">
        <v>0</v>
      </c>
      <c r="IR39" s="119">
        <v>0</v>
      </c>
      <c r="IS39" s="119">
        <v>0</v>
      </c>
      <c r="IT39" s="141">
        <v>0</v>
      </c>
      <c r="IU39" s="321">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0</v>
      </c>
      <c r="JL39" s="119">
        <v>0</v>
      </c>
      <c r="JM39" s="119">
        <v>0</v>
      </c>
      <c r="JN39" s="119">
        <v>0</v>
      </c>
      <c r="JO39" s="119">
        <v>0</v>
      </c>
      <c r="JP39" s="120">
        <v>0</v>
      </c>
      <c r="JQ39" s="321">
        <v>0</v>
      </c>
      <c r="JR39" s="142">
        <v>0</v>
      </c>
      <c r="JS39" s="119">
        <v>0</v>
      </c>
      <c r="JT39" s="141">
        <v>0</v>
      </c>
      <c r="JU39" s="118">
        <v>0</v>
      </c>
      <c r="JV39" s="119">
        <v>0</v>
      </c>
      <c r="JW39" s="119">
        <v>0</v>
      </c>
      <c r="JX39" s="119">
        <v>0</v>
      </c>
      <c r="JY39" s="119">
        <v>0</v>
      </c>
      <c r="JZ39" s="119">
        <v>0</v>
      </c>
      <c r="KA39" s="120">
        <v>0</v>
      </c>
      <c r="KB39" s="321">
        <v>0</v>
      </c>
      <c r="KC39" s="234">
        <v>0</v>
      </c>
      <c r="KD39" s="230">
        <v>0</v>
      </c>
      <c r="KE39" s="120">
        <v>0</v>
      </c>
      <c r="KF39" s="118">
        <v>0</v>
      </c>
      <c r="KG39" s="119">
        <v>96873</v>
      </c>
      <c r="KH39" s="119">
        <v>0</v>
      </c>
      <c r="KI39" s="119">
        <v>0</v>
      </c>
      <c r="KJ39" s="119">
        <v>0</v>
      </c>
      <c r="KK39" s="119">
        <v>0</v>
      </c>
      <c r="KL39" s="120">
        <v>96873</v>
      </c>
      <c r="KM39" s="143">
        <v>96873</v>
      </c>
      <c r="KN39" s="232">
        <v>0</v>
      </c>
      <c r="KO39" s="236">
        <v>0</v>
      </c>
      <c r="KP39" s="237">
        <v>0</v>
      </c>
      <c r="KQ39" s="140"/>
      <c r="KR39" s="119">
        <v>0</v>
      </c>
      <c r="KS39" s="119">
        <v>0</v>
      </c>
      <c r="KT39" s="119">
        <v>0</v>
      </c>
      <c r="KU39" s="119">
        <v>0</v>
      </c>
      <c r="KV39" s="119">
        <v>0</v>
      </c>
      <c r="KW39" s="120">
        <v>0</v>
      </c>
      <c r="KX39" s="321">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1">
        <v>0</v>
      </c>
      <c r="LU39" s="142">
        <v>0</v>
      </c>
      <c r="LV39" s="119">
        <v>0</v>
      </c>
      <c r="LW39" s="120">
        <v>0</v>
      </c>
      <c r="LX39" s="145"/>
      <c r="LY39" s="119">
        <v>0</v>
      </c>
      <c r="LZ39" s="119">
        <v>156296</v>
      </c>
      <c r="MA39" s="119">
        <v>0</v>
      </c>
      <c r="MB39" s="119">
        <v>0</v>
      </c>
      <c r="MC39" s="119">
        <v>0</v>
      </c>
      <c r="MD39" s="120">
        <v>156296</v>
      </c>
      <c r="ME39" s="121">
        <v>156296</v>
      </c>
      <c r="MF39" s="142">
        <v>0</v>
      </c>
      <c r="MG39" s="119">
        <v>0</v>
      </c>
      <c r="MH39" s="120">
        <v>0</v>
      </c>
      <c r="MI39" s="145"/>
      <c r="MJ39" s="119">
        <v>0</v>
      </c>
      <c r="MK39" s="119">
        <v>0</v>
      </c>
      <c r="ML39" s="119">
        <v>0</v>
      </c>
      <c r="MM39" s="119">
        <v>0</v>
      </c>
      <c r="MN39" s="119">
        <v>0</v>
      </c>
      <c r="MO39" s="120">
        <v>0</v>
      </c>
      <c r="MP39" s="143">
        <v>0</v>
      </c>
      <c r="MQ39" s="142">
        <v>0</v>
      </c>
      <c r="MR39" s="119">
        <v>0</v>
      </c>
      <c r="MS39" s="120">
        <v>0</v>
      </c>
      <c r="MT39" s="145"/>
      <c r="MU39" s="119">
        <v>0</v>
      </c>
      <c r="MV39" s="119">
        <v>0</v>
      </c>
      <c r="MW39" s="119">
        <v>0</v>
      </c>
      <c r="MX39" s="119">
        <v>0</v>
      </c>
      <c r="MY39" s="119">
        <v>0</v>
      </c>
      <c r="MZ39" s="120">
        <v>0</v>
      </c>
      <c r="NA39" s="143">
        <v>0</v>
      </c>
      <c r="NB39" s="142">
        <v>0</v>
      </c>
      <c r="NC39" s="119">
        <v>0</v>
      </c>
      <c r="ND39" s="120">
        <v>0</v>
      </c>
      <c r="NE39" s="145"/>
      <c r="NF39" s="119">
        <v>0</v>
      </c>
      <c r="NG39" s="119">
        <v>0</v>
      </c>
      <c r="NH39" s="119">
        <v>0</v>
      </c>
      <c r="NI39" s="119">
        <v>0</v>
      </c>
      <c r="NJ39" s="119">
        <v>0</v>
      </c>
      <c r="NK39" s="120">
        <v>0</v>
      </c>
      <c r="NL39" s="321">
        <v>0</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0</v>
      </c>
      <c r="OJ39" s="119">
        <v>4200</v>
      </c>
      <c r="OK39" s="141">
        <v>4200</v>
      </c>
      <c r="OL39" s="118">
        <v>0</v>
      </c>
      <c r="OM39" s="119">
        <v>140609</v>
      </c>
      <c r="ON39" s="119">
        <v>345184</v>
      </c>
      <c r="OO39" s="119">
        <v>316554</v>
      </c>
      <c r="OP39" s="119">
        <v>367574</v>
      </c>
      <c r="OQ39" s="119">
        <v>0</v>
      </c>
      <c r="OR39" s="120">
        <v>1169921</v>
      </c>
      <c r="OS39" s="143">
        <v>1174121</v>
      </c>
    </row>
    <row r="40" spans="2:409" ht="20.25" customHeight="1" x14ac:dyDescent="0.2">
      <c r="B40" s="126" t="s">
        <v>35</v>
      </c>
      <c r="C40" s="110">
        <v>195645</v>
      </c>
      <c r="D40" s="114">
        <v>262677</v>
      </c>
      <c r="E40" s="113">
        <v>458322</v>
      </c>
      <c r="F40" s="109">
        <v>0</v>
      </c>
      <c r="G40" s="114">
        <v>997256</v>
      </c>
      <c r="H40" s="114">
        <v>634757</v>
      </c>
      <c r="I40" s="114">
        <v>883446</v>
      </c>
      <c r="J40" s="114">
        <v>1185972</v>
      </c>
      <c r="K40" s="114">
        <v>7980</v>
      </c>
      <c r="L40" s="173">
        <v>3709411</v>
      </c>
      <c r="M40" s="116">
        <v>4167733</v>
      </c>
      <c r="N40" s="110">
        <v>31486</v>
      </c>
      <c r="O40" s="114">
        <v>20125</v>
      </c>
      <c r="P40" s="113">
        <v>51611</v>
      </c>
      <c r="Q40" s="110">
        <v>0</v>
      </c>
      <c r="R40" s="114">
        <v>386662</v>
      </c>
      <c r="S40" s="114">
        <v>215282</v>
      </c>
      <c r="T40" s="114">
        <v>282051</v>
      </c>
      <c r="U40" s="114">
        <v>363389</v>
      </c>
      <c r="V40" s="114">
        <v>0</v>
      </c>
      <c r="W40" s="113">
        <v>1247384</v>
      </c>
      <c r="X40" s="116">
        <v>1298995</v>
      </c>
      <c r="Y40" s="110">
        <v>0</v>
      </c>
      <c r="Z40" s="114">
        <v>0</v>
      </c>
      <c r="AA40" s="113">
        <v>0</v>
      </c>
      <c r="AB40" s="110">
        <v>0</v>
      </c>
      <c r="AC40" s="114">
        <v>252511</v>
      </c>
      <c r="AD40" s="114">
        <v>158379</v>
      </c>
      <c r="AE40" s="114">
        <v>184716</v>
      </c>
      <c r="AF40" s="114">
        <v>200716</v>
      </c>
      <c r="AG40" s="114">
        <v>0</v>
      </c>
      <c r="AH40" s="113">
        <v>796322</v>
      </c>
      <c r="AI40" s="116">
        <v>796322</v>
      </c>
      <c r="AJ40" s="110">
        <v>0</v>
      </c>
      <c r="AK40" s="114">
        <v>0</v>
      </c>
      <c r="AL40" s="113">
        <v>0</v>
      </c>
      <c r="AM40" s="110">
        <v>0</v>
      </c>
      <c r="AN40" s="114">
        <v>0</v>
      </c>
      <c r="AO40" s="114">
        <v>0</v>
      </c>
      <c r="AP40" s="114">
        <v>0</v>
      </c>
      <c r="AQ40" s="114">
        <v>0</v>
      </c>
      <c r="AR40" s="114">
        <v>0</v>
      </c>
      <c r="AS40" s="113">
        <v>0</v>
      </c>
      <c r="AT40" s="116">
        <v>0</v>
      </c>
      <c r="AU40" s="110">
        <v>0</v>
      </c>
      <c r="AV40" s="114">
        <v>0</v>
      </c>
      <c r="AW40" s="113">
        <v>0</v>
      </c>
      <c r="AX40" s="110">
        <v>0</v>
      </c>
      <c r="AY40" s="114">
        <v>46868</v>
      </c>
      <c r="AZ40" s="114">
        <v>36106</v>
      </c>
      <c r="BA40" s="114">
        <v>61971</v>
      </c>
      <c r="BB40" s="114">
        <v>98308</v>
      </c>
      <c r="BC40" s="114">
        <v>0</v>
      </c>
      <c r="BD40" s="113">
        <v>243253</v>
      </c>
      <c r="BE40" s="116">
        <v>243253</v>
      </c>
      <c r="BF40" s="110">
        <v>0</v>
      </c>
      <c r="BG40" s="114">
        <v>0</v>
      </c>
      <c r="BH40" s="112">
        <v>0</v>
      </c>
      <c r="BI40" s="111">
        <v>0</v>
      </c>
      <c r="BJ40" s="114">
        <v>43568</v>
      </c>
      <c r="BK40" s="114">
        <v>0</v>
      </c>
      <c r="BL40" s="114">
        <v>18788</v>
      </c>
      <c r="BM40" s="114">
        <v>0</v>
      </c>
      <c r="BN40" s="114">
        <v>0</v>
      </c>
      <c r="BO40" s="113">
        <v>62356</v>
      </c>
      <c r="BP40" s="116">
        <v>62356</v>
      </c>
      <c r="BQ40" s="110">
        <v>31486</v>
      </c>
      <c r="BR40" s="114">
        <v>20125</v>
      </c>
      <c r="BS40" s="113">
        <v>51611</v>
      </c>
      <c r="BT40" s="110">
        <v>0</v>
      </c>
      <c r="BU40" s="114">
        <v>43715</v>
      </c>
      <c r="BV40" s="114">
        <v>20797</v>
      </c>
      <c r="BW40" s="114">
        <v>16576</v>
      </c>
      <c r="BX40" s="114">
        <v>64365</v>
      </c>
      <c r="BY40" s="114">
        <v>0</v>
      </c>
      <c r="BZ40" s="113">
        <v>145453</v>
      </c>
      <c r="CA40" s="116">
        <v>197064</v>
      </c>
      <c r="CB40" s="110">
        <v>18872</v>
      </c>
      <c r="CC40" s="114">
        <v>65877</v>
      </c>
      <c r="CD40" s="113">
        <v>84749</v>
      </c>
      <c r="CE40" s="110">
        <v>0</v>
      </c>
      <c r="CF40" s="114">
        <v>150703</v>
      </c>
      <c r="CG40" s="114">
        <v>211834</v>
      </c>
      <c r="CH40" s="114">
        <v>0</v>
      </c>
      <c r="CI40" s="114">
        <v>200829</v>
      </c>
      <c r="CJ40" s="114">
        <v>0</v>
      </c>
      <c r="CK40" s="113">
        <v>563366</v>
      </c>
      <c r="CL40" s="116">
        <v>648115</v>
      </c>
      <c r="CM40" s="110">
        <v>0</v>
      </c>
      <c r="CN40" s="114">
        <v>0</v>
      </c>
      <c r="CO40" s="113">
        <v>0</v>
      </c>
      <c r="CP40" s="111">
        <v>0</v>
      </c>
      <c r="CQ40" s="114">
        <v>150703</v>
      </c>
      <c r="CR40" s="114">
        <v>129178</v>
      </c>
      <c r="CS40" s="114">
        <v>0</v>
      </c>
      <c r="CT40" s="114">
        <v>103985</v>
      </c>
      <c r="CU40" s="114">
        <v>0</v>
      </c>
      <c r="CV40" s="113">
        <v>383866</v>
      </c>
      <c r="CW40" s="116">
        <v>383866</v>
      </c>
      <c r="CX40" s="110">
        <v>18872</v>
      </c>
      <c r="CY40" s="114">
        <v>65877</v>
      </c>
      <c r="CZ40" s="113">
        <v>84749</v>
      </c>
      <c r="DA40" s="110">
        <v>0</v>
      </c>
      <c r="DB40" s="114">
        <v>0</v>
      </c>
      <c r="DC40" s="114">
        <v>82656</v>
      </c>
      <c r="DD40" s="114">
        <v>0</v>
      </c>
      <c r="DE40" s="114">
        <v>96844</v>
      </c>
      <c r="DF40" s="114">
        <v>0</v>
      </c>
      <c r="DG40" s="113">
        <v>179500</v>
      </c>
      <c r="DH40" s="116">
        <v>264249</v>
      </c>
      <c r="DI40" s="110">
        <v>0</v>
      </c>
      <c r="DJ40" s="114">
        <v>0</v>
      </c>
      <c r="DK40" s="112">
        <v>0</v>
      </c>
      <c r="DL40" s="111">
        <v>0</v>
      </c>
      <c r="DM40" s="114">
        <v>0</v>
      </c>
      <c r="DN40" s="114">
        <v>0</v>
      </c>
      <c r="DO40" s="114">
        <v>0</v>
      </c>
      <c r="DP40" s="114">
        <v>0</v>
      </c>
      <c r="DQ40" s="114">
        <v>0</v>
      </c>
      <c r="DR40" s="113">
        <v>0</v>
      </c>
      <c r="DS40" s="116">
        <v>0</v>
      </c>
      <c r="DT40" s="110">
        <v>0</v>
      </c>
      <c r="DU40" s="114">
        <v>0</v>
      </c>
      <c r="DV40" s="113">
        <v>0</v>
      </c>
      <c r="DW40" s="110">
        <v>0</v>
      </c>
      <c r="DX40" s="114">
        <v>0</v>
      </c>
      <c r="DY40" s="114">
        <v>0</v>
      </c>
      <c r="DZ40" s="114">
        <v>0</v>
      </c>
      <c r="EA40" s="114">
        <v>0</v>
      </c>
      <c r="EB40" s="114">
        <v>0</v>
      </c>
      <c r="EC40" s="113">
        <v>0</v>
      </c>
      <c r="ED40" s="116">
        <v>0</v>
      </c>
      <c r="EE40" s="110">
        <v>0</v>
      </c>
      <c r="EF40" s="112">
        <v>0</v>
      </c>
      <c r="EG40" s="113">
        <v>0</v>
      </c>
      <c r="EH40" s="110">
        <v>0</v>
      </c>
      <c r="EI40" s="114">
        <v>0</v>
      </c>
      <c r="EJ40" s="114">
        <v>0</v>
      </c>
      <c r="EK40" s="114">
        <v>0</v>
      </c>
      <c r="EL40" s="114">
        <v>0</v>
      </c>
      <c r="EM40" s="114">
        <v>0</v>
      </c>
      <c r="EN40" s="112">
        <v>0</v>
      </c>
      <c r="EO40" s="116">
        <v>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8"/>
      <c r="FE40" s="114">
        <v>0</v>
      </c>
      <c r="FF40" s="114">
        <v>0</v>
      </c>
      <c r="FG40" s="114">
        <v>0</v>
      </c>
      <c r="FH40" s="114">
        <v>0</v>
      </c>
      <c r="FI40" s="114">
        <v>0</v>
      </c>
      <c r="FJ40" s="113">
        <v>0</v>
      </c>
      <c r="FK40" s="116">
        <v>0</v>
      </c>
      <c r="FL40" s="110">
        <v>5950</v>
      </c>
      <c r="FM40" s="114">
        <v>11550</v>
      </c>
      <c r="FN40" s="113">
        <v>17500</v>
      </c>
      <c r="FO40" s="110">
        <v>0</v>
      </c>
      <c r="FP40" s="114">
        <v>54250</v>
      </c>
      <c r="FQ40" s="114">
        <v>98350</v>
      </c>
      <c r="FR40" s="114">
        <v>97125</v>
      </c>
      <c r="FS40" s="114">
        <v>67480</v>
      </c>
      <c r="FT40" s="114">
        <v>7980</v>
      </c>
      <c r="FU40" s="113">
        <v>325185</v>
      </c>
      <c r="FV40" s="116">
        <v>342685</v>
      </c>
      <c r="FW40" s="115">
        <v>5950</v>
      </c>
      <c r="FX40" s="114">
        <v>11550</v>
      </c>
      <c r="FY40" s="112">
        <v>17500</v>
      </c>
      <c r="FZ40" s="111">
        <v>0</v>
      </c>
      <c r="GA40" s="114">
        <v>54250</v>
      </c>
      <c r="GB40" s="114">
        <v>98350</v>
      </c>
      <c r="GC40" s="114">
        <v>97125</v>
      </c>
      <c r="GD40" s="114">
        <v>67480</v>
      </c>
      <c r="GE40" s="114">
        <v>7980</v>
      </c>
      <c r="GF40" s="113">
        <v>325185</v>
      </c>
      <c r="GG40" s="319">
        <v>342685</v>
      </c>
      <c r="GH40" s="115">
        <v>0</v>
      </c>
      <c r="GI40" s="114">
        <v>0</v>
      </c>
      <c r="GJ40" s="112">
        <v>0</v>
      </c>
      <c r="GK40" s="111">
        <v>0</v>
      </c>
      <c r="GL40" s="114">
        <v>0</v>
      </c>
      <c r="GM40" s="114">
        <v>0</v>
      </c>
      <c r="GN40" s="114">
        <v>0</v>
      </c>
      <c r="GO40" s="114">
        <v>0</v>
      </c>
      <c r="GP40" s="114">
        <v>0</v>
      </c>
      <c r="GQ40" s="113">
        <v>0</v>
      </c>
      <c r="GR40" s="116">
        <v>0</v>
      </c>
      <c r="GS40" s="110">
        <v>0</v>
      </c>
      <c r="GT40" s="114">
        <v>0</v>
      </c>
      <c r="GU40" s="113">
        <v>0</v>
      </c>
      <c r="GV40" s="110">
        <v>0</v>
      </c>
      <c r="GW40" s="114">
        <v>0</v>
      </c>
      <c r="GX40" s="114">
        <v>0</v>
      </c>
      <c r="GY40" s="114">
        <v>0</v>
      </c>
      <c r="GZ40" s="114">
        <v>0</v>
      </c>
      <c r="HA40" s="114">
        <v>0</v>
      </c>
      <c r="HB40" s="112">
        <v>0</v>
      </c>
      <c r="HC40" s="116">
        <v>0</v>
      </c>
      <c r="HD40" s="110">
        <v>139337</v>
      </c>
      <c r="HE40" s="114">
        <v>165125</v>
      </c>
      <c r="HF40" s="112">
        <v>304462</v>
      </c>
      <c r="HG40" s="111">
        <v>0</v>
      </c>
      <c r="HH40" s="114">
        <v>405641</v>
      </c>
      <c r="HI40" s="114">
        <v>109291</v>
      </c>
      <c r="HJ40" s="114">
        <v>504270</v>
      </c>
      <c r="HK40" s="114">
        <v>554274</v>
      </c>
      <c r="HL40" s="114">
        <v>0</v>
      </c>
      <c r="HM40" s="113">
        <v>1573476</v>
      </c>
      <c r="HN40" s="109">
        <v>1877938</v>
      </c>
      <c r="HO40" s="329"/>
      <c r="HP40" s="330"/>
      <c r="HQ40" s="331"/>
      <c r="HR40" s="332"/>
      <c r="HS40" s="330"/>
      <c r="HT40" s="330"/>
      <c r="HU40" s="330"/>
      <c r="HV40" s="330"/>
      <c r="HW40" s="330"/>
      <c r="HX40" s="333"/>
      <c r="HY40" s="334"/>
      <c r="HZ40" s="150">
        <v>0</v>
      </c>
      <c r="IA40" s="135">
        <v>0</v>
      </c>
      <c r="IB40" s="150">
        <v>0</v>
      </c>
      <c r="IC40" s="146">
        <v>0</v>
      </c>
      <c r="ID40" s="132">
        <v>64988</v>
      </c>
      <c r="IE40" s="147">
        <v>77143</v>
      </c>
      <c r="IF40" s="133">
        <v>0</v>
      </c>
      <c r="IG40" s="132">
        <v>297913</v>
      </c>
      <c r="IH40" s="133">
        <v>0</v>
      </c>
      <c r="II40" s="148">
        <v>440044</v>
      </c>
      <c r="IJ40" s="150">
        <v>440044</v>
      </c>
      <c r="IK40" s="232">
        <v>0</v>
      </c>
      <c r="IL40" s="236">
        <v>0</v>
      </c>
      <c r="IM40" s="237">
        <v>0</v>
      </c>
      <c r="IN40" s="140"/>
      <c r="IO40" s="119">
        <v>0</v>
      </c>
      <c r="IP40" s="119">
        <v>0</v>
      </c>
      <c r="IQ40" s="119">
        <v>0</v>
      </c>
      <c r="IR40" s="119">
        <v>0</v>
      </c>
      <c r="IS40" s="119">
        <v>0</v>
      </c>
      <c r="IT40" s="141">
        <v>0</v>
      </c>
      <c r="IU40" s="321">
        <v>0</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47208</v>
      </c>
      <c r="JL40" s="119">
        <v>77143</v>
      </c>
      <c r="JM40" s="119">
        <v>0</v>
      </c>
      <c r="JN40" s="119">
        <v>0</v>
      </c>
      <c r="JO40" s="119">
        <v>0</v>
      </c>
      <c r="JP40" s="120">
        <v>124351</v>
      </c>
      <c r="JQ40" s="321">
        <v>124351</v>
      </c>
      <c r="JR40" s="142">
        <v>0</v>
      </c>
      <c r="JS40" s="119">
        <v>0</v>
      </c>
      <c r="JT40" s="141">
        <v>0</v>
      </c>
      <c r="JU40" s="118">
        <v>0</v>
      </c>
      <c r="JV40" s="119">
        <v>0</v>
      </c>
      <c r="JW40" s="119">
        <v>0</v>
      </c>
      <c r="JX40" s="119">
        <v>0</v>
      </c>
      <c r="JY40" s="119">
        <v>0</v>
      </c>
      <c r="JZ40" s="119">
        <v>0</v>
      </c>
      <c r="KA40" s="120">
        <v>0</v>
      </c>
      <c r="KB40" s="321">
        <v>0</v>
      </c>
      <c r="KC40" s="234">
        <v>0</v>
      </c>
      <c r="KD40" s="230">
        <v>0</v>
      </c>
      <c r="KE40" s="120">
        <v>0</v>
      </c>
      <c r="KF40" s="118">
        <v>0</v>
      </c>
      <c r="KG40" s="119">
        <v>17780</v>
      </c>
      <c r="KH40" s="119">
        <v>0</v>
      </c>
      <c r="KI40" s="119">
        <v>0</v>
      </c>
      <c r="KJ40" s="119">
        <v>84497</v>
      </c>
      <c r="KK40" s="119">
        <v>0</v>
      </c>
      <c r="KL40" s="120">
        <v>102277</v>
      </c>
      <c r="KM40" s="143">
        <v>102277</v>
      </c>
      <c r="KN40" s="232">
        <v>0</v>
      </c>
      <c r="KO40" s="236">
        <v>0</v>
      </c>
      <c r="KP40" s="237">
        <v>0</v>
      </c>
      <c r="KQ40" s="140"/>
      <c r="KR40" s="119">
        <v>0</v>
      </c>
      <c r="KS40" s="119">
        <v>0</v>
      </c>
      <c r="KT40" s="119">
        <v>0</v>
      </c>
      <c r="KU40" s="119">
        <v>213416</v>
      </c>
      <c r="KV40" s="119">
        <v>0</v>
      </c>
      <c r="KW40" s="120">
        <v>213416</v>
      </c>
      <c r="KX40" s="321">
        <v>213416</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1">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0</v>
      </c>
      <c r="MK40" s="119">
        <v>0</v>
      </c>
      <c r="ML40" s="119">
        <v>236299</v>
      </c>
      <c r="MM40" s="119">
        <v>433153</v>
      </c>
      <c r="MN40" s="119">
        <v>0</v>
      </c>
      <c r="MO40" s="120">
        <v>669452</v>
      </c>
      <c r="MP40" s="143">
        <v>669452</v>
      </c>
      <c r="MQ40" s="142">
        <v>0</v>
      </c>
      <c r="MR40" s="119">
        <v>0</v>
      </c>
      <c r="MS40" s="120">
        <v>0</v>
      </c>
      <c r="MT40" s="145"/>
      <c r="MU40" s="119">
        <v>0</v>
      </c>
      <c r="MV40" s="119">
        <v>0</v>
      </c>
      <c r="MW40" s="119">
        <v>0</v>
      </c>
      <c r="MX40" s="119">
        <v>433153</v>
      </c>
      <c r="MY40" s="119">
        <v>0</v>
      </c>
      <c r="MZ40" s="120">
        <v>433153</v>
      </c>
      <c r="NA40" s="143">
        <v>433153</v>
      </c>
      <c r="NB40" s="142">
        <v>0</v>
      </c>
      <c r="NC40" s="119">
        <v>0</v>
      </c>
      <c r="ND40" s="120">
        <v>0</v>
      </c>
      <c r="NE40" s="145"/>
      <c r="NF40" s="119">
        <v>0</v>
      </c>
      <c r="NG40" s="119">
        <v>0</v>
      </c>
      <c r="NH40" s="119">
        <v>236299</v>
      </c>
      <c r="NI40" s="119">
        <v>0</v>
      </c>
      <c r="NJ40" s="119">
        <v>0</v>
      </c>
      <c r="NK40" s="120">
        <v>236299</v>
      </c>
      <c r="NL40" s="321">
        <v>236299</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195645</v>
      </c>
      <c r="OJ40" s="119">
        <v>262677</v>
      </c>
      <c r="OK40" s="141">
        <v>458322</v>
      </c>
      <c r="OL40" s="118">
        <v>0</v>
      </c>
      <c r="OM40" s="119">
        <v>1062244</v>
      </c>
      <c r="ON40" s="119">
        <v>711900</v>
      </c>
      <c r="OO40" s="119">
        <v>1119745</v>
      </c>
      <c r="OP40" s="119">
        <v>1917038</v>
      </c>
      <c r="OQ40" s="119">
        <v>7980</v>
      </c>
      <c r="OR40" s="120">
        <v>4818907</v>
      </c>
      <c r="OS40" s="143">
        <v>5277229</v>
      </c>
    </row>
    <row r="41" spans="2:409" ht="20.25" customHeight="1" x14ac:dyDescent="0.2">
      <c r="B41" s="126" t="s">
        <v>36</v>
      </c>
      <c r="C41" s="110">
        <v>12884</v>
      </c>
      <c r="D41" s="114">
        <v>68135</v>
      </c>
      <c r="E41" s="113">
        <v>81019</v>
      </c>
      <c r="F41" s="109">
        <v>0</v>
      </c>
      <c r="G41" s="114">
        <v>523833</v>
      </c>
      <c r="H41" s="114">
        <v>847835</v>
      </c>
      <c r="I41" s="114">
        <v>405348</v>
      </c>
      <c r="J41" s="114">
        <v>631049</v>
      </c>
      <c r="K41" s="114">
        <v>55082</v>
      </c>
      <c r="L41" s="173">
        <v>2463147</v>
      </c>
      <c r="M41" s="116">
        <v>2544166</v>
      </c>
      <c r="N41" s="110">
        <v>12884</v>
      </c>
      <c r="O41" s="114">
        <v>66735</v>
      </c>
      <c r="P41" s="113">
        <v>79619</v>
      </c>
      <c r="Q41" s="110">
        <v>0</v>
      </c>
      <c r="R41" s="114">
        <v>315317</v>
      </c>
      <c r="S41" s="114">
        <v>97009</v>
      </c>
      <c r="T41" s="114">
        <v>34692</v>
      </c>
      <c r="U41" s="114">
        <v>43162</v>
      </c>
      <c r="V41" s="114">
        <v>43182</v>
      </c>
      <c r="W41" s="113">
        <v>533362</v>
      </c>
      <c r="X41" s="116">
        <v>612981</v>
      </c>
      <c r="Y41" s="110">
        <v>0</v>
      </c>
      <c r="Z41" s="114">
        <v>0</v>
      </c>
      <c r="AA41" s="113">
        <v>0</v>
      </c>
      <c r="AB41" s="110">
        <v>0</v>
      </c>
      <c r="AC41" s="114">
        <v>143279</v>
      </c>
      <c r="AD41" s="114">
        <v>8913</v>
      </c>
      <c r="AE41" s="114">
        <v>0</v>
      </c>
      <c r="AF41" s="114">
        <v>0</v>
      </c>
      <c r="AG41" s="114">
        <v>0</v>
      </c>
      <c r="AH41" s="113">
        <v>152192</v>
      </c>
      <c r="AI41" s="116">
        <v>152192</v>
      </c>
      <c r="AJ41" s="110">
        <v>0</v>
      </c>
      <c r="AK41" s="114">
        <v>0</v>
      </c>
      <c r="AL41" s="113">
        <v>0</v>
      </c>
      <c r="AM41" s="110">
        <v>0</v>
      </c>
      <c r="AN41" s="114">
        <v>0</v>
      </c>
      <c r="AO41" s="114">
        <v>0</v>
      </c>
      <c r="AP41" s="114">
        <v>0</v>
      </c>
      <c r="AQ41" s="114">
        <v>0</v>
      </c>
      <c r="AR41" s="114">
        <v>0</v>
      </c>
      <c r="AS41" s="113">
        <v>0</v>
      </c>
      <c r="AT41" s="116">
        <v>0</v>
      </c>
      <c r="AU41" s="110">
        <v>12884</v>
      </c>
      <c r="AV41" s="114">
        <v>66735</v>
      </c>
      <c r="AW41" s="113">
        <v>79619</v>
      </c>
      <c r="AX41" s="110">
        <v>0</v>
      </c>
      <c r="AY41" s="114">
        <v>109136</v>
      </c>
      <c r="AZ41" s="114">
        <v>57758</v>
      </c>
      <c r="BA41" s="114">
        <v>0</v>
      </c>
      <c r="BB41" s="114">
        <v>0</v>
      </c>
      <c r="BC41" s="114">
        <v>0</v>
      </c>
      <c r="BD41" s="113">
        <v>166894</v>
      </c>
      <c r="BE41" s="116">
        <v>246513</v>
      </c>
      <c r="BF41" s="110">
        <v>0</v>
      </c>
      <c r="BG41" s="114">
        <v>0</v>
      </c>
      <c r="BH41" s="112">
        <v>0</v>
      </c>
      <c r="BI41" s="111">
        <v>0</v>
      </c>
      <c r="BJ41" s="114">
        <v>58128</v>
      </c>
      <c r="BK41" s="114">
        <v>0</v>
      </c>
      <c r="BL41" s="114">
        <v>0</v>
      </c>
      <c r="BM41" s="114">
        <v>0</v>
      </c>
      <c r="BN41" s="114">
        <v>43182</v>
      </c>
      <c r="BO41" s="113">
        <v>101310</v>
      </c>
      <c r="BP41" s="116">
        <v>101310</v>
      </c>
      <c r="BQ41" s="110">
        <v>0</v>
      </c>
      <c r="BR41" s="114">
        <v>0</v>
      </c>
      <c r="BS41" s="113">
        <v>0</v>
      </c>
      <c r="BT41" s="110">
        <v>0</v>
      </c>
      <c r="BU41" s="114">
        <v>4774</v>
      </c>
      <c r="BV41" s="114">
        <v>30338</v>
      </c>
      <c r="BW41" s="114">
        <v>34692</v>
      </c>
      <c r="BX41" s="114">
        <v>43162</v>
      </c>
      <c r="BY41" s="114">
        <v>0</v>
      </c>
      <c r="BZ41" s="113">
        <v>112966</v>
      </c>
      <c r="CA41" s="116">
        <v>112966</v>
      </c>
      <c r="CB41" s="110">
        <v>0</v>
      </c>
      <c r="CC41" s="114">
        <v>0</v>
      </c>
      <c r="CD41" s="113">
        <v>0</v>
      </c>
      <c r="CE41" s="110">
        <v>0</v>
      </c>
      <c r="CF41" s="114">
        <v>186466</v>
      </c>
      <c r="CG41" s="114">
        <v>171862</v>
      </c>
      <c r="CH41" s="114">
        <v>119301</v>
      </c>
      <c r="CI41" s="114">
        <v>0</v>
      </c>
      <c r="CJ41" s="114">
        <v>0</v>
      </c>
      <c r="CK41" s="113">
        <v>477629</v>
      </c>
      <c r="CL41" s="116">
        <v>477629</v>
      </c>
      <c r="CM41" s="110">
        <v>0</v>
      </c>
      <c r="CN41" s="114">
        <v>0</v>
      </c>
      <c r="CO41" s="113">
        <v>0</v>
      </c>
      <c r="CP41" s="111">
        <v>0</v>
      </c>
      <c r="CQ41" s="114">
        <v>162266</v>
      </c>
      <c r="CR41" s="114">
        <v>171862</v>
      </c>
      <c r="CS41" s="114">
        <v>119301</v>
      </c>
      <c r="CT41" s="114">
        <v>0</v>
      </c>
      <c r="CU41" s="114">
        <v>0</v>
      </c>
      <c r="CV41" s="113">
        <v>453429</v>
      </c>
      <c r="CW41" s="116">
        <v>453429</v>
      </c>
      <c r="CX41" s="110">
        <v>0</v>
      </c>
      <c r="CY41" s="114">
        <v>0</v>
      </c>
      <c r="CZ41" s="113">
        <v>0</v>
      </c>
      <c r="DA41" s="110">
        <v>0</v>
      </c>
      <c r="DB41" s="114">
        <v>24200</v>
      </c>
      <c r="DC41" s="114">
        <v>0</v>
      </c>
      <c r="DD41" s="114">
        <v>0</v>
      </c>
      <c r="DE41" s="114">
        <v>0</v>
      </c>
      <c r="DF41" s="114">
        <v>0</v>
      </c>
      <c r="DG41" s="113">
        <v>24200</v>
      </c>
      <c r="DH41" s="116">
        <v>24200</v>
      </c>
      <c r="DI41" s="110">
        <v>0</v>
      </c>
      <c r="DJ41" s="114">
        <v>0</v>
      </c>
      <c r="DK41" s="112">
        <v>0</v>
      </c>
      <c r="DL41" s="111">
        <v>0</v>
      </c>
      <c r="DM41" s="114">
        <v>0</v>
      </c>
      <c r="DN41" s="114">
        <v>98138</v>
      </c>
      <c r="DO41" s="114">
        <v>49704</v>
      </c>
      <c r="DP41" s="114">
        <v>199439</v>
      </c>
      <c r="DQ41" s="114">
        <v>0</v>
      </c>
      <c r="DR41" s="113">
        <v>347281</v>
      </c>
      <c r="DS41" s="116">
        <v>347281</v>
      </c>
      <c r="DT41" s="110">
        <v>0</v>
      </c>
      <c r="DU41" s="114">
        <v>0</v>
      </c>
      <c r="DV41" s="113">
        <v>0</v>
      </c>
      <c r="DW41" s="110">
        <v>0</v>
      </c>
      <c r="DX41" s="114">
        <v>0</v>
      </c>
      <c r="DY41" s="114">
        <v>98138</v>
      </c>
      <c r="DZ41" s="114">
        <v>49704</v>
      </c>
      <c r="EA41" s="114">
        <v>199439</v>
      </c>
      <c r="EB41" s="114">
        <v>0</v>
      </c>
      <c r="EC41" s="113">
        <v>347281</v>
      </c>
      <c r="ED41" s="116">
        <v>347281</v>
      </c>
      <c r="EE41" s="110">
        <v>0</v>
      </c>
      <c r="EF41" s="112">
        <v>0</v>
      </c>
      <c r="EG41" s="113">
        <v>0</v>
      </c>
      <c r="EH41" s="110">
        <v>0</v>
      </c>
      <c r="EI41" s="114">
        <v>0</v>
      </c>
      <c r="EJ41" s="114">
        <v>0</v>
      </c>
      <c r="EK41" s="114">
        <v>0</v>
      </c>
      <c r="EL41" s="114">
        <v>0</v>
      </c>
      <c r="EM41" s="114">
        <v>0</v>
      </c>
      <c r="EN41" s="112">
        <v>0</v>
      </c>
      <c r="EO41" s="116">
        <v>0</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8"/>
      <c r="FE41" s="114">
        <v>0</v>
      </c>
      <c r="FF41" s="114">
        <v>0</v>
      </c>
      <c r="FG41" s="114">
        <v>0</v>
      </c>
      <c r="FH41" s="114">
        <v>0</v>
      </c>
      <c r="FI41" s="114">
        <v>0</v>
      </c>
      <c r="FJ41" s="113">
        <v>0</v>
      </c>
      <c r="FK41" s="116">
        <v>0</v>
      </c>
      <c r="FL41" s="110">
        <v>0</v>
      </c>
      <c r="FM41" s="114">
        <v>1400</v>
      </c>
      <c r="FN41" s="113">
        <v>1400</v>
      </c>
      <c r="FO41" s="110">
        <v>0</v>
      </c>
      <c r="FP41" s="114">
        <v>22050</v>
      </c>
      <c r="FQ41" s="114">
        <v>27685</v>
      </c>
      <c r="FR41" s="114">
        <v>33530</v>
      </c>
      <c r="FS41" s="114">
        <v>12950</v>
      </c>
      <c r="FT41" s="114">
        <v>11900</v>
      </c>
      <c r="FU41" s="113">
        <v>108115</v>
      </c>
      <c r="FV41" s="116">
        <v>109515</v>
      </c>
      <c r="FW41" s="115">
        <v>0</v>
      </c>
      <c r="FX41" s="114">
        <v>1400</v>
      </c>
      <c r="FY41" s="112">
        <v>1400</v>
      </c>
      <c r="FZ41" s="111">
        <v>0</v>
      </c>
      <c r="GA41" s="114">
        <v>22050</v>
      </c>
      <c r="GB41" s="114">
        <v>27685</v>
      </c>
      <c r="GC41" s="114">
        <v>33530</v>
      </c>
      <c r="GD41" s="114">
        <v>12950</v>
      </c>
      <c r="GE41" s="114">
        <v>11900</v>
      </c>
      <c r="GF41" s="113">
        <v>108115</v>
      </c>
      <c r="GG41" s="319">
        <v>109515</v>
      </c>
      <c r="GH41" s="115">
        <v>0</v>
      </c>
      <c r="GI41" s="114">
        <v>0</v>
      </c>
      <c r="GJ41" s="112">
        <v>0</v>
      </c>
      <c r="GK41" s="111">
        <v>0</v>
      </c>
      <c r="GL41" s="114">
        <v>0</v>
      </c>
      <c r="GM41" s="114">
        <v>0</v>
      </c>
      <c r="GN41" s="114">
        <v>0</v>
      </c>
      <c r="GO41" s="114">
        <v>0</v>
      </c>
      <c r="GP41" s="114">
        <v>0</v>
      </c>
      <c r="GQ41" s="113">
        <v>0</v>
      </c>
      <c r="GR41" s="116">
        <v>0</v>
      </c>
      <c r="GS41" s="110">
        <v>0</v>
      </c>
      <c r="GT41" s="114">
        <v>0</v>
      </c>
      <c r="GU41" s="113">
        <v>0</v>
      </c>
      <c r="GV41" s="110">
        <v>0</v>
      </c>
      <c r="GW41" s="114">
        <v>0</v>
      </c>
      <c r="GX41" s="114">
        <v>0</v>
      </c>
      <c r="GY41" s="114">
        <v>0</v>
      </c>
      <c r="GZ41" s="114">
        <v>0</v>
      </c>
      <c r="HA41" s="114">
        <v>0</v>
      </c>
      <c r="HB41" s="112">
        <v>0</v>
      </c>
      <c r="HC41" s="116">
        <v>0</v>
      </c>
      <c r="HD41" s="110">
        <v>0</v>
      </c>
      <c r="HE41" s="114">
        <v>0</v>
      </c>
      <c r="HF41" s="112">
        <v>0</v>
      </c>
      <c r="HG41" s="111">
        <v>0</v>
      </c>
      <c r="HH41" s="114">
        <v>0</v>
      </c>
      <c r="HI41" s="114">
        <v>453141</v>
      </c>
      <c r="HJ41" s="114">
        <v>168121</v>
      </c>
      <c r="HK41" s="114">
        <v>375498</v>
      </c>
      <c r="HL41" s="114">
        <v>0</v>
      </c>
      <c r="HM41" s="113">
        <v>996760</v>
      </c>
      <c r="HN41" s="109">
        <v>996760</v>
      </c>
      <c r="HO41" s="329"/>
      <c r="HP41" s="330"/>
      <c r="HQ41" s="331"/>
      <c r="HR41" s="332"/>
      <c r="HS41" s="330"/>
      <c r="HT41" s="330"/>
      <c r="HU41" s="330"/>
      <c r="HV41" s="330"/>
      <c r="HW41" s="330"/>
      <c r="HX41" s="333"/>
      <c r="HY41" s="334"/>
      <c r="HZ41" s="131">
        <v>0</v>
      </c>
      <c r="IA41" s="132">
        <v>0</v>
      </c>
      <c r="IB41" s="133">
        <v>0</v>
      </c>
      <c r="IC41" s="146">
        <v>0</v>
      </c>
      <c r="ID41" s="132">
        <v>97925</v>
      </c>
      <c r="IE41" s="147">
        <v>0</v>
      </c>
      <c r="IF41" s="133">
        <v>218579</v>
      </c>
      <c r="IG41" s="132">
        <v>362501</v>
      </c>
      <c r="IH41" s="133">
        <v>89389</v>
      </c>
      <c r="II41" s="148">
        <v>768394</v>
      </c>
      <c r="IJ41" s="139">
        <v>768394</v>
      </c>
      <c r="IK41" s="232">
        <v>0</v>
      </c>
      <c r="IL41" s="236">
        <v>0</v>
      </c>
      <c r="IM41" s="237">
        <v>0</v>
      </c>
      <c r="IN41" s="140"/>
      <c r="IO41" s="119">
        <v>0</v>
      </c>
      <c r="IP41" s="119">
        <v>0</v>
      </c>
      <c r="IQ41" s="119">
        <v>0</v>
      </c>
      <c r="IR41" s="119">
        <v>0</v>
      </c>
      <c r="IS41" s="119">
        <v>0</v>
      </c>
      <c r="IT41" s="141">
        <v>0</v>
      </c>
      <c r="IU41" s="321">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0</v>
      </c>
      <c r="JL41" s="119">
        <v>0</v>
      </c>
      <c r="JM41" s="119">
        <v>0</v>
      </c>
      <c r="JN41" s="119">
        <v>139811</v>
      </c>
      <c r="JO41" s="119">
        <v>89389</v>
      </c>
      <c r="JP41" s="120">
        <v>229200</v>
      </c>
      <c r="JQ41" s="321">
        <v>229200</v>
      </c>
      <c r="JR41" s="142">
        <v>0</v>
      </c>
      <c r="JS41" s="119">
        <v>0</v>
      </c>
      <c r="JT41" s="141">
        <v>0</v>
      </c>
      <c r="JU41" s="118">
        <v>0</v>
      </c>
      <c r="JV41" s="119">
        <v>0</v>
      </c>
      <c r="JW41" s="119">
        <v>0</v>
      </c>
      <c r="JX41" s="119">
        <v>0</v>
      </c>
      <c r="JY41" s="119">
        <v>0</v>
      </c>
      <c r="JZ41" s="119">
        <v>0</v>
      </c>
      <c r="KA41" s="120">
        <v>0</v>
      </c>
      <c r="KB41" s="321">
        <v>0</v>
      </c>
      <c r="KC41" s="234">
        <v>0</v>
      </c>
      <c r="KD41" s="230">
        <v>0</v>
      </c>
      <c r="KE41" s="120">
        <v>0</v>
      </c>
      <c r="KF41" s="118">
        <v>0</v>
      </c>
      <c r="KG41" s="119">
        <v>97925</v>
      </c>
      <c r="KH41" s="119">
        <v>0</v>
      </c>
      <c r="KI41" s="119">
        <v>0</v>
      </c>
      <c r="KJ41" s="119">
        <v>0</v>
      </c>
      <c r="KK41" s="119">
        <v>0</v>
      </c>
      <c r="KL41" s="120">
        <v>97925</v>
      </c>
      <c r="KM41" s="143">
        <v>97925</v>
      </c>
      <c r="KN41" s="232">
        <v>0</v>
      </c>
      <c r="KO41" s="236">
        <v>0</v>
      </c>
      <c r="KP41" s="237">
        <v>0</v>
      </c>
      <c r="KQ41" s="140"/>
      <c r="KR41" s="119">
        <v>0</v>
      </c>
      <c r="KS41" s="119">
        <v>0</v>
      </c>
      <c r="KT41" s="119">
        <v>218579</v>
      </c>
      <c r="KU41" s="119">
        <v>222690</v>
      </c>
      <c r="KV41" s="119">
        <v>0</v>
      </c>
      <c r="KW41" s="120">
        <v>441269</v>
      </c>
      <c r="KX41" s="321">
        <v>441269</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1">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394662</v>
      </c>
      <c r="MK41" s="119">
        <v>0</v>
      </c>
      <c r="ML41" s="119">
        <v>0</v>
      </c>
      <c r="MM41" s="119">
        <v>444136</v>
      </c>
      <c r="MN41" s="119">
        <v>226984</v>
      </c>
      <c r="MO41" s="120">
        <v>1065782</v>
      </c>
      <c r="MP41" s="143">
        <v>1065782</v>
      </c>
      <c r="MQ41" s="142">
        <v>0</v>
      </c>
      <c r="MR41" s="119">
        <v>0</v>
      </c>
      <c r="MS41" s="120">
        <v>0</v>
      </c>
      <c r="MT41" s="145"/>
      <c r="MU41" s="119">
        <v>0</v>
      </c>
      <c r="MV41" s="119">
        <v>0</v>
      </c>
      <c r="MW41" s="119">
        <v>0</v>
      </c>
      <c r="MX41" s="119">
        <v>214029</v>
      </c>
      <c r="MY41" s="119">
        <v>226984</v>
      </c>
      <c r="MZ41" s="120">
        <v>441013</v>
      </c>
      <c r="NA41" s="143">
        <v>441013</v>
      </c>
      <c r="NB41" s="142">
        <v>0</v>
      </c>
      <c r="NC41" s="119">
        <v>0</v>
      </c>
      <c r="ND41" s="120">
        <v>0</v>
      </c>
      <c r="NE41" s="145"/>
      <c r="NF41" s="119">
        <v>394662</v>
      </c>
      <c r="NG41" s="119">
        <v>0</v>
      </c>
      <c r="NH41" s="119">
        <v>0</v>
      </c>
      <c r="NI41" s="119">
        <v>230107</v>
      </c>
      <c r="NJ41" s="119">
        <v>0</v>
      </c>
      <c r="NK41" s="120">
        <v>624769</v>
      </c>
      <c r="NL41" s="321">
        <v>624769</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12884</v>
      </c>
      <c r="OJ41" s="119">
        <v>68135</v>
      </c>
      <c r="OK41" s="141">
        <v>81019</v>
      </c>
      <c r="OL41" s="118">
        <v>0</v>
      </c>
      <c r="OM41" s="119">
        <v>1016420</v>
      </c>
      <c r="ON41" s="119">
        <v>847835</v>
      </c>
      <c r="OO41" s="119">
        <v>623927</v>
      </c>
      <c r="OP41" s="119">
        <v>1437686</v>
      </c>
      <c r="OQ41" s="119">
        <v>371455</v>
      </c>
      <c r="OR41" s="120">
        <v>4297323</v>
      </c>
      <c r="OS41" s="143">
        <v>4378342</v>
      </c>
    </row>
    <row r="42" spans="2:409" ht="20.25" customHeight="1" thickBot="1" x14ac:dyDescent="0.25">
      <c r="B42" s="127" t="s">
        <v>37</v>
      </c>
      <c r="C42" s="117">
        <v>0</v>
      </c>
      <c r="D42" s="178">
        <v>0</v>
      </c>
      <c r="E42" s="179">
        <v>0</v>
      </c>
      <c r="F42" s="180">
        <v>0</v>
      </c>
      <c r="G42" s="178">
        <v>0</v>
      </c>
      <c r="H42" s="178">
        <v>0</v>
      </c>
      <c r="I42" s="178">
        <v>35116</v>
      </c>
      <c r="J42" s="178">
        <v>191949</v>
      </c>
      <c r="K42" s="178">
        <v>163614</v>
      </c>
      <c r="L42" s="180">
        <v>390679</v>
      </c>
      <c r="M42" s="181">
        <v>390679</v>
      </c>
      <c r="N42" s="117">
        <v>0</v>
      </c>
      <c r="O42" s="178">
        <v>0</v>
      </c>
      <c r="P42" s="179">
        <v>0</v>
      </c>
      <c r="Q42" s="117">
        <v>0</v>
      </c>
      <c r="R42" s="178">
        <v>0</v>
      </c>
      <c r="S42" s="178">
        <v>0</v>
      </c>
      <c r="T42" s="178">
        <v>35116</v>
      </c>
      <c r="U42" s="178">
        <v>8400</v>
      </c>
      <c r="V42" s="178">
        <v>132954</v>
      </c>
      <c r="W42" s="179">
        <v>176470</v>
      </c>
      <c r="X42" s="181">
        <v>176470</v>
      </c>
      <c r="Y42" s="117">
        <v>0</v>
      </c>
      <c r="Z42" s="178">
        <v>0</v>
      </c>
      <c r="AA42" s="179">
        <v>0</v>
      </c>
      <c r="AB42" s="117">
        <v>0</v>
      </c>
      <c r="AC42" s="178">
        <v>0</v>
      </c>
      <c r="AD42" s="178">
        <v>0</v>
      </c>
      <c r="AE42" s="178">
        <v>0</v>
      </c>
      <c r="AF42" s="178">
        <v>0</v>
      </c>
      <c r="AG42" s="178">
        <v>99508</v>
      </c>
      <c r="AH42" s="179">
        <v>99508</v>
      </c>
      <c r="AI42" s="181">
        <v>99508</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0</v>
      </c>
      <c r="AZ42" s="178">
        <v>0</v>
      </c>
      <c r="BA42" s="178">
        <v>35116</v>
      </c>
      <c r="BB42" s="178">
        <v>0</v>
      </c>
      <c r="BC42" s="178">
        <v>29274</v>
      </c>
      <c r="BD42" s="179">
        <v>64390</v>
      </c>
      <c r="BE42" s="181">
        <v>64390</v>
      </c>
      <c r="BF42" s="117">
        <v>0</v>
      </c>
      <c r="BG42" s="178">
        <v>0</v>
      </c>
      <c r="BH42" s="183">
        <v>0</v>
      </c>
      <c r="BI42" s="182">
        <v>0</v>
      </c>
      <c r="BJ42" s="178">
        <v>0</v>
      </c>
      <c r="BK42" s="178">
        <v>0</v>
      </c>
      <c r="BL42" s="178">
        <v>0</v>
      </c>
      <c r="BM42" s="178">
        <v>0</v>
      </c>
      <c r="BN42" s="178">
        <v>0</v>
      </c>
      <c r="BO42" s="179">
        <v>0</v>
      </c>
      <c r="BP42" s="181">
        <v>0</v>
      </c>
      <c r="BQ42" s="117">
        <v>0</v>
      </c>
      <c r="BR42" s="178">
        <v>0</v>
      </c>
      <c r="BS42" s="179">
        <v>0</v>
      </c>
      <c r="BT42" s="117">
        <v>0</v>
      </c>
      <c r="BU42" s="178">
        <v>0</v>
      </c>
      <c r="BV42" s="178">
        <v>0</v>
      </c>
      <c r="BW42" s="178">
        <v>0</v>
      </c>
      <c r="BX42" s="178">
        <v>8400</v>
      </c>
      <c r="BY42" s="178">
        <v>4172</v>
      </c>
      <c r="BZ42" s="179">
        <v>12572</v>
      </c>
      <c r="CA42" s="181">
        <v>12572</v>
      </c>
      <c r="CB42" s="117">
        <v>0</v>
      </c>
      <c r="CC42" s="178">
        <v>0</v>
      </c>
      <c r="CD42" s="179">
        <v>0</v>
      </c>
      <c r="CE42" s="117">
        <v>0</v>
      </c>
      <c r="CF42" s="178">
        <v>0</v>
      </c>
      <c r="CG42" s="178">
        <v>0</v>
      </c>
      <c r="CH42" s="178">
        <v>0</v>
      </c>
      <c r="CI42" s="178">
        <v>0</v>
      </c>
      <c r="CJ42" s="178">
        <v>0</v>
      </c>
      <c r="CK42" s="179">
        <v>0</v>
      </c>
      <c r="CL42" s="181">
        <v>0</v>
      </c>
      <c r="CM42" s="117">
        <v>0</v>
      </c>
      <c r="CN42" s="178">
        <v>0</v>
      </c>
      <c r="CO42" s="179">
        <v>0</v>
      </c>
      <c r="CP42" s="182">
        <v>0</v>
      </c>
      <c r="CQ42" s="178">
        <v>0</v>
      </c>
      <c r="CR42" s="178">
        <v>0</v>
      </c>
      <c r="CS42" s="178">
        <v>0</v>
      </c>
      <c r="CT42" s="178">
        <v>0</v>
      </c>
      <c r="CU42" s="178">
        <v>0</v>
      </c>
      <c r="CV42" s="179">
        <v>0</v>
      </c>
      <c r="CW42" s="181">
        <v>0</v>
      </c>
      <c r="CX42" s="117">
        <v>0</v>
      </c>
      <c r="CY42" s="178">
        <v>0</v>
      </c>
      <c r="CZ42" s="179">
        <v>0</v>
      </c>
      <c r="DA42" s="117">
        <v>0</v>
      </c>
      <c r="DB42" s="178">
        <v>0</v>
      </c>
      <c r="DC42" s="178">
        <v>0</v>
      </c>
      <c r="DD42" s="178">
        <v>0</v>
      </c>
      <c r="DE42" s="178">
        <v>0</v>
      </c>
      <c r="DF42" s="178">
        <v>0</v>
      </c>
      <c r="DG42" s="179">
        <v>0</v>
      </c>
      <c r="DH42" s="181">
        <v>0</v>
      </c>
      <c r="DI42" s="117">
        <v>0</v>
      </c>
      <c r="DJ42" s="178">
        <v>0</v>
      </c>
      <c r="DK42" s="183">
        <v>0</v>
      </c>
      <c r="DL42" s="182">
        <v>0</v>
      </c>
      <c r="DM42" s="178">
        <v>0</v>
      </c>
      <c r="DN42" s="178">
        <v>0</v>
      </c>
      <c r="DO42" s="178">
        <v>0</v>
      </c>
      <c r="DP42" s="178">
        <v>0</v>
      </c>
      <c r="DQ42" s="178">
        <v>0</v>
      </c>
      <c r="DR42" s="179">
        <v>0</v>
      </c>
      <c r="DS42" s="181">
        <v>0</v>
      </c>
      <c r="DT42" s="117">
        <v>0</v>
      </c>
      <c r="DU42" s="178">
        <v>0</v>
      </c>
      <c r="DV42" s="179">
        <v>0</v>
      </c>
      <c r="DW42" s="117">
        <v>0</v>
      </c>
      <c r="DX42" s="178">
        <v>0</v>
      </c>
      <c r="DY42" s="178">
        <v>0</v>
      </c>
      <c r="DZ42" s="178">
        <v>0</v>
      </c>
      <c r="EA42" s="178">
        <v>0</v>
      </c>
      <c r="EB42" s="178">
        <v>0</v>
      </c>
      <c r="EC42" s="179">
        <v>0</v>
      </c>
      <c r="ED42" s="181">
        <v>0</v>
      </c>
      <c r="EE42" s="117">
        <v>0</v>
      </c>
      <c r="EF42" s="183">
        <v>0</v>
      </c>
      <c r="EG42" s="179">
        <v>0</v>
      </c>
      <c r="EH42" s="117">
        <v>0</v>
      </c>
      <c r="EI42" s="178">
        <v>0</v>
      </c>
      <c r="EJ42" s="178">
        <v>0</v>
      </c>
      <c r="EK42" s="178">
        <v>0</v>
      </c>
      <c r="EL42" s="178">
        <v>0</v>
      </c>
      <c r="EM42" s="178">
        <v>0</v>
      </c>
      <c r="EN42" s="183">
        <v>0</v>
      </c>
      <c r="EO42" s="181">
        <v>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9"/>
      <c r="FE42" s="178">
        <v>0</v>
      </c>
      <c r="FF42" s="178">
        <v>0</v>
      </c>
      <c r="FG42" s="178">
        <v>0</v>
      </c>
      <c r="FH42" s="178">
        <v>0</v>
      </c>
      <c r="FI42" s="178">
        <v>0</v>
      </c>
      <c r="FJ42" s="179">
        <v>0</v>
      </c>
      <c r="FK42" s="181">
        <v>0</v>
      </c>
      <c r="FL42" s="117">
        <v>0</v>
      </c>
      <c r="FM42" s="178">
        <v>0</v>
      </c>
      <c r="FN42" s="179">
        <v>0</v>
      </c>
      <c r="FO42" s="117">
        <v>0</v>
      </c>
      <c r="FP42" s="178">
        <v>0</v>
      </c>
      <c r="FQ42" s="178">
        <v>0</v>
      </c>
      <c r="FR42" s="178">
        <v>0</v>
      </c>
      <c r="FS42" s="178">
        <v>0</v>
      </c>
      <c r="FT42" s="178">
        <v>30660</v>
      </c>
      <c r="FU42" s="179">
        <v>30660</v>
      </c>
      <c r="FV42" s="181">
        <v>30660</v>
      </c>
      <c r="FW42" s="184">
        <v>0</v>
      </c>
      <c r="FX42" s="178">
        <v>0</v>
      </c>
      <c r="FY42" s="183">
        <v>0</v>
      </c>
      <c r="FZ42" s="182">
        <v>0</v>
      </c>
      <c r="GA42" s="178">
        <v>0</v>
      </c>
      <c r="GB42" s="178">
        <v>0</v>
      </c>
      <c r="GC42" s="178">
        <v>0</v>
      </c>
      <c r="GD42" s="178">
        <v>0</v>
      </c>
      <c r="GE42" s="178">
        <v>30660</v>
      </c>
      <c r="GF42" s="179">
        <v>30660</v>
      </c>
      <c r="GG42" s="320">
        <v>30660</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183549</v>
      </c>
      <c r="HL42" s="178">
        <v>0</v>
      </c>
      <c r="HM42" s="179">
        <v>183549</v>
      </c>
      <c r="HN42" s="180">
        <v>183549</v>
      </c>
      <c r="HO42" s="335"/>
      <c r="HP42" s="336"/>
      <c r="HQ42" s="337"/>
      <c r="HR42" s="338"/>
      <c r="HS42" s="336"/>
      <c r="HT42" s="336"/>
      <c r="HU42" s="336"/>
      <c r="HV42" s="336"/>
      <c r="HW42" s="336"/>
      <c r="HX42" s="339"/>
      <c r="HY42" s="340"/>
      <c r="HZ42" s="151">
        <v>0</v>
      </c>
      <c r="IA42" s="152">
        <v>0</v>
      </c>
      <c r="IB42" s="153">
        <v>0</v>
      </c>
      <c r="IC42" s="154">
        <v>0</v>
      </c>
      <c r="ID42" s="155">
        <v>0</v>
      </c>
      <c r="IE42" s="156">
        <v>0</v>
      </c>
      <c r="IF42" s="157">
        <v>0</v>
      </c>
      <c r="IG42" s="155">
        <v>0</v>
      </c>
      <c r="IH42" s="157">
        <v>108460</v>
      </c>
      <c r="II42" s="158">
        <v>108460</v>
      </c>
      <c r="IJ42" s="159">
        <v>108460</v>
      </c>
      <c r="IK42" s="233">
        <v>0</v>
      </c>
      <c r="IL42" s="238">
        <v>0</v>
      </c>
      <c r="IM42" s="239">
        <v>0</v>
      </c>
      <c r="IN42" s="160"/>
      <c r="IO42" s="161">
        <v>0</v>
      </c>
      <c r="IP42" s="161">
        <v>0</v>
      </c>
      <c r="IQ42" s="161">
        <v>0</v>
      </c>
      <c r="IR42" s="161">
        <v>0</v>
      </c>
      <c r="IS42" s="161">
        <v>0</v>
      </c>
      <c r="IT42" s="162">
        <v>0</v>
      </c>
      <c r="IU42" s="322">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0</v>
      </c>
      <c r="JN42" s="161">
        <v>0</v>
      </c>
      <c r="JO42" s="161">
        <v>108460</v>
      </c>
      <c r="JP42" s="165">
        <v>108460</v>
      </c>
      <c r="JQ42" s="322">
        <v>108460</v>
      </c>
      <c r="JR42" s="163">
        <v>0</v>
      </c>
      <c r="JS42" s="161">
        <v>0</v>
      </c>
      <c r="JT42" s="162">
        <v>0</v>
      </c>
      <c r="JU42" s="164">
        <v>0</v>
      </c>
      <c r="JV42" s="161">
        <v>0</v>
      </c>
      <c r="JW42" s="161">
        <v>0</v>
      </c>
      <c r="JX42" s="161">
        <v>0</v>
      </c>
      <c r="JY42" s="161">
        <v>0</v>
      </c>
      <c r="JZ42" s="161">
        <v>0</v>
      </c>
      <c r="KA42" s="165">
        <v>0</v>
      </c>
      <c r="KB42" s="322">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0</v>
      </c>
      <c r="KS42" s="161">
        <v>0</v>
      </c>
      <c r="KT42" s="161">
        <v>0</v>
      </c>
      <c r="KU42" s="161">
        <v>0</v>
      </c>
      <c r="KV42" s="161">
        <v>0</v>
      </c>
      <c r="KW42" s="165">
        <v>0</v>
      </c>
      <c r="KX42" s="322">
        <v>0</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2">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0</v>
      </c>
      <c r="MK42" s="161">
        <v>0</v>
      </c>
      <c r="ML42" s="161">
        <v>0</v>
      </c>
      <c r="MM42" s="161">
        <v>0</v>
      </c>
      <c r="MN42" s="161">
        <v>341615</v>
      </c>
      <c r="MO42" s="165">
        <v>341615</v>
      </c>
      <c r="MP42" s="167">
        <v>341615</v>
      </c>
      <c r="MQ42" s="163">
        <v>0</v>
      </c>
      <c r="MR42" s="161">
        <v>0</v>
      </c>
      <c r="MS42" s="165">
        <v>0</v>
      </c>
      <c r="MT42" s="169"/>
      <c r="MU42" s="161">
        <v>0</v>
      </c>
      <c r="MV42" s="161">
        <v>0</v>
      </c>
      <c r="MW42" s="161">
        <v>0</v>
      </c>
      <c r="MX42" s="161">
        <v>0</v>
      </c>
      <c r="MY42" s="161">
        <v>0</v>
      </c>
      <c r="MZ42" s="165">
        <v>0</v>
      </c>
      <c r="NA42" s="167">
        <v>0</v>
      </c>
      <c r="NB42" s="163">
        <v>0</v>
      </c>
      <c r="NC42" s="161">
        <v>0</v>
      </c>
      <c r="ND42" s="165">
        <v>0</v>
      </c>
      <c r="NE42" s="169"/>
      <c r="NF42" s="161">
        <v>0</v>
      </c>
      <c r="NG42" s="161">
        <v>0</v>
      </c>
      <c r="NH42" s="161">
        <v>0</v>
      </c>
      <c r="NI42" s="161">
        <v>0</v>
      </c>
      <c r="NJ42" s="161">
        <v>0</v>
      </c>
      <c r="NK42" s="165">
        <v>0</v>
      </c>
      <c r="NL42" s="322">
        <v>0</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341615</v>
      </c>
      <c r="OG42" s="165">
        <v>341615</v>
      </c>
      <c r="OH42" s="166">
        <v>341615</v>
      </c>
      <c r="OI42" s="163">
        <v>0</v>
      </c>
      <c r="OJ42" s="161">
        <v>0</v>
      </c>
      <c r="OK42" s="162">
        <v>0</v>
      </c>
      <c r="OL42" s="164">
        <v>0</v>
      </c>
      <c r="OM42" s="161">
        <v>0</v>
      </c>
      <c r="ON42" s="161">
        <v>0</v>
      </c>
      <c r="OO42" s="161">
        <v>35116</v>
      </c>
      <c r="OP42" s="161">
        <v>191949</v>
      </c>
      <c r="OQ42" s="161">
        <v>613689</v>
      </c>
      <c r="OR42" s="165">
        <v>840754</v>
      </c>
      <c r="OS42" s="167">
        <v>840754</v>
      </c>
    </row>
    <row r="43" spans="2:409" x14ac:dyDescent="0.2">
      <c r="B43" s="44"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HO7:HQ7"/>
    <mergeCell ref="HR7:HX7"/>
    <mergeCell ref="HY7:HY8"/>
    <mergeCell ref="GS7:GU7"/>
    <mergeCell ref="GV7:HB7"/>
    <mergeCell ref="HC7:HC8"/>
    <mergeCell ref="HD7:HF7"/>
    <mergeCell ref="HG7:HM7"/>
    <mergeCell ref="HN7:HN8"/>
    <mergeCell ref="GR7:GR8"/>
    <mergeCell ref="FA7:FC7"/>
    <mergeCell ref="FD7:FJ7"/>
    <mergeCell ref="FK7:FK8"/>
    <mergeCell ref="FL7:FN7"/>
    <mergeCell ref="FO7:FU7"/>
    <mergeCell ref="FV7:FV8"/>
    <mergeCell ref="FW7:FY7"/>
    <mergeCell ref="FZ7:GF7"/>
    <mergeCell ref="GG7:GG8"/>
    <mergeCell ref="GH7:GJ7"/>
    <mergeCell ref="GK7:GQ7"/>
    <mergeCell ref="DA7:DG7"/>
    <mergeCell ref="EZ7:EZ8"/>
    <mergeCell ref="DI7:DK7"/>
    <mergeCell ref="DL7:DR7"/>
    <mergeCell ref="DS7:DS8"/>
    <mergeCell ref="DT7:DV7"/>
    <mergeCell ref="DW7:EC7"/>
    <mergeCell ref="ED7:ED8"/>
    <mergeCell ref="EE7:EG7"/>
    <mergeCell ref="EH7:EN7"/>
    <mergeCell ref="EO7:EO8"/>
    <mergeCell ref="EP7:ER7"/>
    <mergeCell ref="ES7:EY7"/>
    <mergeCell ref="CM7:CO7"/>
    <mergeCell ref="CP7:CV7"/>
    <mergeCell ref="CW7:CW8"/>
    <mergeCell ref="CX7:CZ7"/>
    <mergeCell ref="BQ7:BS7"/>
    <mergeCell ref="BT7:BZ7"/>
    <mergeCell ref="CA7:CA8"/>
    <mergeCell ref="CB7:CD7"/>
    <mergeCell ref="CE7:CK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AT7:AT8"/>
    <mergeCell ref="AU7:AW7"/>
    <mergeCell ref="AX7:BD7"/>
    <mergeCell ref="BE7:BE8"/>
    <mergeCell ref="BF7:BH7"/>
    <mergeCell ref="BI7:BO7"/>
    <mergeCell ref="DH7:DH8"/>
    <mergeCell ref="G1:H1"/>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2.5546875" style="292" customWidth="1"/>
    <col min="2" max="2" width="9" style="292" customWidth="1"/>
    <col min="3" max="4" width="9.21875" style="292" bestFit="1" customWidth="1"/>
    <col min="5" max="5" width="10.77734375" style="292" bestFit="1" customWidth="1"/>
    <col min="6" max="6" width="7.109375" style="292" customWidth="1"/>
    <col min="7" max="11" width="10.44140625" style="292" bestFit="1" customWidth="1"/>
    <col min="12" max="13" width="11.6640625" style="292" bestFit="1" customWidth="1"/>
    <col min="14" max="16" width="9.21875" style="292" bestFit="1" customWidth="1"/>
    <col min="17" max="17" width="7.44140625" style="292" customWidth="1"/>
    <col min="18" max="18" width="9.21875" style="292" bestFit="1" customWidth="1"/>
    <col min="19" max="22" width="10.44140625" style="292" bestFit="1" customWidth="1"/>
    <col min="23" max="24" width="11.6640625" style="292" bestFit="1" customWidth="1"/>
    <col min="25" max="27" width="9.109375" style="292" bestFit="1" customWidth="1"/>
    <col min="28" max="28" width="7" style="292" customWidth="1"/>
    <col min="29" max="30" width="9.109375" style="292" bestFit="1" customWidth="1"/>
    <col min="31" max="32" width="9.6640625" style="292" bestFit="1" customWidth="1"/>
    <col min="33" max="33" width="9.109375" style="292" bestFit="1" customWidth="1"/>
    <col min="34" max="35" width="9.6640625" style="292" bestFit="1" customWidth="1"/>
    <col min="36" max="38" width="9.109375" style="292" bestFit="1" customWidth="1"/>
    <col min="39" max="39" width="7.33203125" style="292" customWidth="1"/>
    <col min="40" max="49" width="9.109375" style="292" bestFit="1" customWidth="1"/>
    <col min="50" max="50" width="7.33203125" style="292" customWidth="1"/>
    <col min="51" max="60" width="9.109375" style="292" bestFit="1" customWidth="1"/>
    <col min="61" max="61" width="7.77734375" style="292" customWidth="1"/>
    <col min="62" max="71" width="9.109375" style="292" bestFit="1" customWidth="1"/>
    <col min="72" max="72" width="7.77734375" style="292" customWidth="1"/>
    <col min="73" max="77" width="9.109375" style="292" bestFit="1" customWidth="1"/>
    <col min="78" max="79" width="9.6640625" style="292" bestFit="1" customWidth="1"/>
    <col min="80" max="82" width="9.109375" style="292" bestFit="1" customWidth="1"/>
    <col min="83" max="83" width="7.88671875" style="292" customWidth="1"/>
    <col min="84" max="93" width="9.109375" style="292" bestFit="1" customWidth="1"/>
    <col min="94" max="94" width="8" style="292" customWidth="1"/>
    <col min="95" max="104" width="9.109375" style="292" bestFit="1" customWidth="1"/>
    <col min="105" max="105" width="8" style="292" customWidth="1"/>
    <col min="106" max="115" width="9.109375" style="292" bestFit="1" customWidth="1"/>
    <col min="116" max="116" width="7.6640625" style="292" customWidth="1"/>
    <col min="117" max="117" width="9.109375" style="292" bestFit="1" customWidth="1"/>
    <col min="118" max="121" width="9.6640625" style="292" bestFit="1" customWidth="1"/>
    <col min="122" max="123" width="10.6640625" style="292" bestFit="1" customWidth="1"/>
    <col min="124" max="126" width="9.109375" style="292" bestFit="1" customWidth="1"/>
    <col min="127" max="127" width="7.44140625" style="292" customWidth="1"/>
    <col min="128" max="129" width="9.109375" style="292" bestFit="1" customWidth="1"/>
    <col min="130" max="134" width="9.6640625" style="292" bestFit="1" customWidth="1"/>
    <col min="135" max="137" width="9.109375" style="292" bestFit="1" customWidth="1"/>
    <col min="138" max="138" width="7.6640625" style="292" customWidth="1"/>
    <col min="139" max="148" width="9.109375" style="292" bestFit="1" customWidth="1"/>
    <col min="149" max="149" width="7.77734375" style="292" customWidth="1"/>
    <col min="150" max="159" width="9.109375" style="292" bestFit="1" customWidth="1"/>
    <col min="160" max="160" width="7.77734375" style="292" customWidth="1"/>
    <col min="161" max="170" width="9.109375" style="292" bestFit="1" customWidth="1"/>
    <col min="171" max="171" width="7.33203125" style="292" customWidth="1"/>
    <col min="172" max="181" width="9.109375" style="292" bestFit="1" customWidth="1"/>
    <col min="182" max="182" width="8" style="292" customWidth="1"/>
    <col min="183" max="188" width="9.109375" style="292" bestFit="1" customWidth="1"/>
    <col min="189" max="189" width="9.6640625" style="292" bestFit="1" customWidth="1"/>
    <col min="190" max="192" width="9.109375" style="292" bestFit="1" customWidth="1"/>
    <col min="193" max="193" width="7.44140625" style="292" customWidth="1"/>
    <col min="194" max="203" width="9.109375" style="292" bestFit="1" customWidth="1"/>
    <col min="204" max="204" width="7.88671875" style="292" customWidth="1"/>
    <col min="205" max="214" width="9.109375" style="292" bestFit="1" customWidth="1"/>
    <col min="215" max="215" width="7.88671875" style="292" customWidth="1"/>
    <col min="216" max="225" width="9.109375" style="292" bestFit="1" customWidth="1"/>
    <col min="226" max="226" width="7.6640625" style="292" customWidth="1"/>
    <col min="227" max="229" width="9.6640625" style="292" bestFit="1" customWidth="1"/>
    <col min="230" max="230" width="10.6640625" style="292" bestFit="1" customWidth="1"/>
    <col min="231" max="231" width="9.6640625" style="292" bestFit="1" customWidth="1"/>
    <col min="232" max="233" width="10.6640625" style="292" bestFit="1" customWidth="1"/>
    <col min="234" max="16384" width="9" style="292"/>
  </cols>
  <sheetData>
    <row r="1" spans="2:233" s="1" customFormat="1" ht="24" customHeight="1" x14ac:dyDescent="0.2">
      <c r="B1" s="20" t="s">
        <v>0</v>
      </c>
      <c r="C1" s="39"/>
      <c r="D1" s="39"/>
      <c r="E1" s="368">
        <f>第１表!F2</f>
        <v>4</v>
      </c>
      <c r="F1" s="253">
        <f>第１表!G2</f>
        <v>9</v>
      </c>
      <c r="G1" s="750">
        <f>IF(F1&lt;3,F1-2+12,F1-2)</f>
        <v>7</v>
      </c>
      <c r="H1" s="750"/>
      <c r="J1" s="39"/>
      <c r="K1" s="39"/>
      <c r="L1" s="39"/>
      <c r="CL1" s="39"/>
      <c r="CM1" s="39"/>
      <c r="CN1" s="39"/>
      <c r="CO1" s="39"/>
      <c r="CP1" s="39"/>
      <c r="CQ1" s="39"/>
      <c r="CR1" s="39"/>
      <c r="CS1" s="39"/>
      <c r="CT1" s="39"/>
      <c r="CU1" s="39"/>
      <c r="CV1" s="39"/>
      <c r="CW1" s="39"/>
      <c r="CX1" s="39"/>
      <c r="CY1" s="39"/>
      <c r="CZ1" s="39"/>
      <c r="DA1" s="39"/>
      <c r="DB1" s="39"/>
      <c r="DC1" s="39"/>
      <c r="DD1" s="39"/>
      <c r="DE1" s="39"/>
      <c r="DF1" s="39"/>
      <c r="DG1" s="39"/>
      <c r="DH1" s="39"/>
      <c r="DI1" s="39"/>
      <c r="DJ1" s="39"/>
      <c r="DK1" s="39"/>
      <c r="DL1" s="39"/>
      <c r="DM1" s="39"/>
      <c r="DN1" s="39"/>
      <c r="DO1" s="39"/>
      <c r="DP1" s="39"/>
      <c r="DQ1" s="39"/>
      <c r="DR1" s="39"/>
      <c r="DS1" s="39"/>
      <c r="DT1" s="39"/>
      <c r="DU1" s="39"/>
      <c r="DV1" s="39"/>
      <c r="DW1" s="39"/>
      <c r="DX1" s="39"/>
      <c r="DY1" s="39"/>
      <c r="DZ1" s="39"/>
      <c r="EA1" s="39"/>
      <c r="EB1" s="39"/>
      <c r="EC1" s="39"/>
    </row>
    <row r="2" spans="2:233" ht="24" customHeight="1" thickBot="1" x14ac:dyDescent="0.25">
      <c r="B2" s="20" t="s">
        <v>120</v>
      </c>
    </row>
    <row r="3" spans="2:233" ht="19.5" customHeight="1" thickBot="1" x14ac:dyDescent="0.25">
      <c r="B3" s="751"/>
      <c r="C3" s="728" t="s">
        <v>116</v>
      </c>
      <c r="D3" s="729"/>
      <c r="E3" s="729"/>
      <c r="F3" s="729"/>
      <c r="G3" s="729"/>
      <c r="H3" s="729"/>
      <c r="I3" s="729"/>
      <c r="J3" s="729"/>
      <c r="K3" s="729"/>
      <c r="L3" s="729"/>
      <c r="M3" s="729"/>
      <c r="N3" s="518"/>
      <c r="O3" s="518"/>
      <c r="P3" s="518"/>
      <c r="Q3" s="518"/>
      <c r="R3" s="518"/>
      <c r="S3" s="518"/>
      <c r="T3" s="518"/>
      <c r="U3" s="518"/>
      <c r="V3" s="518"/>
      <c r="W3" s="518"/>
      <c r="X3" s="518"/>
      <c r="Y3" s="518"/>
      <c r="Z3" s="518"/>
      <c r="AA3" s="518"/>
      <c r="AB3" s="518"/>
      <c r="AC3" s="518"/>
      <c r="AD3" s="518"/>
      <c r="AE3" s="518"/>
      <c r="AF3" s="518"/>
      <c r="AG3" s="518"/>
      <c r="AH3" s="518"/>
      <c r="AI3" s="518"/>
      <c r="AJ3" s="518"/>
      <c r="AK3" s="518"/>
      <c r="AL3" s="518"/>
      <c r="AM3" s="518"/>
      <c r="AN3" s="518"/>
      <c r="AO3" s="518"/>
      <c r="AP3" s="518"/>
      <c r="AQ3" s="518"/>
      <c r="AR3" s="518"/>
      <c r="AS3" s="518"/>
      <c r="AT3" s="518"/>
      <c r="AU3" s="518"/>
      <c r="AV3" s="518"/>
      <c r="AW3" s="518"/>
      <c r="AX3" s="518"/>
      <c r="AY3" s="518"/>
      <c r="AZ3" s="518"/>
      <c r="BA3" s="518"/>
      <c r="BB3" s="518"/>
      <c r="BC3" s="518"/>
      <c r="BD3" s="518"/>
      <c r="BE3" s="518"/>
      <c r="BF3" s="518"/>
      <c r="BG3" s="518"/>
      <c r="BH3" s="518"/>
      <c r="BI3" s="518"/>
      <c r="BJ3" s="518"/>
      <c r="BK3" s="518"/>
      <c r="BL3" s="518"/>
      <c r="BM3" s="518"/>
      <c r="BN3" s="518"/>
      <c r="BO3" s="518"/>
      <c r="BP3" s="518"/>
      <c r="BQ3" s="518"/>
      <c r="BR3" s="518"/>
      <c r="BS3" s="518"/>
      <c r="BT3" s="518"/>
      <c r="BU3" s="518"/>
      <c r="BV3" s="518"/>
      <c r="BW3" s="518"/>
      <c r="BX3" s="518"/>
      <c r="BY3" s="518"/>
      <c r="BZ3" s="518"/>
      <c r="CA3" s="518"/>
      <c r="CB3" s="518"/>
      <c r="CC3" s="518"/>
      <c r="CD3" s="518"/>
      <c r="CE3" s="518"/>
      <c r="CF3" s="518"/>
      <c r="CG3" s="518"/>
      <c r="CH3" s="518"/>
      <c r="CI3" s="518"/>
      <c r="CJ3" s="518"/>
      <c r="CK3" s="518"/>
      <c r="CL3" s="518"/>
      <c r="CM3" s="518"/>
      <c r="CN3" s="518"/>
      <c r="CO3" s="518"/>
      <c r="CP3" s="518"/>
      <c r="CQ3" s="518"/>
      <c r="CR3" s="518"/>
      <c r="CS3" s="518"/>
      <c r="CT3" s="518"/>
      <c r="CU3" s="518"/>
      <c r="CV3" s="518"/>
      <c r="CW3" s="518"/>
      <c r="CX3" s="518"/>
      <c r="CY3" s="518"/>
      <c r="CZ3" s="518"/>
      <c r="DA3" s="518"/>
      <c r="DB3" s="518"/>
      <c r="DC3" s="518"/>
      <c r="DD3" s="518"/>
      <c r="DE3" s="518"/>
      <c r="DF3" s="518"/>
      <c r="DG3" s="518"/>
      <c r="DH3" s="519"/>
      <c r="DI3" s="728" t="s">
        <v>118</v>
      </c>
      <c r="DJ3" s="729"/>
      <c r="DK3" s="729"/>
      <c r="DL3" s="729"/>
      <c r="DM3" s="729"/>
      <c r="DN3" s="729"/>
      <c r="DO3" s="729"/>
      <c r="DP3" s="729"/>
      <c r="DQ3" s="729"/>
      <c r="DR3" s="729"/>
      <c r="DS3" s="729"/>
      <c r="DT3" s="729"/>
      <c r="DU3" s="729"/>
      <c r="DV3" s="729"/>
      <c r="DW3" s="729"/>
      <c r="DX3" s="729"/>
      <c r="DY3" s="729"/>
      <c r="DZ3" s="729"/>
      <c r="EA3" s="729"/>
      <c r="EB3" s="729"/>
      <c r="EC3" s="729"/>
      <c r="ED3" s="729"/>
      <c r="EE3" s="729"/>
      <c r="EF3" s="729"/>
      <c r="EG3" s="729"/>
      <c r="EH3" s="729"/>
      <c r="EI3" s="729"/>
      <c r="EJ3" s="729"/>
      <c r="EK3" s="729"/>
      <c r="EL3" s="729"/>
      <c r="EM3" s="729"/>
      <c r="EN3" s="729"/>
      <c r="EO3" s="729"/>
      <c r="EP3" s="729"/>
      <c r="EQ3" s="729"/>
      <c r="ER3" s="729"/>
      <c r="ES3" s="729"/>
      <c r="ET3" s="729"/>
      <c r="EU3" s="729"/>
      <c r="EV3" s="729"/>
      <c r="EW3" s="729"/>
      <c r="EX3" s="729"/>
      <c r="EY3" s="729"/>
      <c r="EZ3" s="729"/>
      <c r="FA3" s="729"/>
      <c r="FB3" s="729"/>
      <c r="FC3" s="729"/>
      <c r="FD3" s="729"/>
      <c r="FE3" s="729"/>
      <c r="FF3" s="729"/>
      <c r="FG3" s="729"/>
      <c r="FH3" s="729"/>
      <c r="FI3" s="729"/>
      <c r="FJ3" s="729"/>
      <c r="FK3" s="729"/>
      <c r="FL3" s="729"/>
      <c r="FM3" s="729"/>
      <c r="FN3" s="729"/>
      <c r="FO3" s="729"/>
      <c r="FP3" s="729"/>
      <c r="FQ3" s="729"/>
      <c r="FR3" s="729"/>
      <c r="FS3" s="729"/>
      <c r="FT3" s="729"/>
      <c r="FU3" s="729"/>
      <c r="FV3" s="729"/>
      <c r="FW3" s="729"/>
      <c r="FX3" s="729"/>
      <c r="FY3" s="729"/>
      <c r="FZ3" s="729"/>
      <c r="GA3" s="729"/>
      <c r="GB3" s="729"/>
      <c r="GC3" s="729"/>
      <c r="GD3" s="729"/>
      <c r="GE3" s="729"/>
      <c r="GF3" s="729"/>
      <c r="GG3" s="729"/>
      <c r="GH3" s="729"/>
      <c r="GI3" s="729"/>
      <c r="GJ3" s="729"/>
      <c r="GK3" s="729"/>
      <c r="GL3" s="729"/>
      <c r="GM3" s="729"/>
      <c r="GN3" s="729"/>
      <c r="GO3" s="729"/>
      <c r="GP3" s="729"/>
      <c r="GQ3" s="729"/>
      <c r="GR3" s="729"/>
      <c r="GS3" s="729"/>
      <c r="GT3" s="729"/>
      <c r="GU3" s="729"/>
      <c r="GV3" s="729"/>
      <c r="GW3" s="729"/>
      <c r="GX3" s="729"/>
      <c r="GY3" s="729"/>
      <c r="GZ3" s="729"/>
      <c r="HA3" s="729"/>
      <c r="HB3" s="729"/>
      <c r="HC3" s="729"/>
      <c r="HD3" s="729"/>
      <c r="HE3" s="729"/>
      <c r="HF3" s="729"/>
      <c r="HG3" s="729"/>
      <c r="HH3" s="729"/>
      <c r="HI3" s="729"/>
      <c r="HJ3" s="729"/>
      <c r="HK3" s="729"/>
      <c r="HL3" s="729"/>
      <c r="HM3" s="729"/>
      <c r="HN3" s="730"/>
      <c r="HO3" s="731" t="s">
        <v>60</v>
      </c>
      <c r="HP3" s="732"/>
      <c r="HQ3" s="732"/>
      <c r="HR3" s="732"/>
      <c r="HS3" s="732"/>
      <c r="HT3" s="732"/>
      <c r="HU3" s="732"/>
      <c r="HV3" s="732"/>
      <c r="HW3" s="732"/>
      <c r="HX3" s="732"/>
      <c r="HY3" s="733"/>
    </row>
    <row r="4" spans="2:233" ht="19.5" customHeight="1" thickBot="1" x14ac:dyDescent="0.25">
      <c r="B4" s="752"/>
      <c r="C4" s="737"/>
      <c r="D4" s="738"/>
      <c r="E4" s="738"/>
      <c r="F4" s="738"/>
      <c r="G4" s="738"/>
      <c r="H4" s="738"/>
      <c r="I4" s="738"/>
      <c r="J4" s="738"/>
      <c r="K4" s="738"/>
      <c r="L4" s="738"/>
      <c r="M4" s="740"/>
      <c r="N4" s="725" t="s">
        <v>57</v>
      </c>
      <c r="O4" s="726"/>
      <c r="P4" s="726"/>
      <c r="Q4" s="726"/>
      <c r="R4" s="726"/>
      <c r="S4" s="726"/>
      <c r="T4" s="726"/>
      <c r="U4" s="726"/>
      <c r="V4" s="726"/>
      <c r="W4" s="726"/>
      <c r="X4" s="727"/>
      <c r="Y4" s="725" t="s">
        <v>58</v>
      </c>
      <c r="Z4" s="726"/>
      <c r="AA4" s="726"/>
      <c r="AB4" s="726"/>
      <c r="AC4" s="726"/>
      <c r="AD4" s="726"/>
      <c r="AE4" s="726"/>
      <c r="AF4" s="726"/>
      <c r="AG4" s="726"/>
      <c r="AH4" s="726"/>
      <c r="AI4" s="727"/>
      <c r="AJ4" s="725" t="s">
        <v>59</v>
      </c>
      <c r="AK4" s="726"/>
      <c r="AL4" s="726"/>
      <c r="AM4" s="726"/>
      <c r="AN4" s="726"/>
      <c r="AO4" s="726"/>
      <c r="AP4" s="726"/>
      <c r="AQ4" s="726"/>
      <c r="AR4" s="726"/>
      <c r="AS4" s="726"/>
      <c r="AT4" s="727"/>
      <c r="AU4" s="725" t="s">
        <v>151</v>
      </c>
      <c r="AV4" s="726"/>
      <c r="AW4" s="726"/>
      <c r="AX4" s="726"/>
      <c r="AY4" s="726"/>
      <c r="AZ4" s="726"/>
      <c r="BA4" s="726"/>
      <c r="BB4" s="726"/>
      <c r="BC4" s="726"/>
      <c r="BD4" s="726"/>
      <c r="BE4" s="727"/>
      <c r="BF4" s="725" t="s">
        <v>117</v>
      </c>
      <c r="BG4" s="726"/>
      <c r="BH4" s="726"/>
      <c r="BI4" s="726"/>
      <c r="BJ4" s="726"/>
      <c r="BK4" s="726"/>
      <c r="BL4" s="726"/>
      <c r="BM4" s="726"/>
      <c r="BN4" s="726"/>
      <c r="BO4" s="726"/>
      <c r="BP4" s="727"/>
      <c r="BQ4" s="725" t="s">
        <v>77</v>
      </c>
      <c r="BR4" s="726"/>
      <c r="BS4" s="726"/>
      <c r="BT4" s="726"/>
      <c r="BU4" s="726"/>
      <c r="BV4" s="726"/>
      <c r="BW4" s="726"/>
      <c r="BX4" s="726"/>
      <c r="BY4" s="726"/>
      <c r="BZ4" s="726"/>
      <c r="CA4" s="727"/>
      <c r="CB4" s="725" t="s">
        <v>78</v>
      </c>
      <c r="CC4" s="726"/>
      <c r="CD4" s="726"/>
      <c r="CE4" s="726"/>
      <c r="CF4" s="726"/>
      <c r="CG4" s="726"/>
      <c r="CH4" s="726"/>
      <c r="CI4" s="726"/>
      <c r="CJ4" s="726"/>
      <c r="CK4" s="726"/>
      <c r="CL4" s="727"/>
      <c r="CM4" s="725" t="s">
        <v>79</v>
      </c>
      <c r="CN4" s="726"/>
      <c r="CO4" s="726"/>
      <c r="CP4" s="726"/>
      <c r="CQ4" s="726"/>
      <c r="CR4" s="726"/>
      <c r="CS4" s="726"/>
      <c r="CT4" s="726"/>
      <c r="CU4" s="726"/>
      <c r="CV4" s="726"/>
      <c r="CW4" s="727"/>
      <c r="CX4" s="725" t="s">
        <v>152</v>
      </c>
      <c r="CY4" s="726"/>
      <c r="CZ4" s="726"/>
      <c r="DA4" s="726"/>
      <c r="DB4" s="726"/>
      <c r="DC4" s="726"/>
      <c r="DD4" s="726"/>
      <c r="DE4" s="726"/>
      <c r="DF4" s="726"/>
      <c r="DG4" s="726"/>
      <c r="DH4" s="727"/>
      <c r="DI4" s="737"/>
      <c r="DJ4" s="738"/>
      <c r="DK4" s="738"/>
      <c r="DL4" s="738"/>
      <c r="DM4" s="738"/>
      <c r="DN4" s="738"/>
      <c r="DO4" s="738"/>
      <c r="DP4" s="738"/>
      <c r="DQ4" s="738"/>
      <c r="DR4" s="738"/>
      <c r="DS4" s="739"/>
      <c r="DT4" s="725" t="s">
        <v>57</v>
      </c>
      <c r="DU4" s="726"/>
      <c r="DV4" s="726"/>
      <c r="DW4" s="726"/>
      <c r="DX4" s="726"/>
      <c r="DY4" s="726"/>
      <c r="DZ4" s="726"/>
      <c r="EA4" s="726"/>
      <c r="EB4" s="726"/>
      <c r="EC4" s="726"/>
      <c r="ED4" s="727"/>
      <c r="EE4" s="725" t="s">
        <v>58</v>
      </c>
      <c r="EF4" s="726"/>
      <c r="EG4" s="726"/>
      <c r="EH4" s="726"/>
      <c r="EI4" s="726"/>
      <c r="EJ4" s="726"/>
      <c r="EK4" s="726"/>
      <c r="EL4" s="726"/>
      <c r="EM4" s="726"/>
      <c r="EN4" s="726"/>
      <c r="EO4" s="727"/>
      <c r="EP4" s="725" t="s">
        <v>59</v>
      </c>
      <c r="EQ4" s="726"/>
      <c r="ER4" s="726"/>
      <c r="ES4" s="726"/>
      <c r="ET4" s="726"/>
      <c r="EU4" s="726"/>
      <c r="EV4" s="726"/>
      <c r="EW4" s="726"/>
      <c r="EX4" s="726"/>
      <c r="EY4" s="726"/>
      <c r="EZ4" s="727"/>
      <c r="FA4" s="725" t="s">
        <v>151</v>
      </c>
      <c r="FB4" s="726"/>
      <c r="FC4" s="726"/>
      <c r="FD4" s="726"/>
      <c r="FE4" s="726"/>
      <c r="FF4" s="726"/>
      <c r="FG4" s="726"/>
      <c r="FH4" s="726"/>
      <c r="FI4" s="726"/>
      <c r="FJ4" s="726"/>
      <c r="FK4" s="727"/>
      <c r="FL4" s="725" t="s">
        <v>117</v>
      </c>
      <c r="FM4" s="726"/>
      <c r="FN4" s="726"/>
      <c r="FO4" s="726"/>
      <c r="FP4" s="726"/>
      <c r="FQ4" s="726"/>
      <c r="FR4" s="726"/>
      <c r="FS4" s="726"/>
      <c r="FT4" s="726"/>
      <c r="FU4" s="726"/>
      <c r="FV4" s="727"/>
      <c r="FW4" s="725" t="s">
        <v>77</v>
      </c>
      <c r="FX4" s="726"/>
      <c r="FY4" s="726"/>
      <c r="FZ4" s="726"/>
      <c r="GA4" s="726"/>
      <c r="GB4" s="726"/>
      <c r="GC4" s="726"/>
      <c r="GD4" s="726"/>
      <c r="GE4" s="726"/>
      <c r="GF4" s="726"/>
      <c r="GG4" s="727"/>
      <c r="GH4" s="725" t="s">
        <v>78</v>
      </c>
      <c r="GI4" s="726"/>
      <c r="GJ4" s="726"/>
      <c r="GK4" s="726"/>
      <c r="GL4" s="726"/>
      <c r="GM4" s="726"/>
      <c r="GN4" s="726"/>
      <c r="GO4" s="726"/>
      <c r="GP4" s="726"/>
      <c r="GQ4" s="726"/>
      <c r="GR4" s="727"/>
      <c r="GS4" s="725" t="s">
        <v>79</v>
      </c>
      <c r="GT4" s="726"/>
      <c r="GU4" s="726"/>
      <c r="GV4" s="726"/>
      <c r="GW4" s="726"/>
      <c r="GX4" s="726"/>
      <c r="GY4" s="726"/>
      <c r="GZ4" s="726"/>
      <c r="HA4" s="726"/>
      <c r="HB4" s="726"/>
      <c r="HC4" s="727"/>
      <c r="HD4" s="725" t="s">
        <v>152</v>
      </c>
      <c r="HE4" s="726"/>
      <c r="HF4" s="726"/>
      <c r="HG4" s="726"/>
      <c r="HH4" s="726"/>
      <c r="HI4" s="726"/>
      <c r="HJ4" s="726"/>
      <c r="HK4" s="726"/>
      <c r="HL4" s="726"/>
      <c r="HM4" s="726"/>
      <c r="HN4" s="727"/>
      <c r="HO4" s="734"/>
      <c r="HP4" s="735"/>
      <c r="HQ4" s="735"/>
      <c r="HR4" s="735"/>
      <c r="HS4" s="735"/>
      <c r="HT4" s="735"/>
      <c r="HU4" s="735"/>
      <c r="HV4" s="735"/>
      <c r="HW4" s="735"/>
      <c r="HX4" s="735"/>
      <c r="HY4" s="736"/>
    </row>
    <row r="5" spans="2:233" ht="19.5" customHeight="1" x14ac:dyDescent="0.2">
      <c r="B5" s="752"/>
      <c r="C5" s="741" t="s">
        <v>61</v>
      </c>
      <c r="D5" s="742"/>
      <c r="E5" s="743"/>
      <c r="F5" s="744" t="s">
        <v>62</v>
      </c>
      <c r="G5" s="742"/>
      <c r="H5" s="742"/>
      <c r="I5" s="742"/>
      <c r="J5" s="742"/>
      <c r="K5" s="742"/>
      <c r="L5" s="745"/>
      <c r="M5" s="746" t="s">
        <v>52</v>
      </c>
      <c r="N5" s="737" t="s">
        <v>61</v>
      </c>
      <c r="O5" s="738"/>
      <c r="P5" s="739"/>
      <c r="Q5" s="748" t="s">
        <v>62</v>
      </c>
      <c r="R5" s="738"/>
      <c r="S5" s="738"/>
      <c r="T5" s="738"/>
      <c r="U5" s="738"/>
      <c r="V5" s="738"/>
      <c r="W5" s="749"/>
      <c r="X5" s="667" t="s">
        <v>52</v>
      </c>
      <c r="Y5" s="737" t="s">
        <v>61</v>
      </c>
      <c r="Z5" s="738"/>
      <c r="AA5" s="739"/>
      <c r="AB5" s="748" t="s">
        <v>62</v>
      </c>
      <c r="AC5" s="738"/>
      <c r="AD5" s="738"/>
      <c r="AE5" s="738"/>
      <c r="AF5" s="738"/>
      <c r="AG5" s="738"/>
      <c r="AH5" s="749"/>
      <c r="AI5" s="667" t="s">
        <v>52</v>
      </c>
      <c r="AJ5" s="737" t="s">
        <v>61</v>
      </c>
      <c r="AK5" s="738"/>
      <c r="AL5" s="739"/>
      <c r="AM5" s="748" t="s">
        <v>62</v>
      </c>
      <c r="AN5" s="738"/>
      <c r="AO5" s="738"/>
      <c r="AP5" s="738"/>
      <c r="AQ5" s="738"/>
      <c r="AR5" s="738"/>
      <c r="AS5" s="749"/>
      <c r="AT5" s="667" t="s">
        <v>52</v>
      </c>
      <c r="AU5" s="737" t="s">
        <v>61</v>
      </c>
      <c r="AV5" s="738"/>
      <c r="AW5" s="739"/>
      <c r="AX5" s="748" t="s">
        <v>62</v>
      </c>
      <c r="AY5" s="738"/>
      <c r="AZ5" s="738"/>
      <c r="BA5" s="738"/>
      <c r="BB5" s="738"/>
      <c r="BC5" s="738"/>
      <c r="BD5" s="749"/>
      <c r="BE5" s="667" t="s">
        <v>52</v>
      </c>
      <c r="BF5" s="737" t="s">
        <v>61</v>
      </c>
      <c r="BG5" s="738"/>
      <c r="BH5" s="739"/>
      <c r="BI5" s="748" t="s">
        <v>62</v>
      </c>
      <c r="BJ5" s="738"/>
      <c r="BK5" s="738"/>
      <c r="BL5" s="738"/>
      <c r="BM5" s="738"/>
      <c r="BN5" s="738"/>
      <c r="BO5" s="749"/>
      <c r="BP5" s="667" t="s">
        <v>52</v>
      </c>
      <c r="BQ5" s="737" t="s">
        <v>61</v>
      </c>
      <c r="BR5" s="738"/>
      <c r="BS5" s="739"/>
      <c r="BT5" s="748" t="s">
        <v>62</v>
      </c>
      <c r="BU5" s="738"/>
      <c r="BV5" s="738"/>
      <c r="BW5" s="738"/>
      <c r="BX5" s="738"/>
      <c r="BY5" s="738"/>
      <c r="BZ5" s="749"/>
      <c r="CA5" s="667" t="s">
        <v>52</v>
      </c>
      <c r="CB5" s="737" t="s">
        <v>61</v>
      </c>
      <c r="CC5" s="738"/>
      <c r="CD5" s="739"/>
      <c r="CE5" s="748" t="s">
        <v>62</v>
      </c>
      <c r="CF5" s="738"/>
      <c r="CG5" s="738"/>
      <c r="CH5" s="738"/>
      <c r="CI5" s="738"/>
      <c r="CJ5" s="738"/>
      <c r="CK5" s="749"/>
      <c r="CL5" s="667" t="s">
        <v>52</v>
      </c>
      <c r="CM5" s="737" t="s">
        <v>61</v>
      </c>
      <c r="CN5" s="738"/>
      <c r="CO5" s="739"/>
      <c r="CP5" s="748" t="s">
        <v>62</v>
      </c>
      <c r="CQ5" s="738"/>
      <c r="CR5" s="738"/>
      <c r="CS5" s="738"/>
      <c r="CT5" s="738"/>
      <c r="CU5" s="738"/>
      <c r="CV5" s="749"/>
      <c r="CW5" s="667" t="s">
        <v>52</v>
      </c>
      <c r="CX5" s="737" t="s">
        <v>61</v>
      </c>
      <c r="CY5" s="738"/>
      <c r="CZ5" s="739"/>
      <c r="DA5" s="748" t="s">
        <v>62</v>
      </c>
      <c r="DB5" s="738"/>
      <c r="DC5" s="738"/>
      <c r="DD5" s="738"/>
      <c r="DE5" s="738"/>
      <c r="DF5" s="738"/>
      <c r="DG5" s="749"/>
      <c r="DH5" s="667" t="s">
        <v>52</v>
      </c>
      <c r="DI5" s="741" t="s">
        <v>61</v>
      </c>
      <c r="DJ5" s="742"/>
      <c r="DK5" s="743"/>
      <c r="DL5" s="744" t="s">
        <v>62</v>
      </c>
      <c r="DM5" s="742"/>
      <c r="DN5" s="742"/>
      <c r="DO5" s="742"/>
      <c r="DP5" s="742"/>
      <c r="DQ5" s="742"/>
      <c r="DR5" s="745"/>
      <c r="DS5" s="754" t="s">
        <v>52</v>
      </c>
      <c r="DT5" s="737" t="s">
        <v>61</v>
      </c>
      <c r="DU5" s="738"/>
      <c r="DV5" s="739"/>
      <c r="DW5" s="748" t="s">
        <v>62</v>
      </c>
      <c r="DX5" s="738"/>
      <c r="DY5" s="738"/>
      <c r="DZ5" s="738"/>
      <c r="EA5" s="738"/>
      <c r="EB5" s="738"/>
      <c r="EC5" s="749"/>
      <c r="ED5" s="667" t="s">
        <v>52</v>
      </c>
      <c r="EE5" s="737" t="s">
        <v>61</v>
      </c>
      <c r="EF5" s="738"/>
      <c r="EG5" s="739"/>
      <c r="EH5" s="748" t="s">
        <v>62</v>
      </c>
      <c r="EI5" s="738"/>
      <c r="EJ5" s="738"/>
      <c r="EK5" s="738"/>
      <c r="EL5" s="738"/>
      <c r="EM5" s="738"/>
      <c r="EN5" s="749"/>
      <c r="EO5" s="667" t="s">
        <v>52</v>
      </c>
      <c r="EP5" s="737" t="s">
        <v>61</v>
      </c>
      <c r="EQ5" s="738"/>
      <c r="ER5" s="739"/>
      <c r="ES5" s="748" t="s">
        <v>62</v>
      </c>
      <c r="ET5" s="738"/>
      <c r="EU5" s="738"/>
      <c r="EV5" s="738"/>
      <c r="EW5" s="738"/>
      <c r="EX5" s="738"/>
      <c r="EY5" s="749"/>
      <c r="EZ5" s="667" t="s">
        <v>52</v>
      </c>
      <c r="FA5" s="737" t="s">
        <v>61</v>
      </c>
      <c r="FB5" s="738"/>
      <c r="FC5" s="739"/>
      <c r="FD5" s="748" t="s">
        <v>62</v>
      </c>
      <c r="FE5" s="738"/>
      <c r="FF5" s="738"/>
      <c r="FG5" s="738"/>
      <c r="FH5" s="738"/>
      <c r="FI5" s="738"/>
      <c r="FJ5" s="749"/>
      <c r="FK5" s="667" t="s">
        <v>52</v>
      </c>
      <c r="FL5" s="737" t="s">
        <v>61</v>
      </c>
      <c r="FM5" s="738"/>
      <c r="FN5" s="739"/>
      <c r="FO5" s="748" t="s">
        <v>62</v>
      </c>
      <c r="FP5" s="738"/>
      <c r="FQ5" s="738"/>
      <c r="FR5" s="738"/>
      <c r="FS5" s="738"/>
      <c r="FT5" s="738"/>
      <c r="FU5" s="749"/>
      <c r="FV5" s="667" t="s">
        <v>52</v>
      </c>
      <c r="FW5" s="737" t="s">
        <v>61</v>
      </c>
      <c r="FX5" s="738"/>
      <c r="FY5" s="739"/>
      <c r="FZ5" s="748" t="s">
        <v>62</v>
      </c>
      <c r="GA5" s="738"/>
      <c r="GB5" s="738"/>
      <c r="GC5" s="738"/>
      <c r="GD5" s="738"/>
      <c r="GE5" s="738"/>
      <c r="GF5" s="749"/>
      <c r="GG5" s="667" t="s">
        <v>52</v>
      </c>
      <c r="GH5" s="737" t="s">
        <v>61</v>
      </c>
      <c r="GI5" s="738"/>
      <c r="GJ5" s="739"/>
      <c r="GK5" s="748" t="s">
        <v>62</v>
      </c>
      <c r="GL5" s="738"/>
      <c r="GM5" s="738"/>
      <c r="GN5" s="738"/>
      <c r="GO5" s="738"/>
      <c r="GP5" s="738"/>
      <c r="GQ5" s="749"/>
      <c r="GR5" s="667" t="s">
        <v>52</v>
      </c>
      <c r="GS5" s="737" t="s">
        <v>61</v>
      </c>
      <c r="GT5" s="738"/>
      <c r="GU5" s="739"/>
      <c r="GV5" s="748" t="s">
        <v>62</v>
      </c>
      <c r="GW5" s="738"/>
      <c r="GX5" s="738"/>
      <c r="GY5" s="738"/>
      <c r="GZ5" s="738"/>
      <c r="HA5" s="738"/>
      <c r="HB5" s="749"/>
      <c r="HC5" s="667" t="s">
        <v>52</v>
      </c>
      <c r="HD5" s="737" t="s">
        <v>61</v>
      </c>
      <c r="HE5" s="738"/>
      <c r="HF5" s="739"/>
      <c r="HG5" s="748" t="s">
        <v>62</v>
      </c>
      <c r="HH5" s="738"/>
      <c r="HI5" s="738"/>
      <c r="HJ5" s="738"/>
      <c r="HK5" s="738"/>
      <c r="HL5" s="738"/>
      <c r="HM5" s="749"/>
      <c r="HN5" s="667" t="s">
        <v>52</v>
      </c>
      <c r="HO5" s="737" t="s">
        <v>61</v>
      </c>
      <c r="HP5" s="738"/>
      <c r="HQ5" s="739"/>
      <c r="HR5" s="748" t="s">
        <v>62</v>
      </c>
      <c r="HS5" s="738"/>
      <c r="HT5" s="738"/>
      <c r="HU5" s="738"/>
      <c r="HV5" s="738"/>
      <c r="HW5" s="738"/>
      <c r="HX5" s="749"/>
      <c r="HY5" s="667" t="s">
        <v>52</v>
      </c>
    </row>
    <row r="6" spans="2:233" ht="34.5" customHeight="1" thickBot="1" x14ac:dyDescent="0.25">
      <c r="B6" s="753"/>
      <c r="C6" s="372" t="s">
        <v>119</v>
      </c>
      <c r="D6" s="373" t="s">
        <v>44</v>
      </c>
      <c r="E6" s="380" t="s">
        <v>45</v>
      </c>
      <c r="F6" s="381" t="s">
        <v>83</v>
      </c>
      <c r="G6" s="373" t="s">
        <v>47</v>
      </c>
      <c r="H6" s="373" t="s">
        <v>48</v>
      </c>
      <c r="I6" s="373" t="s">
        <v>49</v>
      </c>
      <c r="J6" s="373" t="s">
        <v>50</v>
      </c>
      <c r="K6" s="373" t="s">
        <v>51</v>
      </c>
      <c r="L6" s="382" t="s">
        <v>45</v>
      </c>
      <c r="M6" s="747"/>
      <c r="N6" s="372" t="s">
        <v>119</v>
      </c>
      <c r="O6" s="373" t="s">
        <v>44</v>
      </c>
      <c r="P6" s="380" t="s">
        <v>45</v>
      </c>
      <c r="Q6" s="381" t="s">
        <v>83</v>
      </c>
      <c r="R6" s="373" t="s">
        <v>47</v>
      </c>
      <c r="S6" s="373" t="s">
        <v>48</v>
      </c>
      <c r="T6" s="373" t="s">
        <v>49</v>
      </c>
      <c r="U6" s="373" t="s">
        <v>50</v>
      </c>
      <c r="V6" s="373" t="s">
        <v>51</v>
      </c>
      <c r="W6" s="382" t="s">
        <v>45</v>
      </c>
      <c r="X6" s="747"/>
      <c r="Y6" s="372" t="s">
        <v>119</v>
      </c>
      <c r="Z6" s="373" t="s">
        <v>44</v>
      </c>
      <c r="AA6" s="380" t="s">
        <v>45</v>
      </c>
      <c r="AB6" s="381" t="s">
        <v>83</v>
      </c>
      <c r="AC6" s="373" t="s">
        <v>47</v>
      </c>
      <c r="AD6" s="373" t="s">
        <v>48</v>
      </c>
      <c r="AE6" s="373" t="s">
        <v>49</v>
      </c>
      <c r="AF6" s="373" t="s">
        <v>50</v>
      </c>
      <c r="AG6" s="373" t="s">
        <v>51</v>
      </c>
      <c r="AH6" s="382" t="s">
        <v>45</v>
      </c>
      <c r="AI6" s="747"/>
      <c r="AJ6" s="372" t="s">
        <v>119</v>
      </c>
      <c r="AK6" s="373" t="s">
        <v>44</v>
      </c>
      <c r="AL6" s="380" t="s">
        <v>45</v>
      </c>
      <c r="AM6" s="381" t="s">
        <v>83</v>
      </c>
      <c r="AN6" s="373" t="s">
        <v>47</v>
      </c>
      <c r="AO6" s="373" t="s">
        <v>48</v>
      </c>
      <c r="AP6" s="373" t="s">
        <v>49</v>
      </c>
      <c r="AQ6" s="373" t="s">
        <v>50</v>
      </c>
      <c r="AR6" s="373" t="s">
        <v>51</v>
      </c>
      <c r="AS6" s="382" t="s">
        <v>45</v>
      </c>
      <c r="AT6" s="747"/>
      <c r="AU6" s="372" t="s">
        <v>119</v>
      </c>
      <c r="AV6" s="373" t="s">
        <v>44</v>
      </c>
      <c r="AW6" s="380" t="s">
        <v>45</v>
      </c>
      <c r="AX6" s="381" t="s">
        <v>83</v>
      </c>
      <c r="AY6" s="373" t="s">
        <v>47</v>
      </c>
      <c r="AZ6" s="373" t="s">
        <v>48</v>
      </c>
      <c r="BA6" s="373" t="s">
        <v>49</v>
      </c>
      <c r="BB6" s="373" t="s">
        <v>50</v>
      </c>
      <c r="BC6" s="373" t="s">
        <v>51</v>
      </c>
      <c r="BD6" s="382" t="s">
        <v>45</v>
      </c>
      <c r="BE6" s="747"/>
      <c r="BF6" s="372" t="s">
        <v>119</v>
      </c>
      <c r="BG6" s="373" t="s">
        <v>44</v>
      </c>
      <c r="BH6" s="380" t="s">
        <v>45</v>
      </c>
      <c r="BI6" s="381" t="s">
        <v>83</v>
      </c>
      <c r="BJ6" s="373" t="s">
        <v>47</v>
      </c>
      <c r="BK6" s="373" t="s">
        <v>48</v>
      </c>
      <c r="BL6" s="373" t="s">
        <v>49</v>
      </c>
      <c r="BM6" s="373" t="s">
        <v>50</v>
      </c>
      <c r="BN6" s="373" t="s">
        <v>51</v>
      </c>
      <c r="BO6" s="382" t="s">
        <v>45</v>
      </c>
      <c r="BP6" s="747"/>
      <c r="BQ6" s="372" t="s">
        <v>119</v>
      </c>
      <c r="BR6" s="373" t="s">
        <v>44</v>
      </c>
      <c r="BS6" s="380" t="s">
        <v>45</v>
      </c>
      <c r="BT6" s="381" t="s">
        <v>83</v>
      </c>
      <c r="BU6" s="373" t="s">
        <v>47</v>
      </c>
      <c r="BV6" s="373" t="s">
        <v>48</v>
      </c>
      <c r="BW6" s="373" t="s">
        <v>49</v>
      </c>
      <c r="BX6" s="373" t="s">
        <v>50</v>
      </c>
      <c r="BY6" s="373" t="s">
        <v>51</v>
      </c>
      <c r="BZ6" s="382" t="s">
        <v>45</v>
      </c>
      <c r="CA6" s="747"/>
      <c r="CB6" s="372" t="s">
        <v>119</v>
      </c>
      <c r="CC6" s="373" t="s">
        <v>44</v>
      </c>
      <c r="CD6" s="380" t="s">
        <v>45</v>
      </c>
      <c r="CE6" s="381" t="s">
        <v>83</v>
      </c>
      <c r="CF6" s="373" t="s">
        <v>47</v>
      </c>
      <c r="CG6" s="373" t="s">
        <v>48</v>
      </c>
      <c r="CH6" s="373" t="s">
        <v>49</v>
      </c>
      <c r="CI6" s="373" t="s">
        <v>50</v>
      </c>
      <c r="CJ6" s="373" t="s">
        <v>51</v>
      </c>
      <c r="CK6" s="382" t="s">
        <v>45</v>
      </c>
      <c r="CL6" s="747"/>
      <c r="CM6" s="372" t="s">
        <v>119</v>
      </c>
      <c r="CN6" s="373" t="s">
        <v>44</v>
      </c>
      <c r="CO6" s="380" t="s">
        <v>45</v>
      </c>
      <c r="CP6" s="381" t="s">
        <v>83</v>
      </c>
      <c r="CQ6" s="373" t="s">
        <v>47</v>
      </c>
      <c r="CR6" s="373" t="s">
        <v>48</v>
      </c>
      <c r="CS6" s="373" t="s">
        <v>49</v>
      </c>
      <c r="CT6" s="373" t="s">
        <v>50</v>
      </c>
      <c r="CU6" s="373" t="s">
        <v>51</v>
      </c>
      <c r="CV6" s="382" t="s">
        <v>45</v>
      </c>
      <c r="CW6" s="747"/>
      <c r="CX6" s="372" t="s">
        <v>119</v>
      </c>
      <c r="CY6" s="373" t="s">
        <v>44</v>
      </c>
      <c r="CZ6" s="380" t="s">
        <v>45</v>
      </c>
      <c r="DA6" s="381" t="s">
        <v>83</v>
      </c>
      <c r="DB6" s="373" t="s">
        <v>47</v>
      </c>
      <c r="DC6" s="373" t="s">
        <v>48</v>
      </c>
      <c r="DD6" s="373" t="s">
        <v>49</v>
      </c>
      <c r="DE6" s="373" t="s">
        <v>50</v>
      </c>
      <c r="DF6" s="373" t="s">
        <v>51</v>
      </c>
      <c r="DG6" s="382" t="s">
        <v>45</v>
      </c>
      <c r="DH6" s="747"/>
      <c r="DI6" s="372" t="s">
        <v>119</v>
      </c>
      <c r="DJ6" s="373" t="s">
        <v>44</v>
      </c>
      <c r="DK6" s="380" t="s">
        <v>45</v>
      </c>
      <c r="DL6" s="381" t="s">
        <v>83</v>
      </c>
      <c r="DM6" s="373" t="s">
        <v>47</v>
      </c>
      <c r="DN6" s="373" t="s">
        <v>48</v>
      </c>
      <c r="DO6" s="373" t="s">
        <v>49</v>
      </c>
      <c r="DP6" s="373" t="s">
        <v>50</v>
      </c>
      <c r="DQ6" s="373" t="s">
        <v>51</v>
      </c>
      <c r="DR6" s="382" t="s">
        <v>45</v>
      </c>
      <c r="DS6" s="755"/>
      <c r="DT6" s="372" t="s">
        <v>119</v>
      </c>
      <c r="DU6" s="373" t="s">
        <v>44</v>
      </c>
      <c r="DV6" s="380" t="s">
        <v>45</v>
      </c>
      <c r="DW6" s="381" t="s">
        <v>83</v>
      </c>
      <c r="DX6" s="373" t="s">
        <v>47</v>
      </c>
      <c r="DY6" s="373" t="s">
        <v>48</v>
      </c>
      <c r="DZ6" s="373" t="s">
        <v>49</v>
      </c>
      <c r="EA6" s="373" t="s">
        <v>50</v>
      </c>
      <c r="EB6" s="373" t="s">
        <v>51</v>
      </c>
      <c r="EC6" s="382" t="s">
        <v>45</v>
      </c>
      <c r="ED6" s="747"/>
      <c r="EE6" s="372" t="s">
        <v>119</v>
      </c>
      <c r="EF6" s="373" t="s">
        <v>44</v>
      </c>
      <c r="EG6" s="380" t="s">
        <v>45</v>
      </c>
      <c r="EH6" s="381" t="s">
        <v>83</v>
      </c>
      <c r="EI6" s="373" t="s">
        <v>47</v>
      </c>
      <c r="EJ6" s="373" t="s">
        <v>48</v>
      </c>
      <c r="EK6" s="373" t="s">
        <v>49</v>
      </c>
      <c r="EL6" s="373" t="s">
        <v>50</v>
      </c>
      <c r="EM6" s="373" t="s">
        <v>51</v>
      </c>
      <c r="EN6" s="382" t="s">
        <v>45</v>
      </c>
      <c r="EO6" s="747"/>
      <c r="EP6" s="372" t="s">
        <v>119</v>
      </c>
      <c r="EQ6" s="373" t="s">
        <v>44</v>
      </c>
      <c r="ER6" s="380" t="s">
        <v>45</v>
      </c>
      <c r="ES6" s="381" t="s">
        <v>83</v>
      </c>
      <c r="ET6" s="373" t="s">
        <v>47</v>
      </c>
      <c r="EU6" s="373" t="s">
        <v>48</v>
      </c>
      <c r="EV6" s="373" t="s">
        <v>49</v>
      </c>
      <c r="EW6" s="373" t="s">
        <v>50</v>
      </c>
      <c r="EX6" s="373" t="s">
        <v>51</v>
      </c>
      <c r="EY6" s="382" t="s">
        <v>45</v>
      </c>
      <c r="EZ6" s="747"/>
      <c r="FA6" s="372" t="s">
        <v>119</v>
      </c>
      <c r="FB6" s="373" t="s">
        <v>44</v>
      </c>
      <c r="FC6" s="380" t="s">
        <v>45</v>
      </c>
      <c r="FD6" s="381" t="s">
        <v>83</v>
      </c>
      <c r="FE6" s="373" t="s">
        <v>47</v>
      </c>
      <c r="FF6" s="373" t="s">
        <v>48</v>
      </c>
      <c r="FG6" s="373" t="s">
        <v>49</v>
      </c>
      <c r="FH6" s="373" t="s">
        <v>50</v>
      </c>
      <c r="FI6" s="373" t="s">
        <v>51</v>
      </c>
      <c r="FJ6" s="382" t="s">
        <v>45</v>
      </c>
      <c r="FK6" s="747"/>
      <c r="FL6" s="372" t="s">
        <v>119</v>
      </c>
      <c r="FM6" s="373" t="s">
        <v>44</v>
      </c>
      <c r="FN6" s="380" t="s">
        <v>45</v>
      </c>
      <c r="FO6" s="381" t="s">
        <v>83</v>
      </c>
      <c r="FP6" s="373" t="s">
        <v>47</v>
      </c>
      <c r="FQ6" s="373" t="s">
        <v>48</v>
      </c>
      <c r="FR6" s="373" t="s">
        <v>49</v>
      </c>
      <c r="FS6" s="373" t="s">
        <v>50</v>
      </c>
      <c r="FT6" s="373" t="s">
        <v>51</v>
      </c>
      <c r="FU6" s="382" t="s">
        <v>45</v>
      </c>
      <c r="FV6" s="747"/>
      <c r="FW6" s="372" t="s">
        <v>119</v>
      </c>
      <c r="FX6" s="373" t="s">
        <v>44</v>
      </c>
      <c r="FY6" s="380" t="s">
        <v>45</v>
      </c>
      <c r="FZ6" s="381" t="s">
        <v>83</v>
      </c>
      <c r="GA6" s="373" t="s">
        <v>47</v>
      </c>
      <c r="GB6" s="373" t="s">
        <v>48</v>
      </c>
      <c r="GC6" s="373" t="s">
        <v>49</v>
      </c>
      <c r="GD6" s="373" t="s">
        <v>50</v>
      </c>
      <c r="GE6" s="373" t="s">
        <v>51</v>
      </c>
      <c r="GF6" s="382" t="s">
        <v>45</v>
      </c>
      <c r="GG6" s="747"/>
      <c r="GH6" s="372" t="s">
        <v>119</v>
      </c>
      <c r="GI6" s="373" t="s">
        <v>44</v>
      </c>
      <c r="GJ6" s="380" t="s">
        <v>45</v>
      </c>
      <c r="GK6" s="381" t="s">
        <v>83</v>
      </c>
      <c r="GL6" s="373" t="s">
        <v>47</v>
      </c>
      <c r="GM6" s="373" t="s">
        <v>48</v>
      </c>
      <c r="GN6" s="373" t="s">
        <v>49</v>
      </c>
      <c r="GO6" s="373" t="s">
        <v>50</v>
      </c>
      <c r="GP6" s="373" t="s">
        <v>51</v>
      </c>
      <c r="GQ6" s="382" t="s">
        <v>45</v>
      </c>
      <c r="GR6" s="747"/>
      <c r="GS6" s="372" t="s">
        <v>119</v>
      </c>
      <c r="GT6" s="373" t="s">
        <v>44</v>
      </c>
      <c r="GU6" s="380" t="s">
        <v>45</v>
      </c>
      <c r="GV6" s="381" t="s">
        <v>83</v>
      </c>
      <c r="GW6" s="373" t="s">
        <v>47</v>
      </c>
      <c r="GX6" s="373" t="s">
        <v>48</v>
      </c>
      <c r="GY6" s="373" t="s">
        <v>49</v>
      </c>
      <c r="GZ6" s="373" t="s">
        <v>50</v>
      </c>
      <c r="HA6" s="373" t="s">
        <v>51</v>
      </c>
      <c r="HB6" s="382" t="s">
        <v>45</v>
      </c>
      <c r="HC6" s="747"/>
      <c r="HD6" s="372" t="s">
        <v>119</v>
      </c>
      <c r="HE6" s="373" t="s">
        <v>44</v>
      </c>
      <c r="HF6" s="380" t="s">
        <v>45</v>
      </c>
      <c r="HG6" s="381" t="s">
        <v>83</v>
      </c>
      <c r="HH6" s="373" t="s">
        <v>47</v>
      </c>
      <c r="HI6" s="373" t="s">
        <v>48</v>
      </c>
      <c r="HJ6" s="373" t="s">
        <v>49</v>
      </c>
      <c r="HK6" s="373" t="s">
        <v>50</v>
      </c>
      <c r="HL6" s="373" t="s">
        <v>51</v>
      </c>
      <c r="HM6" s="382" t="s">
        <v>45</v>
      </c>
      <c r="HN6" s="747"/>
      <c r="HO6" s="372" t="s">
        <v>119</v>
      </c>
      <c r="HP6" s="373" t="s">
        <v>44</v>
      </c>
      <c r="HQ6" s="380" t="s">
        <v>45</v>
      </c>
      <c r="HR6" s="381" t="s">
        <v>83</v>
      </c>
      <c r="HS6" s="373" t="s">
        <v>47</v>
      </c>
      <c r="HT6" s="373" t="s">
        <v>48</v>
      </c>
      <c r="HU6" s="373" t="s">
        <v>49</v>
      </c>
      <c r="HV6" s="373" t="s">
        <v>50</v>
      </c>
      <c r="HW6" s="373" t="s">
        <v>51</v>
      </c>
      <c r="HX6" s="382" t="s">
        <v>45</v>
      </c>
      <c r="HY6" s="747"/>
    </row>
    <row r="7" spans="2:233" s="491" customFormat="1" ht="16.5" customHeight="1" x14ac:dyDescent="0.2">
      <c r="B7" s="482" t="s">
        <v>4</v>
      </c>
      <c r="C7" s="483">
        <v>31820</v>
      </c>
      <c r="D7" s="484">
        <v>111366</v>
      </c>
      <c r="E7" s="485">
        <v>143186</v>
      </c>
      <c r="F7" s="486">
        <v>0</v>
      </c>
      <c r="G7" s="484">
        <v>19414479</v>
      </c>
      <c r="H7" s="484">
        <v>41651841</v>
      </c>
      <c r="I7" s="484">
        <v>125017926</v>
      </c>
      <c r="J7" s="484">
        <v>163524444</v>
      </c>
      <c r="K7" s="484">
        <v>104493134</v>
      </c>
      <c r="L7" s="487">
        <v>454101824</v>
      </c>
      <c r="M7" s="488">
        <v>454245010</v>
      </c>
      <c r="N7" s="483">
        <v>0</v>
      </c>
      <c r="O7" s="484">
        <v>0</v>
      </c>
      <c r="P7" s="485">
        <v>0</v>
      </c>
      <c r="Q7" s="489"/>
      <c r="R7" s="484">
        <v>4819902</v>
      </c>
      <c r="S7" s="484">
        <v>13668710</v>
      </c>
      <c r="T7" s="484">
        <v>86253861</v>
      </c>
      <c r="U7" s="484">
        <v>118510003</v>
      </c>
      <c r="V7" s="484">
        <v>80106007</v>
      </c>
      <c r="W7" s="487">
        <v>303358483</v>
      </c>
      <c r="X7" s="488">
        <v>303358483</v>
      </c>
      <c r="Y7" s="483">
        <v>0</v>
      </c>
      <c r="Z7" s="484">
        <v>0</v>
      </c>
      <c r="AA7" s="485">
        <v>0</v>
      </c>
      <c r="AB7" s="489"/>
      <c r="AC7" s="484">
        <v>12322071</v>
      </c>
      <c r="AD7" s="484">
        <v>22740014</v>
      </c>
      <c r="AE7" s="484">
        <v>28334825</v>
      </c>
      <c r="AF7" s="484">
        <v>32191061</v>
      </c>
      <c r="AG7" s="484">
        <v>15402735</v>
      </c>
      <c r="AH7" s="487">
        <v>110990706</v>
      </c>
      <c r="AI7" s="488">
        <v>110990706</v>
      </c>
      <c r="AJ7" s="483">
        <v>0</v>
      </c>
      <c r="AK7" s="484">
        <v>0</v>
      </c>
      <c r="AL7" s="485">
        <v>0</v>
      </c>
      <c r="AM7" s="489"/>
      <c r="AN7" s="484">
        <v>0</v>
      </c>
      <c r="AO7" s="484">
        <v>0</v>
      </c>
      <c r="AP7" s="484">
        <v>32550</v>
      </c>
      <c r="AQ7" s="484">
        <v>765200</v>
      </c>
      <c r="AR7" s="484">
        <v>1076838</v>
      </c>
      <c r="AS7" s="487">
        <v>1874588</v>
      </c>
      <c r="AT7" s="488">
        <v>1874588</v>
      </c>
      <c r="AU7" s="483">
        <v>0</v>
      </c>
      <c r="AV7" s="484">
        <v>0</v>
      </c>
      <c r="AW7" s="485">
        <v>0</v>
      </c>
      <c r="AX7" s="489"/>
      <c r="AY7" s="484">
        <v>229245</v>
      </c>
      <c r="AZ7" s="484">
        <v>153665</v>
      </c>
      <c r="BA7" s="484">
        <v>361095</v>
      </c>
      <c r="BB7" s="484">
        <v>2028920</v>
      </c>
      <c r="BC7" s="484">
        <v>2648117</v>
      </c>
      <c r="BD7" s="487">
        <v>5421042</v>
      </c>
      <c r="BE7" s="488">
        <v>5421042</v>
      </c>
      <c r="BF7" s="483">
        <v>0</v>
      </c>
      <c r="BG7" s="484">
        <v>0</v>
      </c>
      <c r="BH7" s="485">
        <v>0</v>
      </c>
      <c r="BI7" s="489"/>
      <c r="BJ7" s="484">
        <v>73160</v>
      </c>
      <c r="BK7" s="484">
        <v>302465</v>
      </c>
      <c r="BL7" s="484">
        <v>1747100</v>
      </c>
      <c r="BM7" s="484">
        <v>1910275</v>
      </c>
      <c r="BN7" s="484">
        <v>1272050</v>
      </c>
      <c r="BO7" s="487">
        <v>5305050</v>
      </c>
      <c r="BP7" s="488">
        <v>5305050</v>
      </c>
      <c r="BQ7" s="483">
        <v>31820</v>
      </c>
      <c r="BR7" s="484">
        <v>109141</v>
      </c>
      <c r="BS7" s="485">
        <v>140961</v>
      </c>
      <c r="BT7" s="486">
        <v>0</v>
      </c>
      <c r="BU7" s="484">
        <v>1875565</v>
      </c>
      <c r="BV7" s="484">
        <v>4530551</v>
      </c>
      <c r="BW7" s="484">
        <v>7935661</v>
      </c>
      <c r="BX7" s="484">
        <v>7804521</v>
      </c>
      <c r="BY7" s="484">
        <v>3687868</v>
      </c>
      <c r="BZ7" s="487">
        <v>25834166</v>
      </c>
      <c r="CA7" s="488">
        <v>25975127</v>
      </c>
      <c r="CB7" s="483">
        <v>0</v>
      </c>
      <c r="CC7" s="484">
        <v>2225</v>
      </c>
      <c r="CD7" s="485">
        <v>2225</v>
      </c>
      <c r="CE7" s="486">
        <v>0</v>
      </c>
      <c r="CF7" s="484">
        <v>92096</v>
      </c>
      <c r="CG7" s="484">
        <v>256436</v>
      </c>
      <c r="CH7" s="484">
        <v>352834</v>
      </c>
      <c r="CI7" s="484">
        <v>314464</v>
      </c>
      <c r="CJ7" s="484">
        <v>299519</v>
      </c>
      <c r="CK7" s="487">
        <v>1315349</v>
      </c>
      <c r="CL7" s="488">
        <v>1317574</v>
      </c>
      <c r="CM7" s="483">
        <v>0</v>
      </c>
      <c r="CN7" s="484">
        <v>0</v>
      </c>
      <c r="CO7" s="485">
        <v>0</v>
      </c>
      <c r="CP7" s="486">
        <v>0</v>
      </c>
      <c r="CQ7" s="484">
        <v>0</v>
      </c>
      <c r="CR7" s="484">
        <v>0</v>
      </c>
      <c r="CS7" s="484">
        <v>0</v>
      </c>
      <c r="CT7" s="484">
        <v>0</v>
      </c>
      <c r="CU7" s="484">
        <v>0</v>
      </c>
      <c r="CV7" s="487">
        <v>0</v>
      </c>
      <c r="CW7" s="488">
        <v>0</v>
      </c>
      <c r="CX7" s="483">
        <v>0</v>
      </c>
      <c r="CY7" s="484">
        <v>0</v>
      </c>
      <c r="CZ7" s="485">
        <v>0</v>
      </c>
      <c r="DA7" s="489"/>
      <c r="DB7" s="484">
        <v>2440</v>
      </c>
      <c r="DC7" s="484">
        <v>0</v>
      </c>
      <c r="DD7" s="484">
        <v>0</v>
      </c>
      <c r="DE7" s="484">
        <v>0</v>
      </c>
      <c r="DF7" s="484">
        <v>0</v>
      </c>
      <c r="DG7" s="487">
        <v>2440</v>
      </c>
      <c r="DH7" s="488">
        <v>2440</v>
      </c>
      <c r="DI7" s="483">
        <v>41649</v>
      </c>
      <c r="DJ7" s="484">
        <v>220002</v>
      </c>
      <c r="DK7" s="485">
        <v>261651</v>
      </c>
      <c r="DL7" s="486">
        <v>0</v>
      </c>
      <c r="DM7" s="484">
        <v>12270970</v>
      </c>
      <c r="DN7" s="484">
        <v>32919931</v>
      </c>
      <c r="DO7" s="484">
        <v>132635116</v>
      </c>
      <c r="DP7" s="484">
        <v>171145518</v>
      </c>
      <c r="DQ7" s="484">
        <v>107950261</v>
      </c>
      <c r="DR7" s="487">
        <v>456921796</v>
      </c>
      <c r="DS7" s="490">
        <v>457183447</v>
      </c>
      <c r="DT7" s="483">
        <v>0</v>
      </c>
      <c r="DU7" s="484">
        <v>0</v>
      </c>
      <c r="DV7" s="485">
        <v>0</v>
      </c>
      <c r="DW7" s="489"/>
      <c r="DX7" s="484">
        <v>6040991</v>
      </c>
      <c r="DY7" s="484">
        <v>19463888</v>
      </c>
      <c r="DZ7" s="484">
        <v>110256707</v>
      </c>
      <c r="EA7" s="484">
        <v>148227106</v>
      </c>
      <c r="EB7" s="484">
        <v>95298745</v>
      </c>
      <c r="EC7" s="487">
        <v>379287437</v>
      </c>
      <c r="ED7" s="488">
        <v>379287437</v>
      </c>
      <c r="EE7" s="483">
        <v>0</v>
      </c>
      <c r="EF7" s="484">
        <v>0</v>
      </c>
      <c r="EG7" s="485">
        <v>0</v>
      </c>
      <c r="EH7" s="489"/>
      <c r="EI7" s="484">
        <v>3022020</v>
      </c>
      <c r="EJ7" s="484">
        <v>6091645</v>
      </c>
      <c r="EK7" s="484">
        <v>6716760</v>
      </c>
      <c r="EL7" s="484">
        <v>7612219</v>
      </c>
      <c r="EM7" s="484">
        <v>4199084</v>
      </c>
      <c r="EN7" s="487">
        <v>27641728</v>
      </c>
      <c r="EO7" s="488">
        <v>27641728</v>
      </c>
      <c r="EP7" s="483">
        <v>0</v>
      </c>
      <c r="EQ7" s="484">
        <v>0</v>
      </c>
      <c r="ER7" s="485">
        <v>0</v>
      </c>
      <c r="ES7" s="489"/>
      <c r="ET7" s="484">
        <v>0</v>
      </c>
      <c r="EU7" s="484">
        <v>0</v>
      </c>
      <c r="EV7" s="484">
        <v>23808</v>
      </c>
      <c r="EW7" s="484">
        <v>89327</v>
      </c>
      <c r="EX7" s="484">
        <v>183384</v>
      </c>
      <c r="EY7" s="487">
        <v>296519</v>
      </c>
      <c r="EZ7" s="488">
        <v>296519</v>
      </c>
      <c r="FA7" s="483">
        <v>0</v>
      </c>
      <c r="FB7" s="484">
        <v>0</v>
      </c>
      <c r="FC7" s="485">
        <v>0</v>
      </c>
      <c r="FD7" s="489"/>
      <c r="FE7" s="484">
        <v>47833</v>
      </c>
      <c r="FF7" s="484">
        <v>47993</v>
      </c>
      <c r="FG7" s="484">
        <v>84630</v>
      </c>
      <c r="FH7" s="484">
        <v>334949</v>
      </c>
      <c r="FI7" s="484">
        <v>455395</v>
      </c>
      <c r="FJ7" s="487">
        <v>970800</v>
      </c>
      <c r="FK7" s="488">
        <v>970800</v>
      </c>
      <c r="FL7" s="483">
        <v>0</v>
      </c>
      <c r="FM7" s="484">
        <v>0</v>
      </c>
      <c r="FN7" s="485">
        <v>0</v>
      </c>
      <c r="FO7" s="489"/>
      <c r="FP7" s="484">
        <v>187798</v>
      </c>
      <c r="FQ7" s="484">
        <v>369841</v>
      </c>
      <c r="FR7" s="484">
        <v>2843125</v>
      </c>
      <c r="FS7" s="484">
        <v>3514149</v>
      </c>
      <c r="FT7" s="484">
        <v>2034533</v>
      </c>
      <c r="FU7" s="487">
        <v>8949446</v>
      </c>
      <c r="FV7" s="488">
        <v>8949446</v>
      </c>
      <c r="FW7" s="483">
        <v>41649</v>
      </c>
      <c r="FX7" s="484">
        <v>218212</v>
      </c>
      <c r="FY7" s="485">
        <v>259861</v>
      </c>
      <c r="FZ7" s="486">
        <v>0</v>
      </c>
      <c r="GA7" s="484">
        <v>2926279</v>
      </c>
      <c r="GB7" s="484">
        <v>6818218</v>
      </c>
      <c r="GC7" s="484">
        <v>12527860</v>
      </c>
      <c r="GD7" s="484">
        <v>11161417</v>
      </c>
      <c r="GE7" s="484">
        <v>5612952</v>
      </c>
      <c r="GF7" s="487">
        <v>39046726</v>
      </c>
      <c r="GG7" s="488">
        <v>39306587</v>
      </c>
      <c r="GH7" s="483">
        <v>0</v>
      </c>
      <c r="GI7" s="484">
        <v>1790</v>
      </c>
      <c r="GJ7" s="485">
        <v>1790</v>
      </c>
      <c r="GK7" s="486">
        <v>0</v>
      </c>
      <c r="GL7" s="484">
        <v>45930</v>
      </c>
      <c r="GM7" s="484">
        <v>128346</v>
      </c>
      <c r="GN7" s="484">
        <v>182226</v>
      </c>
      <c r="GO7" s="484">
        <v>206351</v>
      </c>
      <c r="GP7" s="484">
        <v>166168</v>
      </c>
      <c r="GQ7" s="487">
        <v>729021</v>
      </c>
      <c r="GR7" s="488">
        <v>730811</v>
      </c>
      <c r="GS7" s="483">
        <v>0</v>
      </c>
      <c r="GT7" s="484">
        <v>0</v>
      </c>
      <c r="GU7" s="485">
        <v>0</v>
      </c>
      <c r="GV7" s="486">
        <v>0</v>
      </c>
      <c r="GW7" s="484">
        <v>0</v>
      </c>
      <c r="GX7" s="484">
        <v>0</v>
      </c>
      <c r="GY7" s="484">
        <v>0</v>
      </c>
      <c r="GZ7" s="484">
        <v>0</v>
      </c>
      <c r="HA7" s="484">
        <v>0</v>
      </c>
      <c r="HB7" s="487">
        <v>0</v>
      </c>
      <c r="HC7" s="488">
        <v>0</v>
      </c>
      <c r="HD7" s="483">
        <v>0</v>
      </c>
      <c r="HE7" s="484">
        <v>0</v>
      </c>
      <c r="HF7" s="485">
        <v>0</v>
      </c>
      <c r="HG7" s="489"/>
      <c r="HH7" s="484">
        <v>119</v>
      </c>
      <c r="HI7" s="484">
        <v>0</v>
      </c>
      <c r="HJ7" s="484">
        <v>0</v>
      </c>
      <c r="HK7" s="484">
        <v>0</v>
      </c>
      <c r="HL7" s="484">
        <v>0</v>
      </c>
      <c r="HM7" s="487">
        <v>119</v>
      </c>
      <c r="HN7" s="488">
        <v>119</v>
      </c>
      <c r="HO7" s="483">
        <v>73469</v>
      </c>
      <c r="HP7" s="484">
        <v>331368</v>
      </c>
      <c r="HQ7" s="485">
        <v>404837</v>
      </c>
      <c r="HR7" s="486">
        <v>0</v>
      </c>
      <c r="HS7" s="484">
        <v>31685449</v>
      </c>
      <c r="HT7" s="484">
        <v>74571772</v>
      </c>
      <c r="HU7" s="484">
        <v>257653042</v>
      </c>
      <c r="HV7" s="484">
        <v>334669962</v>
      </c>
      <c r="HW7" s="484">
        <v>212443395</v>
      </c>
      <c r="HX7" s="487">
        <v>911023620</v>
      </c>
      <c r="HY7" s="488">
        <v>911428457</v>
      </c>
    </row>
    <row r="8" spans="2:233" s="491" customFormat="1" ht="16.5" customHeight="1" x14ac:dyDescent="0.2">
      <c r="B8" s="492" t="s">
        <v>5</v>
      </c>
      <c r="C8" s="493">
        <v>17590</v>
      </c>
      <c r="D8" s="494">
        <v>36603</v>
      </c>
      <c r="E8" s="495">
        <v>54193</v>
      </c>
      <c r="F8" s="496">
        <v>0</v>
      </c>
      <c r="G8" s="494">
        <v>7701789</v>
      </c>
      <c r="H8" s="494">
        <v>20952787</v>
      </c>
      <c r="I8" s="494">
        <v>52488315</v>
      </c>
      <c r="J8" s="494">
        <v>67819939</v>
      </c>
      <c r="K8" s="494">
        <v>45447059</v>
      </c>
      <c r="L8" s="497">
        <v>194409889</v>
      </c>
      <c r="M8" s="498">
        <v>194464082</v>
      </c>
      <c r="N8" s="493">
        <v>0</v>
      </c>
      <c r="O8" s="494">
        <v>0</v>
      </c>
      <c r="P8" s="495">
        <v>0</v>
      </c>
      <c r="Q8" s="499"/>
      <c r="R8" s="494">
        <v>2465357</v>
      </c>
      <c r="S8" s="494">
        <v>8684819</v>
      </c>
      <c r="T8" s="494">
        <v>36299793</v>
      </c>
      <c r="U8" s="494">
        <v>50735211</v>
      </c>
      <c r="V8" s="494">
        <v>34816865</v>
      </c>
      <c r="W8" s="497">
        <v>133002045</v>
      </c>
      <c r="X8" s="498">
        <v>133002045</v>
      </c>
      <c r="Y8" s="493">
        <v>0</v>
      </c>
      <c r="Z8" s="494">
        <v>0</v>
      </c>
      <c r="AA8" s="495">
        <v>0</v>
      </c>
      <c r="AB8" s="499"/>
      <c r="AC8" s="494">
        <v>4636650</v>
      </c>
      <c r="AD8" s="494">
        <v>10242790</v>
      </c>
      <c r="AE8" s="494">
        <v>11892921</v>
      </c>
      <c r="AF8" s="494">
        <v>13053590</v>
      </c>
      <c r="AG8" s="494">
        <v>7799001</v>
      </c>
      <c r="AH8" s="497">
        <v>47624952</v>
      </c>
      <c r="AI8" s="498">
        <v>47624952</v>
      </c>
      <c r="AJ8" s="493">
        <v>0</v>
      </c>
      <c r="AK8" s="494">
        <v>0</v>
      </c>
      <c r="AL8" s="495">
        <v>0</v>
      </c>
      <c r="AM8" s="499"/>
      <c r="AN8" s="494">
        <v>0</v>
      </c>
      <c r="AO8" s="494">
        <v>0</v>
      </c>
      <c r="AP8" s="494">
        <v>0</v>
      </c>
      <c r="AQ8" s="494">
        <v>159890</v>
      </c>
      <c r="AR8" s="494">
        <v>325965</v>
      </c>
      <c r="AS8" s="497">
        <v>485855</v>
      </c>
      <c r="AT8" s="498">
        <v>485855</v>
      </c>
      <c r="AU8" s="493">
        <v>0</v>
      </c>
      <c r="AV8" s="494">
        <v>0</v>
      </c>
      <c r="AW8" s="495">
        <v>0</v>
      </c>
      <c r="AX8" s="499"/>
      <c r="AY8" s="494">
        <v>0</v>
      </c>
      <c r="AZ8" s="494">
        <v>70990</v>
      </c>
      <c r="BA8" s="494">
        <v>27280</v>
      </c>
      <c r="BB8" s="494">
        <v>407760</v>
      </c>
      <c r="BC8" s="494">
        <v>596735</v>
      </c>
      <c r="BD8" s="497">
        <v>1102765</v>
      </c>
      <c r="BE8" s="498">
        <v>1102765</v>
      </c>
      <c r="BF8" s="493">
        <v>0</v>
      </c>
      <c r="BG8" s="494">
        <v>0</v>
      </c>
      <c r="BH8" s="495">
        <v>0</v>
      </c>
      <c r="BI8" s="499"/>
      <c r="BJ8" s="494">
        <v>37975</v>
      </c>
      <c r="BK8" s="494">
        <v>84380</v>
      </c>
      <c r="BL8" s="494">
        <v>331975</v>
      </c>
      <c r="BM8" s="494">
        <v>204250</v>
      </c>
      <c r="BN8" s="494">
        <v>155310</v>
      </c>
      <c r="BO8" s="497">
        <v>813890</v>
      </c>
      <c r="BP8" s="498">
        <v>813890</v>
      </c>
      <c r="BQ8" s="493">
        <v>17590</v>
      </c>
      <c r="BR8" s="494">
        <v>34378</v>
      </c>
      <c r="BS8" s="495">
        <v>51968</v>
      </c>
      <c r="BT8" s="496">
        <v>0</v>
      </c>
      <c r="BU8" s="494">
        <v>502831</v>
      </c>
      <c r="BV8" s="494">
        <v>1719212</v>
      </c>
      <c r="BW8" s="494">
        <v>3685967</v>
      </c>
      <c r="BX8" s="494">
        <v>3053110</v>
      </c>
      <c r="BY8" s="494">
        <v>1554156</v>
      </c>
      <c r="BZ8" s="497">
        <v>10515276</v>
      </c>
      <c r="CA8" s="498">
        <v>10567244</v>
      </c>
      <c r="CB8" s="493">
        <v>0</v>
      </c>
      <c r="CC8" s="494">
        <v>2225</v>
      </c>
      <c r="CD8" s="495">
        <v>2225</v>
      </c>
      <c r="CE8" s="496">
        <v>0</v>
      </c>
      <c r="CF8" s="494">
        <v>58976</v>
      </c>
      <c r="CG8" s="494">
        <v>150596</v>
      </c>
      <c r="CH8" s="494">
        <v>250379</v>
      </c>
      <c r="CI8" s="494">
        <v>206128</v>
      </c>
      <c r="CJ8" s="494">
        <v>199027</v>
      </c>
      <c r="CK8" s="497">
        <v>865106</v>
      </c>
      <c r="CL8" s="498">
        <v>867331</v>
      </c>
      <c r="CM8" s="493">
        <v>0</v>
      </c>
      <c r="CN8" s="494">
        <v>0</v>
      </c>
      <c r="CO8" s="495">
        <v>0</v>
      </c>
      <c r="CP8" s="496">
        <v>0</v>
      </c>
      <c r="CQ8" s="494">
        <v>0</v>
      </c>
      <c r="CR8" s="494">
        <v>0</v>
      </c>
      <c r="CS8" s="494">
        <v>0</v>
      </c>
      <c r="CT8" s="494">
        <v>0</v>
      </c>
      <c r="CU8" s="494">
        <v>0</v>
      </c>
      <c r="CV8" s="497">
        <v>0</v>
      </c>
      <c r="CW8" s="498">
        <v>0</v>
      </c>
      <c r="CX8" s="493">
        <v>0</v>
      </c>
      <c r="CY8" s="494">
        <v>0</v>
      </c>
      <c r="CZ8" s="495">
        <v>0</v>
      </c>
      <c r="DA8" s="499"/>
      <c r="DB8" s="494">
        <v>0</v>
      </c>
      <c r="DC8" s="494">
        <v>0</v>
      </c>
      <c r="DD8" s="494">
        <v>0</v>
      </c>
      <c r="DE8" s="494">
        <v>0</v>
      </c>
      <c r="DF8" s="494">
        <v>0</v>
      </c>
      <c r="DG8" s="497">
        <v>0</v>
      </c>
      <c r="DH8" s="498">
        <v>0</v>
      </c>
      <c r="DI8" s="493">
        <v>17684</v>
      </c>
      <c r="DJ8" s="494">
        <v>82979</v>
      </c>
      <c r="DK8" s="495">
        <v>100663</v>
      </c>
      <c r="DL8" s="496">
        <v>0</v>
      </c>
      <c r="DM8" s="494">
        <v>5958402</v>
      </c>
      <c r="DN8" s="494">
        <v>19280654</v>
      </c>
      <c r="DO8" s="494">
        <v>57573634</v>
      </c>
      <c r="DP8" s="494">
        <v>74238075</v>
      </c>
      <c r="DQ8" s="494">
        <v>48669223</v>
      </c>
      <c r="DR8" s="497">
        <v>205719988</v>
      </c>
      <c r="DS8" s="500">
        <v>205820651</v>
      </c>
      <c r="DT8" s="493">
        <v>0</v>
      </c>
      <c r="DU8" s="494">
        <v>0</v>
      </c>
      <c r="DV8" s="495">
        <v>0</v>
      </c>
      <c r="DW8" s="499"/>
      <c r="DX8" s="494">
        <v>3389547</v>
      </c>
      <c r="DY8" s="494">
        <v>12503650</v>
      </c>
      <c r="DZ8" s="494">
        <v>47679615</v>
      </c>
      <c r="EA8" s="494">
        <v>64915631</v>
      </c>
      <c r="EB8" s="494">
        <v>42851802</v>
      </c>
      <c r="EC8" s="497">
        <v>171340245</v>
      </c>
      <c r="ED8" s="498">
        <v>171340245</v>
      </c>
      <c r="EE8" s="493">
        <v>0</v>
      </c>
      <c r="EF8" s="494">
        <v>0</v>
      </c>
      <c r="EG8" s="495">
        <v>0</v>
      </c>
      <c r="EH8" s="499"/>
      <c r="EI8" s="494">
        <v>1532963</v>
      </c>
      <c r="EJ8" s="494">
        <v>3797855</v>
      </c>
      <c r="EK8" s="494">
        <v>3816043</v>
      </c>
      <c r="EL8" s="494">
        <v>4179641</v>
      </c>
      <c r="EM8" s="494">
        <v>2864218</v>
      </c>
      <c r="EN8" s="497">
        <v>16190720</v>
      </c>
      <c r="EO8" s="498">
        <v>16190720</v>
      </c>
      <c r="EP8" s="493">
        <v>0</v>
      </c>
      <c r="EQ8" s="494">
        <v>0</v>
      </c>
      <c r="ER8" s="495">
        <v>0</v>
      </c>
      <c r="ES8" s="499"/>
      <c r="ET8" s="494">
        <v>0</v>
      </c>
      <c r="EU8" s="494">
        <v>0</v>
      </c>
      <c r="EV8" s="494">
        <v>11470</v>
      </c>
      <c r="EW8" s="494">
        <v>14956</v>
      </c>
      <c r="EX8" s="494">
        <v>28036</v>
      </c>
      <c r="EY8" s="497">
        <v>54462</v>
      </c>
      <c r="EZ8" s="498">
        <v>54462</v>
      </c>
      <c r="FA8" s="493">
        <v>0</v>
      </c>
      <c r="FB8" s="494">
        <v>0</v>
      </c>
      <c r="FC8" s="495">
        <v>0</v>
      </c>
      <c r="FD8" s="499"/>
      <c r="FE8" s="494">
        <v>0</v>
      </c>
      <c r="FF8" s="494">
        <v>23374</v>
      </c>
      <c r="FG8" s="494">
        <v>11904</v>
      </c>
      <c r="FH8" s="494">
        <v>64301</v>
      </c>
      <c r="FI8" s="494">
        <v>117994</v>
      </c>
      <c r="FJ8" s="497">
        <v>217573</v>
      </c>
      <c r="FK8" s="498">
        <v>217573</v>
      </c>
      <c r="FL8" s="493">
        <v>0</v>
      </c>
      <c r="FM8" s="494">
        <v>0</v>
      </c>
      <c r="FN8" s="495">
        <v>0</v>
      </c>
      <c r="FO8" s="499"/>
      <c r="FP8" s="494">
        <v>79918</v>
      </c>
      <c r="FQ8" s="494">
        <v>82006</v>
      </c>
      <c r="FR8" s="494">
        <v>473824</v>
      </c>
      <c r="FS8" s="494">
        <v>387880</v>
      </c>
      <c r="FT8" s="494">
        <v>246140</v>
      </c>
      <c r="FU8" s="497">
        <v>1269768</v>
      </c>
      <c r="FV8" s="498">
        <v>1269768</v>
      </c>
      <c r="FW8" s="493">
        <v>17684</v>
      </c>
      <c r="FX8" s="494">
        <v>81189</v>
      </c>
      <c r="FY8" s="495">
        <v>98873</v>
      </c>
      <c r="FZ8" s="496">
        <v>0</v>
      </c>
      <c r="GA8" s="494">
        <v>923473</v>
      </c>
      <c r="GB8" s="494">
        <v>2787855</v>
      </c>
      <c r="GC8" s="494">
        <v>5479710</v>
      </c>
      <c r="GD8" s="494">
        <v>4539955</v>
      </c>
      <c r="GE8" s="494">
        <v>2454359</v>
      </c>
      <c r="GF8" s="497">
        <v>16185352</v>
      </c>
      <c r="GG8" s="498">
        <v>16284225</v>
      </c>
      <c r="GH8" s="493">
        <v>0</v>
      </c>
      <c r="GI8" s="494">
        <v>1790</v>
      </c>
      <c r="GJ8" s="495">
        <v>1790</v>
      </c>
      <c r="GK8" s="496">
        <v>0</v>
      </c>
      <c r="GL8" s="494">
        <v>32501</v>
      </c>
      <c r="GM8" s="494">
        <v>85914</v>
      </c>
      <c r="GN8" s="494">
        <v>101068</v>
      </c>
      <c r="GO8" s="494">
        <v>135711</v>
      </c>
      <c r="GP8" s="494">
        <v>106674</v>
      </c>
      <c r="GQ8" s="497">
        <v>461868</v>
      </c>
      <c r="GR8" s="498">
        <v>463658</v>
      </c>
      <c r="GS8" s="493">
        <v>0</v>
      </c>
      <c r="GT8" s="494">
        <v>0</v>
      </c>
      <c r="GU8" s="495">
        <v>0</v>
      </c>
      <c r="GV8" s="496">
        <v>0</v>
      </c>
      <c r="GW8" s="494">
        <v>0</v>
      </c>
      <c r="GX8" s="494">
        <v>0</v>
      </c>
      <c r="GY8" s="494">
        <v>0</v>
      </c>
      <c r="GZ8" s="494">
        <v>0</v>
      </c>
      <c r="HA8" s="494">
        <v>0</v>
      </c>
      <c r="HB8" s="497">
        <v>0</v>
      </c>
      <c r="HC8" s="498">
        <v>0</v>
      </c>
      <c r="HD8" s="493">
        <v>0</v>
      </c>
      <c r="HE8" s="494">
        <v>0</v>
      </c>
      <c r="HF8" s="495">
        <v>0</v>
      </c>
      <c r="HG8" s="499"/>
      <c r="HH8" s="494">
        <v>0</v>
      </c>
      <c r="HI8" s="494">
        <v>0</v>
      </c>
      <c r="HJ8" s="494">
        <v>0</v>
      </c>
      <c r="HK8" s="494">
        <v>0</v>
      </c>
      <c r="HL8" s="494">
        <v>0</v>
      </c>
      <c r="HM8" s="497">
        <v>0</v>
      </c>
      <c r="HN8" s="498">
        <v>0</v>
      </c>
      <c r="HO8" s="493">
        <v>35274</v>
      </c>
      <c r="HP8" s="494">
        <v>119582</v>
      </c>
      <c r="HQ8" s="495">
        <v>154856</v>
      </c>
      <c r="HR8" s="496">
        <v>0</v>
      </c>
      <c r="HS8" s="494">
        <v>13660191</v>
      </c>
      <c r="HT8" s="494">
        <v>40233441</v>
      </c>
      <c r="HU8" s="494">
        <v>110061949</v>
      </c>
      <c r="HV8" s="494">
        <v>142058014</v>
      </c>
      <c r="HW8" s="494">
        <v>94116282</v>
      </c>
      <c r="HX8" s="497">
        <v>400129877</v>
      </c>
      <c r="HY8" s="498">
        <v>400284733</v>
      </c>
    </row>
    <row r="9" spans="2:233" ht="16.5" customHeight="1" x14ac:dyDescent="0.2">
      <c r="B9" s="293" t="s">
        <v>6</v>
      </c>
      <c r="C9" s="295">
        <v>0</v>
      </c>
      <c r="D9" s="296">
        <v>15000</v>
      </c>
      <c r="E9" s="297">
        <v>15000</v>
      </c>
      <c r="F9" s="298">
        <v>0</v>
      </c>
      <c r="G9" s="296">
        <v>2753155</v>
      </c>
      <c r="H9" s="296">
        <v>4391119</v>
      </c>
      <c r="I9" s="296">
        <v>16908740</v>
      </c>
      <c r="J9" s="296">
        <v>23219876</v>
      </c>
      <c r="K9" s="296">
        <v>14474798</v>
      </c>
      <c r="L9" s="299">
        <v>61747688</v>
      </c>
      <c r="M9" s="300">
        <v>61762688</v>
      </c>
      <c r="N9" s="295">
        <v>0</v>
      </c>
      <c r="O9" s="296">
        <v>0</v>
      </c>
      <c r="P9" s="297">
        <v>0</v>
      </c>
      <c r="Q9" s="301"/>
      <c r="R9" s="296">
        <v>1127570</v>
      </c>
      <c r="S9" s="296">
        <v>1554520</v>
      </c>
      <c r="T9" s="296">
        <v>12104800</v>
      </c>
      <c r="U9" s="296">
        <v>15897439</v>
      </c>
      <c r="V9" s="296">
        <v>10909590</v>
      </c>
      <c r="W9" s="299">
        <v>41593919</v>
      </c>
      <c r="X9" s="300">
        <v>41593919</v>
      </c>
      <c r="Y9" s="295">
        <v>0</v>
      </c>
      <c r="Z9" s="296">
        <v>0</v>
      </c>
      <c r="AA9" s="297">
        <v>0</v>
      </c>
      <c r="AB9" s="301"/>
      <c r="AC9" s="296">
        <v>1379695</v>
      </c>
      <c r="AD9" s="296">
        <v>2290045</v>
      </c>
      <c r="AE9" s="296">
        <v>3613460</v>
      </c>
      <c r="AF9" s="296">
        <v>5010952</v>
      </c>
      <c r="AG9" s="296">
        <v>2078555</v>
      </c>
      <c r="AH9" s="299">
        <v>14372707</v>
      </c>
      <c r="AI9" s="300">
        <v>14372707</v>
      </c>
      <c r="AJ9" s="295">
        <v>0</v>
      </c>
      <c r="AK9" s="296">
        <v>0</v>
      </c>
      <c r="AL9" s="297">
        <v>0</v>
      </c>
      <c r="AM9" s="301"/>
      <c r="AN9" s="296">
        <v>0</v>
      </c>
      <c r="AO9" s="296">
        <v>0</v>
      </c>
      <c r="AP9" s="296">
        <v>29915</v>
      </c>
      <c r="AQ9" s="296">
        <v>336965</v>
      </c>
      <c r="AR9" s="296">
        <v>429665</v>
      </c>
      <c r="AS9" s="299">
        <v>796545</v>
      </c>
      <c r="AT9" s="300">
        <v>796545</v>
      </c>
      <c r="AU9" s="295">
        <v>0</v>
      </c>
      <c r="AV9" s="296">
        <v>0</v>
      </c>
      <c r="AW9" s="297">
        <v>0</v>
      </c>
      <c r="AX9" s="301"/>
      <c r="AY9" s="296">
        <v>0</v>
      </c>
      <c r="AZ9" s="296">
        <v>0</v>
      </c>
      <c r="BA9" s="296">
        <v>32550</v>
      </c>
      <c r="BB9" s="296">
        <v>352040</v>
      </c>
      <c r="BC9" s="296">
        <v>335077</v>
      </c>
      <c r="BD9" s="299">
        <v>719667</v>
      </c>
      <c r="BE9" s="300">
        <v>719667</v>
      </c>
      <c r="BF9" s="295">
        <v>0</v>
      </c>
      <c r="BG9" s="296">
        <v>0</v>
      </c>
      <c r="BH9" s="297">
        <v>0</v>
      </c>
      <c r="BI9" s="301"/>
      <c r="BJ9" s="296">
        <v>29915</v>
      </c>
      <c r="BK9" s="296">
        <v>100905</v>
      </c>
      <c r="BL9" s="296">
        <v>293725</v>
      </c>
      <c r="BM9" s="296">
        <v>459215</v>
      </c>
      <c r="BN9" s="296">
        <v>276430</v>
      </c>
      <c r="BO9" s="299">
        <v>1160190</v>
      </c>
      <c r="BP9" s="300">
        <v>1160190</v>
      </c>
      <c r="BQ9" s="295">
        <v>0</v>
      </c>
      <c r="BR9" s="296">
        <v>15000</v>
      </c>
      <c r="BS9" s="297">
        <v>15000</v>
      </c>
      <c r="BT9" s="298">
        <v>0</v>
      </c>
      <c r="BU9" s="296">
        <v>205855</v>
      </c>
      <c r="BV9" s="296">
        <v>427669</v>
      </c>
      <c r="BW9" s="296">
        <v>789910</v>
      </c>
      <c r="BX9" s="296">
        <v>1112860</v>
      </c>
      <c r="BY9" s="296">
        <v>394616</v>
      </c>
      <c r="BZ9" s="299">
        <v>2930910</v>
      </c>
      <c r="CA9" s="300">
        <v>2945910</v>
      </c>
      <c r="CB9" s="295">
        <v>0</v>
      </c>
      <c r="CC9" s="296">
        <v>0</v>
      </c>
      <c r="CD9" s="297">
        <v>0</v>
      </c>
      <c r="CE9" s="298">
        <v>0</v>
      </c>
      <c r="CF9" s="296">
        <v>10120</v>
      </c>
      <c r="CG9" s="296">
        <v>17980</v>
      </c>
      <c r="CH9" s="296">
        <v>44380</v>
      </c>
      <c r="CI9" s="296">
        <v>50405</v>
      </c>
      <c r="CJ9" s="296">
        <v>50865</v>
      </c>
      <c r="CK9" s="299">
        <v>173750</v>
      </c>
      <c r="CL9" s="300">
        <v>173750</v>
      </c>
      <c r="CM9" s="295">
        <v>0</v>
      </c>
      <c r="CN9" s="296">
        <v>0</v>
      </c>
      <c r="CO9" s="297">
        <v>0</v>
      </c>
      <c r="CP9" s="298">
        <v>0</v>
      </c>
      <c r="CQ9" s="296">
        <v>0</v>
      </c>
      <c r="CR9" s="296">
        <v>0</v>
      </c>
      <c r="CS9" s="296">
        <v>0</v>
      </c>
      <c r="CT9" s="296">
        <v>0</v>
      </c>
      <c r="CU9" s="296">
        <v>0</v>
      </c>
      <c r="CV9" s="299">
        <v>0</v>
      </c>
      <c r="CW9" s="300">
        <v>0</v>
      </c>
      <c r="CX9" s="295">
        <v>0</v>
      </c>
      <c r="CY9" s="296">
        <v>0</v>
      </c>
      <c r="CZ9" s="297">
        <v>0</v>
      </c>
      <c r="DA9" s="301"/>
      <c r="DB9" s="296">
        <v>0</v>
      </c>
      <c r="DC9" s="296">
        <v>0</v>
      </c>
      <c r="DD9" s="296">
        <v>0</v>
      </c>
      <c r="DE9" s="296">
        <v>0</v>
      </c>
      <c r="DF9" s="296">
        <v>0</v>
      </c>
      <c r="DG9" s="299">
        <v>0</v>
      </c>
      <c r="DH9" s="300">
        <v>0</v>
      </c>
      <c r="DI9" s="295">
        <v>0</v>
      </c>
      <c r="DJ9" s="296">
        <v>28137</v>
      </c>
      <c r="DK9" s="297">
        <v>28137</v>
      </c>
      <c r="DL9" s="298">
        <v>0</v>
      </c>
      <c r="DM9" s="296">
        <v>1655240</v>
      </c>
      <c r="DN9" s="296">
        <v>3222840</v>
      </c>
      <c r="DO9" s="296">
        <v>14869958</v>
      </c>
      <c r="DP9" s="296">
        <v>20578986</v>
      </c>
      <c r="DQ9" s="296">
        <v>12761380</v>
      </c>
      <c r="DR9" s="299">
        <v>53088404</v>
      </c>
      <c r="DS9" s="302">
        <v>53116541</v>
      </c>
      <c r="DT9" s="295">
        <v>0</v>
      </c>
      <c r="DU9" s="296">
        <v>0</v>
      </c>
      <c r="DV9" s="297">
        <v>0</v>
      </c>
      <c r="DW9" s="301"/>
      <c r="DX9" s="296">
        <v>946130</v>
      </c>
      <c r="DY9" s="296">
        <v>1878949</v>
      </c>
      <c r="DZ9" s="296">
        <v>12525214</v>
      </c>
      <c r="EA9" s="296">
        <v>16733168</v>
      </c>
      <c r="EB9" s="296">
        <v>11075339</v>
      </c>
      <c r="EC9" s="299">
        <v>43158800</v>
      </c>
      <c r="ED9" s="300">
        <v>43158800</v>
      </c>
      <c r="EE9" s="295">
        <v>0</v>
      </c>
      <c r="EF9" s="296">
        <v>0</v>
      </c>
      <c r="EG9" s="297">
        <v>0</v>
      </c>
      <c r="EH9" s="301"/>
      <c r="EI9" s="296">
        <v>317891</v>
      </c>
      <c r="EJ9" s="296">
        <v>657796</v>
      </c>
      <c r="EK9" s="296">
        <v>743502</v>
      </c>
      <c r="EL9" s="296">
        <v>1299128</v>
      </c>
      <c r="EM9" s="296">
        <v>522019</v>
      </c>
      <c r="EN9" s="299">
        <v>3540336</v>
      </c>
      <c r="EO9" s="300">
        <v>3540336</v>
      </c>
      <c r="EP9" s="295">
        <v>0</v>
      </c>
      <c r="EQ9" s="296">
        <v>0</v>
      </c>
      <c r="ER9" s="297">
        <v>0</v>
      </c>
      <c r="ES9" s="301"/>
      <c r="ET9" s="296">
        <v>0</v>
      </c>
      <c r="EU9" s="296">
        <v>0</v>
      </c>
      <c r="EV9" s="296">
        <v>12121</v>
      </c>
      <c r="EW9" s="296">
        <v>50129</v>
      </c>
      <c r="EX9" s="296">
        <v>85379</v>
      </c>
      <c r="EY9" s="299">
        <v>147629</v>
      </c>
      <c r="EZ9" s="300">
        <v>147629</v>
      </c>
      <c r="FA9" s="295">
        <v>0</v>
      </c>
      <c r="FB9" s="296">
        <v>0</v>
      </c>
      <c r="FC9" s="297">
        <v>0</v>
      </c>
      <c r="FD9" s="301"/>
      <c r="FE9" s="296">
        <v>0</v>
      </c>
      <c r="FF9" s="296">
        <v>0</v>
      </c>
      <c r="FG9" s="296">
        <v>651</v>
      </c>
      <c r="FH9" s="296">
        <v>71858</v>
      </c>
      <c r="FI9" s="296">
        <v>61116</v>
      </c>
      <c r="FJ9" s="299">
        <v>133625</v>
      </c>
      <c r="FK9" s="300">
        <v>133625</v>
      </c>
      <c r="FL9" s="295">
        <v>0</v>
      </c>
      <c r="FM9" s="296">
        <v>0</v>
      </c>
      <c r="FN9" s="297">
        <v>0</v>
      </c>
      <c r="FO9" s="301"/>
      <c r="FP9" s="296">
        <v>64728</v>
      </c>
      <c r="FQ9" s="296">
        <v>100037</v>
      </c>
      <c r="FR9" s="296">
        <v>543926</v>
      </c>
      <c r="FS9" s="296">
        <v>1053209</v>
      </c>
      <c r="FT9" s="296">
        <v>447104</v>
      </c>
      <c r="FU9" s="299">
        <v>2209004</v>
      </c>
      <c r="FV9" s="300">
        <v>2209004</v>
      </c>
      <c r="FW9" s="295">
        <v>0</v>
      </c>
      <c r="FX9" s="296">
        <v>28137</v>
      </c>
      <c r="FY9" s="297">
        <v>28137</v>
      </c>
      <c r="FZ9" s="298">
        <v>0</v>
      </c>
      <c r="GA9" s="296">
        <v>319151</v>
      </c>
      <c r="GB9" s="296">
        <v>566351</v>
      </c>
      <c r="GC9" s="296">
        <v>1002763</v>
      </c>
      <c r="GD9" s="296">
        <v>1334447</v>
      </c>
      <c r="GE9" s="296">
        <v>537458</v>
      </c>
      <c r="GF9" s="299">
        <v>3760170</v>
      </c>
      <c r="GG9" s="300">
        <v>3788307</v>
      </c>
      <c r="GH9" s="295">
        <v>0</v>
      </c>
      <c r="GI9" s="296">
        <v>0</v>
      </c>
      <c r="GJ9" s="297">
        <v>0</v>
      </c>
      <c r="GK9" s="298">
        <v>0</v>
      </c>
      <c r="GL9" s="296">
        <v>7340</v>
      </c>
      <c r="GM9" s="296">
        <v>19707</v>
      </c>
      <c r="GN9" s="296">
        <v>41781</v>
      </c>
      <c r="GO9" s="296">
        <v>37047</v>
      </c>
      <c r="GP9" s="296">
        <v>32965</v>
      </c>
      <c r="GQ9" s="299">
        <v>138840</v>
      </c>
      <c r="GR9" s="300">
        <v>138840</v>
      </c>
      <c r="GS9" s="295">
        <v>0</v>
      </c>
      <c r="GT9" s="296">
        <v>0</v>
      </c>
      <c r="GU9" s="297">
        <v>0</v>
      </c>
      <c r="GV9" s="298">
        <v>0</v>
      </c>
      <c r="GW9" s="296">
        <v>0</v>
      </c>
      <c r="GX9" s="296">
        <v>0</v>
      </c>
      <c r="GY9" s="296">
        <v>0</v>
      </c>
      <c r="GZ9" s="296">
        <v>0</v>
      </c>
      <c r="HA9" s="296">
        <v>0</v>
      </c>
      <c r="HB9" s="299">
        <v>0</v>
      </c>
      <c r="HC9" s="300">
        <v>0</v>
      </c>
      <c r="HD9" s="295">
        <v>0</v>
      </c>
      <c r="HE9" s="296">
        <v>0</v>
      </c>
      <c r="HF9" s="297">
        <v>0</v>
      </c>
      <c r="HG9" s="301"/>
      <c r="HH9" s="296">
        <v>0</v>
      </c>
      <c r="HI9" s="296">
        <v>0</v>
      </c>
      <c r="HJ9" s="296">
        <v>0</v>
      </c>
      <c r="HK9" s="296">
        <v>0</v>
      </c>
      <c r="HL9" s="296">
        <v>0</v>
      </c>
      <c r="HM9" s="299">
        <v>0</v>
      </c>
      <c r="HN9" s="300">
        <v>0</v>
      </c>
      <c r="HO9" s="295">
        <v>0</v>
      </c>
      <c r="HP9" s="296">
        <v>43137</v>
      </c>
      <c r="HQ9" s="297">
        <v>43137</v>
      </c>
      <c r="HR9" s="298">
        <v>0</v>
      </c>
      <c r="HS9" s="296">
        <v>4408395</v>
      </c>
      <c r="HT9" s="296">
        <v>7613959</v>
      </c>
      <c r="HU9" s="296">
        <v>31778698</v>
      </c>
      <c r="HV9" s="296">
        <v>43798862</v>
      </c>
      <c r="HW9" s="296">
        <v>27236178</v>
      </c>
      <c r="HX9" s="299">
        <v>114836092</v>
      </c>
      <c r="HY9" s="300">
        <v>114879229</v>
      </c>
    </row>
    <row r="10" spans="2:233" ht="16.5" customHeight="1" x14ac:dyDescent="0.2">
      <c r="B10" s="293" t="s">
        <v>14</v>
      </c>
      <c r="C10" s="295">
        <v>0</v>
      </c>
      <c r="D10" s="296">
        <v>9365</v>
      </c>
      <c r="E10" s="297">
        <v>9365</v>
      </c>
      <c r="F10" s="298">
        <v>0</v>
      </c>
      <c r="G10" s="296">
        <v>979500</v>
      </c>
      <c r="H10" s="296">
        <v>2364127</v>
      </c>
      <c r="I10" s="296">
        <v>8987541</v>
      </c>
      <c r="J10" s="296">
        <v>13343263</v>
      </c>
      <c r="K10" s="296">
        <v>7646851</v>
      </c>
      <c r="L10" s="299">
        <v>33321282</v>
      </c>
      <c r="M10" s="300">
        <v>33330647</v>
      </c>
      <c r="N10" s="295">
        <v>0</v>
      </c>
      <c r="O10" s="296">
        <v>0</v>
      </c>
      <c r="P10" s="297">
        <v>0</v>
      </c>
      <c r="Q10" s="301"/>
      <c r="R10" s="296">
        <v>195240</v>
      </c>
      <c r="S10" s="296">
        <v>509451</v>
      </c>
      <c r="T10" s="296">
        <v>6644381</v>
      </c>
      <c r="U10" s="296">
        <v>9701799</v>
      </c>
      <c r="V10" s="296">
        <v>5557005</v>
      </c>
      <c r="W10" s="299">
        <v>22607876</v>
      </c>
      <c r="X10" s="300">
        <v>22607876</v>
      </c>
      <c r="Y10" s="295">
        <v>0</v>
      </c>
      <c r="Z10" s="296">
        <v>0</v>
      </c>
      <c r="AA10" s="297">
        <v>0</v>
      </c>
      <c r="AB10" s="301"/>
      <c r="AC10" s="296">
        <v>683235</v>
      </c>
      <c r="AD10" s="296">
        <v>1481456</v>
      </c>
      <c r="AE10" s="296">
        <v>1680884</v>
      </c>
      <c r="AF10" s="296">
        <v>2068113</v>
      </c>
      <c r="AG10" s="296">
        <v>980491</v>
      </c>
      <c r="AH10" s="299">
        <v>6894179</v>
      </c>
      <c r="AI10" s="300">
        <v>6894179</v>
      </c>
      <c r="AJ10" s="295">
        <v>0</v>
      </c>
      <c r="AK10" s="296">
        <v>0</v>
      </c>
      <c r="AL10" s="297">
        <v>0</v>
      </c>
      <c r="AM10" s="301"/>
      <c r="AN10" s="296">
        <v>0</v>
      </c>
      <c r="AO10" s="296">
        <v>0</v>
      </c>
      <c r="AP10" s="296">
        <v>0</v>
      </c>
      <c r="AQ10" s="296">
        <v>179175</v>
      </c>
      <c r="AR10" s="296">
        <v>144150</v>
      </c>
      <c r="AS10" s="299">
        <v>323325</v>
      </c>
      <c r="AT10" s="300">
        <v>323325</v>
      </c>
      <c r="AU10" s="295">
        <v>0</v>
      </c>
      <c r="AV10" s="296">
        <v>0</v>
      </c>
      <c r="AW10" s="297">
        <v>0</v>
      </c>
      <c r="AX10" s="301"/>
      <c r="AY10" s="296">
        <v>0</v>
      </c>
      <c r="AZ10" s="296">
        <v>0</v>
      </c>
      <c r="BA10" s="296">
        <v>49290</v>
      </c>
      <c r="BB10" s="296">
        <v>571080</v>
      </c>
      <c r="BC10" s="296">
        <v>513135</v>
      </c>
      <c r="BD10" s="299">
        <v>1133505</v>
      </c>
      <c r="BE10" s="300">
        <v>1133505</v>
      </c>
      <c r="BF10" s="295">
        <v>0</v>
      </c>
      <c r="BG10" s="296">
        <v>0</v>
      </c>
      <c r="BH10" s="297">
        <v>0</v>
      </c>
      <c r="BI10" s="301"/>
      <c r="BJ10" s="296">
        <v>0</v>
      </c>
      <c r="BK10" s="296">
        <v>24645</v>
      </c>
      <c r="BL10" s="296">
        <v>51150</v>
      </c>
      <c r="BM10" s="296">
        <v>125170</v>
      </c>
      <c r="BN10" s="296">
        <v>59985</v>
      </c>
      <c r="BO10" s="299">
        <v>260950</v>
      </c>
      <c r="BP10" s="300">
        <v>260950</v>
      </c>
      <c r="BQ10" s="295">
        <v>0</v>
      </c>
      <c r="BR10" s="296">
        <v>9365</v>
      </c>
      <c r="BS10" s="297">
        <v>9365</v>
      </c>
      <c r="BT10" s="298">
        <v>0</v>
      </c>
      <c r="BU10" s="296">
        <v>101025</v>
      </c>
      <c r="BV10" s="296">
        <v>335771</v>
      </c>
      <c r="BW10" s="296">
        <v>559951</v>
      </c>
      <c r="BX10" s="296">
        <v>697173</v>
      </c>
      <c r="BY10" s="296">
        <v>390897</v>
      </c>
      <c r="BZ10" s="299">
        <v>2084817</v>
      </c>
      <c r="CA10" s="300">
        <v>2094182</v>
      </c>
      <c r="CB10" s="295">
        <v>0</v>
      </c>
      <c r="CC10" s="296">
        <v>0</v>
      </c>
      <c r="CD10" s="297">
        <v>0</v>
      </c>
      <c r="CE10" s="298">
        <v>0</v>
      </c>
      <c r="CF10" s="296">
        <v>0</v>
      </c>
      <c r="CG10" s="296">
        <v>12804</v>
      </c>
      <c r="CH10" s="296">
        <v>1885</v>
      </c>
      <c r="CI10" s="296">
        <v>753</v>
      </c>
      <c r="CJ10" s="296">
        <v>1188</v>
      </c>
      <c r="CK10" s="299">
        <v>16630</v>
      </c>
      <c r="CL10" s="300">
        <v>16630</v>
      </c>
      <c r="CM10" s="295">
        <v>0</v>
      </c>
      <c r="CN10" s="296">
        <v>0</v>
      </c>
      <c r="CO10" s="297">
        <v>0</v>
      </c>
      <c r="CP10" s="298">
        <v>0</v>
      </c>
      <c r="CQ10" s="296">
        <v>0</v>
      </c>
      <c r="CR10" s="296">
        <v>0</v>
      </c>
      <c r="CS10" s="296">
        <v>0</v>
      </c>
      <c r="CT10" s="296">
        <v>0</v>
      </c>
      <c r="CU10" s="296">
        <v>0</v>
      </c>
      <c r="CV10" s="299">
        <v>0</v>
      </c>
      <c r="CW10" s="300">
        <v>0</v>
      </c>
      <c r="CX10" s="295">
        <v>0</v>
      </c>
      <c r="CY10" s="296">
        <v>0</v>
      </c>
      <c r="CZ10" s="297">
        <v>0</v>
      </c>
      <c r="DA10" s="301"/>
      <c r="DB10" s="296">
        <v>0</v>
      </c>
      <c r="DC10" s="296">
        <v>0</v>
      </c>
      <c r="DD10" s="296">
        <v>0</v>
      </c>
      <c r="DE10" s="296">
        <v>0</v>
      </c>
      <c r="DF10" s="296">
        <v>0</v>
      </c>
      <c r="DG10" s="299">
        <v>0</v>
      </c>
      <c r="DH10" s="300">
        <v>0</v>
      </c>
      <c r="DI10" s="295">
        <v>0</v>
      </c>
      <c r="DJ10" s="296">
        <v>23438</v>
      </c>
      <c r="DK10" s="297">
        <v>23438</v>
      </c>
      <c r="DL10" s="298">
        <v>0</v>
      </c>
      <c r="DM10" s="296">
        <v>438533</v>
      </c>
      <c r="DN10" s="296">
        <v>1531419</v>
      </c>
      <c r="DO10" s="296">
        <v>10763672</v>
      </c>
      <c r="DP10" s="296">
        <v>14399903</v>
      </c>
      <c r="DQ10" s="296">
        <v>7930900</v>
      </c>
      <c r="DR10" s="299">
        <v>35064427</v>
      </c>
      <c r="DS10" s="302">
        <v>35087865</v>
      </c>
      <c r="DT10" s="295">
        <v>0</v>
      </c>
      <c r="DU10" s="296">
        <v>0</v>
      </c>
      <c r="DV10" s="297">
        <v>0</v>
      </c>
      <c r="DW10" s="301"/>
      <c r="DX10" s="296">
        <v>216397</v>
      </c>
      <c r="DY10" s="296">
        <v>771331</v>
      </c>
      <c r="DZ10" s="296">
        <v>9233598</v>
      </c>
      <c r="EA10" s="296">
        <v>12717324</v>
      </c>
      <c r="EB10" s="296">
        <v>7088793</v>
      </c>
      <c r="EC10" s="299">
        <v>30027443</v>
      </c>
      <c r="ED10" s="300">
        <v>30027443</v>
      </c>
      <c r="EE10" s="295">
        <v>0</v>
      </c>
      <c r="EF10" s="296">
        <v>0</v>
      </c>
      <c r="EG10" s="297">
        <v>0</v>
      </c>
      <c r="EH10" s="301"/>
      <c r="EI10" s="296">
        <v>50165</v>
      </c>
      <c r="EJ10" s="296">
        <v>220253</v>
      </c>
      <c r="EK10" s="296">
        <v>258897</v>
      </c>
      <c r="EL10" s="296">
        <v>316706</v>
      </c>
      <c r="EM10" s="296">
        <v>68621</v>
      </c>
      <c r="EN10" s="299">
        <v>914642</v>
      </c>
      <c r="EO10" s="300">
        <v>914642</v>
      </c>
      <c r="EP10" s="295">
        <v>0</v>
      </c>
      <c r="EQ10" s="296">
        <v>0</v>
      </c>
      <c r="ER10" s="297">
        <v>0</v>
      </c>
      <c r="ES10" s="301"/>
      <c r="ET10" s="296">
        <v>0</v>
      </c>
      <c r="EU10" s="296">
        <v>0</v>
      </c>
      <c r="EV10" s="296">
        <v>0</v>
      </c>
      <c r="EW10" s="296">
        <v>23157</v>
      </c>
      <c r="EX10" s="296">
        <v>23423</v>
      </c>
      <c r="EY10" s="299">
        <v>46580</v>
      </c>
      <c r="EZ10" s="300">
        <v>46580</v>
      </c>
      <c r="FA10" s="295">
        <v>0</v>
      </c>
      <c r="FB10" s="296">
        <v>0</v>
      </c>
      <c r="FC10" s="297">
        <v>0</v>
      </c>
      <c r="FD10" s="301"/>
      <c r="FE10" s="296">
        <v>0</v>
      </c>
      <c r="FF10" s="296">
        <v>0</v>
      </c>
      <c r="FG10" s="296">
        <v>434</v>
      </c>
      <c r="FH10" s="296">
        <v>86114</v>
      </c>
      <c r="FI10" s="296">
        <v>130051</v>
      </c>
      <c r="FJ10" s="299">
        <v>216599</v>
      </c>
      <c r="FK10" s="300">
        <v>216599</v>
      </c>
      <c r="FL10" s="295">
        <v>0</v>
      </c>
      <c r="FM10" s="296">
        <v>0</v>
      </c>
      <c r="FN10" s="297">
        <v>0</v>
      </c>
      <c r="FO10" s="301"/>
      <c r="FP10" s="296">
        <v>0</v>
      </c>
      <c r="FQ10" s="296">
        <v>21576</v>
      </c>
      <c r="FR10" s="296">
        <v>181257</v>
      </c>
      <c r="FS10" s="296">
        <v>247881</v>
      </c>
      <c r="FT10" s="296">
        <v>79918</v>
      </c>
      <c r="FU10" s="299">
        <v>530632</v>
      </c>
      <c r="FV10" s="300">
        <v>530632</v>
      </c>
      <c r="FW10" s="295">
        <v>0</v>
      </c>
      <c r="FX10" s="296">
        <v>23438</v>
      </c>
      <c r="FY10" s="297">
        <v>23438</v>
      </c>
      <c r="FZ10" s="298">
        <v>0</v>
      </c>
      <c r="GA10" s="296">
        <v>171971</v>
      </c>
      <c r="GB10" s="296">
        <v>518098</v>
      </c>
      <c r="GC10" s="296">
        <v>1086587</v>
      </c>
      <c r="GD10" s="296">
        <v>1008658</v>
      </c>
      <c r="GE10" s="296">
        <v>540024</v>
      </c>
      <c r="GF10" s="299">
        <v>3325338</v>
      </c>
      <c r="GG10" s="300">
        <v>3348776</v>
      </c>
      <c r="GH10" s="295">
        <v>0</v>
      </c>
      <c r="GI10" s="296">
        <v>0</v>
      </c>
      <c r="GJ10" s="297">
        <v>0</v>
      </c>
      <c r="GK10" s="298">
        <v>0</v>
      </c>
      <c r="GL10" s="296">
        <v>0</v>
      </c>
      <c r="GM10" s="296">
        <v>161</v>
      </c>
      <c r="GN10" s="296">
        <v>2899</v>
      </c>
      <c r="GO10" s="296">
        <v>63</v>
      </c>
      <c r="GP10" s="296">
        <v>70</v>
      </c>
      <c r="GQ10" s="299">
        <v>3193</v>
      </c>
      <c r="GR10" s="300">
        <v>3193</v>
      </c>
      <c r="GS10" s="295">
        <v>0</v>
      </c>
      <c r="GT10" s="296">
        <v>0</v>
      </c>
      <c r="GU10" s="297">
        <v>0</v>
      </c>
      <c r="GV10" s="298">
        <v>0</v>
      </c>
      <c r="GW10" s="296">
        <v>0</v>
      </c>
      <c r="GX10" s="296">
        <v>0</v>
      </c>
      <c r="GY10" s="296">
        <v>0</v>
      </c>
      <c r="GZ10" s="296">
        <v>0</v>
      </c>
      <c r="HA10" s="296">
        <v>0</v>
      </c>
      <c r="HB10" s="299">
        <v>0</v>
      </c>
      <c r="HC10" s="300">
        <v>0</v>
      </c>
      <c r="HD10" s="295">
        <v>0</v>
      </c>
      <c r="HE10" s="296">
        <v>0</v>
      </c>
      <c r="HF10" s="297">
        <v>0</v>
      </c>
      <c r="HG10" s="301"/>
      <c r="HH10" s="296">
        <v>0</v>
      </c>
      <c r="HI10" s="296">
        <v>0</v>
      </c>
      <c r="HJ10" s="296">
        <v>0</v>
      </c>
      <c r="HK10" s="296">
        <v>0</v>
      </c>
      <c r="HL10" s="296">
        <v>0</v>
      </c>
      <c r="HM10" s="299">
        <v>0</v>
      </c>
      <c r="HN10" s="300">
        <v>0</v>
      </c>
      <c r="HO10" s="295">
        <v>0</v>
      </c>
      <c r="HP10" s="296">
        <v>32803</v>
      </c>
      <c r="HQ10" s="297">
        <v>32803</v>
      </c>
      <c r="HR10" s="298">
        <v>0</v>
      </c>
      <c r="HS10" s="296">
        <v>1418033</v>
      </c>
      <c r="HT10" s="296">
        <v>3895546</v>
      </c>
      <c r="HU10" s="296">
        <v>19751213</v>
      </c>
      <c r="HV10" s="296">
        <v>27743166</v>
      </c>
      <c r="HW10" s="296">
        <v>15577751</v>
      </c>
      <c r="HX10" s="299">
        <v>68385709</v>
      </c>
      <c r="HY10" s="300">
        <v>68418512</v>
      </c>
    </row>
    <row r="11" spans="2:233" ht="16.5" customHeight="1" x14ac:dyDescent="0.2">
      <c r="B11" s="293" t="s">
        <v>7</v>
      </c>
      <c r="C11" s="295">
        <v>435</v>
      </c>
      <c r="D11" s="296">
        <v>1215</v>
      </c>
      <c r="E11" s="297">
        <v>1650</v>
      </c>
      <c r="F11" s="298">
        <v>0</v>
      </c>
      <c r="G11" s="296">
        <v>1840606</v>
      </c>
      <c r="H11" s="296">
        <v>2024572</v>
      </c>
      <c r="I11" s="296">
        <v>6879169</v>
      </c>
      <c r="J11" s="296">
        <v>10087861</v>
      </c>
      <c r="K11" s="296">
        <v>4935580</v>
      </c>
      <c r="L11" s="299">
        <v>25767788</v>
      </c>
      <c r="M11" s="300">
        <v>25769438</v>
      </c>
      <c r="N11" s="295">
        <v>0</v>
      </c>
      <c r="O11" s="296">
        <v>0</v>
      </c>
      <c r="P11" s="297">
        <v>0</v>
      </c>
      <c r="Q11" s="301"/>
      <c r="R11" s="296">
        <v>211130</v>
      </c>
      <c r="S11" s="296">
        <v>474800</v>
      </c>
      <c r="T11" s="296">
        <v>4837605</v>
      </c>
      <c r="U11" s="296">
        <v>7866762</v>
      </c>
      <c r="V11" s="296">
        <v>4360822</v>
      </c>
      <c r="W11" s="299">
        <v>17751119</v>
      </c>
      <c r="X11" s="300">
        <v>17751119</v>
      </c>
      <c r="Y11" s="295">
        <v>0</v>
      </c>
      <c r="Z11" s="296">
        <v>0</v>
      </c>
      <c r="AA11" s="297">
        <v>0</v>
      </c>
      <c r="AB11" s="301"/>
      <c r="AC11" s="296">
        <v>1415741</v>
      </c>
      <c r="AD11" s="296">
        <v>1217299</v>
      </c>
      <c r="AE11" s="296">
        <v>1694220</v>
      </c>
      <c r="AF11" s="296">
        <v>1937491</v>
      </c>
      <c r="AG11" s="296">
        <v>415980</v>
      </c>
      <c r="AH11" s="299">
        <v>6680731</v>
      </c>
      <c r="AI11" s="300">
        <v>6680731</v>
      </c>
      <c r="AJ11" s="295">
        <v>0</v>
      </c>
      <c r="AK11" s="296">
        <v>0</v>
      </c>
      <c r="AL11" s="297">
        <v>0</v>
      </c>
      <c r="AM11" s="301"/>
      <c r="AN11" s="296">
        <v>0</v>
      </c>
      <c r="AO11" s="296">
        <v>0</v>
      </c>
      <c r="AP11" s="296">
        <v>0</v>
      </c>
      <c r="AQ11" s="296">
        <v>15855</v>
      </c>
      <c r="AR11" s="296">
        <v>8353</v>
      </c>
      <c r="AS11" s="299">
        <v>24208</v>
      </c>
      <c r="AT11" s="300">
        <v>24208</v>
      </c>
      <c r="AU11" s="295">
        <v>0</v>
      </c>
      <c r="AV11" s="296">
        <v>0</v>
      </c>
      <c r="AW11" s="297">
        <v>0</v>
      </c>
      <c r="AX11" s="301"/>
      <c r="AY11" s="296">
        <v>0</v>
      </c>
      <c r="AZ11" s="296">
        <v>0</v>
      </c>
      <c r="BA11" s="296">
        <v>0</v>
      </c>
      <c r="BB11" s="296">
        <v>32705</v>
      </c>
      <c r="BC11" s="296">
        <v>795</v>
      </c>
      <c r="BD11" s="299">
        <v>33500</v>
      </c>
      <c r="BE11" s="300">
        <v>33500</v>
      </c>
      <c r="BF11" s="295">
        <v>0</v>
      </c>
      <c r="BG11" s="296">
        <v>0</v>
      </c>
      <c r="BH11" s="297">
        <v>0</v>
      </c>
      <c r="BI11" s="301"/>
      <c r="BJ11" s="296">
        <v>0</v>
      </c>
      <c r="BK11" s="296">
        <v>0</v>
      </c>
      <c r="BL11" s="296">
        <v>0</v>
      </c>
      <c r="BM11" s="296">
        <v>0</v>
      </c>
      <c r="BN11" s="296">
        <v>0</v>
      </c>
      <c r="BO11" s="299">
        <v>0</v>
      </c>
      <c r="BP11" s="300">
        <v>0</v>
      </c>
      <c r="BQ11" s="295">
        <v>435</v>
      </c>
      <c r="BR11" s="296">
        <v>1215</v>
      </c>
      <c r="BS11" s="297">
        <v>1650</v>
      </c>
      <c r="BT11" s="298">
        <v>0</v>
      </c>
      <c r="BU11" s="296">
        <v>213735</v>
      </c>
      <c r="BV11" s="296">
        <v>326583</v>
      </c>
      <c r="BW11" s="296">
        <v>333039</v>
      </c>
      <c r="BX11" s="296">
        <v>221528</v>
      </c>
      <c r="BY11" s="296">
        <v>145715</v>
      </c>
      <c r="BZ11" s="299">
        <v>1240600</v>
      </c>
      <c r="CA11" s="300">
        <v>1242250</v>
      </c>
      <c r="CB11" s="295">
        <v>0</v>
      </c>
      <c r="CC11" s="296">
        <v>0</v>
      </c>
      <c r="CD11" s="297">
        <v>0</v>
      </c>
      <c r="CE11" s="298">
        <v>0</v>
      </c>
      <c r="CF11" s="296">
        <v>0</v>
      </c>
      <c r="CG11" s="296">
        <v>5890</v>
      </c>
      <c r="CH11" s="296">
        <v>14305</v>
      </c>
      <c r="CI11" s="296">
        <v>13520</v>
      </c>
      <c r="CJ11" s="296">
        <v>3915</v>
      </c>
      <c r="CK11" s="299">
        <v>37630</v>
      </c>
      <c r="CL11" s="300">
        <v>37630</v>
      </c>
      <c r="CM11" s="295">
        <v>0</v>
      </c>
      <c r="CN11" s="296">
        <v>0</v>
      </c>
      <c r="CO11" s="297">
        <v>0</v>
      </c>
      <c r="CP11" s="298">
        <v>0</v>
      </c>
      <c r="CQ11" s="296">
        <v>0</v>
      </c>
      <c r="CR11" s="296">
        <v>0</v>
      </c>
      <c r="CS11" s="296">
        <v>0</v>
      </c>
      <c r="CT11" s="296">
        <v>0</v>
      </c>
      <c r="CU11" s="296">
        <v>0</v>
      </c>
      <c r="CV11" s="299">
        <v>0</v>
      </c>
      <c r="CW11" s="300">
        <v>0</v>
      </c>
      <c r="CX11" s="295">
        <v>0</v>
      </c>
      <c r="CY11" s="296">
        <v>0</v>
      </c>
      <c r="CZ11" s="297">
        <v>0</v>
      </c>
      <c r="DA11" s="301"/>
      <c r="DB11" s="296">
        <v>0</v>
      </c>
      <c r="DC11" s="296">
        <v>0</v>
      </c>
      <c r="DD11" s="296">
        <v>0</v>
      </c>
      <c r="DE11" s="296">
        <v>0</v>
      </c>
      <c r="DF11" s="296">
        <v>0</v>
      </c>
      <c r="DG11" s="299">
        <v>0</v>
      </c>
      <c r="DH11" s="300">
        <v>0</v>
      </c>
      <c r="DI11" s="295">
        <v>3480</v>
      </c>
      <c r="DJ11" s="296">
        <v>3510</v>
      </c>
      <c r="DK11" s="297">
        <v>6990</v>
      </c>
      <c r="DL11" s="298">
        <v>0</v>
      </c>
      <c r="DM11" s="296">
        <v>788725</v>
      </c>
      <c r="DN11" s="296">
        <v>1163422</v>
      </c>
      <c r="DO11" s="296">
        <v>7117403</v>
      </c>
      <c r="DP11" s="296">
        <v>9750968</v>
      </c>
      <c r="DQ11" s="296">
        <v>5365886</v>
      </c>
      <c r="DR11" s="299">
        <v>24186404</v>
      </c>
      <c r="DS11" s="302">
        <v>24193394</v>
      </c>
      <c r="DT11" s="295">
        <v>0</v>
      </c>
      <c r="DU11" s="296">
        <v>0</v>
      </c>
      <c r="DV11" s="297">
        <v>0</v>
      </c>
      <c r="DW11" s="301"/>
      <c r="DX11" s="296">
        <v>254776</v>
      </c>
      <c r="DY11" s="296">
        <v>552689</v>
      </c>
      <c r="DZ11" s="296">
        <v>6192294</v>
      </c>
      <c r="EA11" s="296">
        <v>9204924</v>
      </c>
      <c r="EB11" s="296">
        <v>5040078</v>
      </c>
      <c r="EC11" s="299">
        <v>21244761</v>
      </c>
      <c r="ED11" s="300">
        <v>21244761</v>
      </c>
      <c r="EE11" s="295">
        <v>0</v>
      </c>
      <c r="EF11" s="296">
        <v>0</v>
      </c>
      <c r="EG11" s="297">
        <v>0</v>
      </c>
      <c r="EH11" s="301"/>
      <c r="EI11" s="296">
        <v>255614</v>
      </c>
      <c r="EJ11" s="296">
        <v>141391</v>
      </c>
      <c r="EK11" s="296">
        <v>323701</v>
      </c>
      <c r="EL11" s="296">
        <v>235890</v>
      </c>
      <c r="EM11" s="296">
        <v>96047</v>
      </c>
      <c r="EN11" s="299">
        <v>1052643</v>
      </c>
      <c r="EO11" s="300">
        <v>1052643</v>
      </c>
      <c r="EP11" s="295">
        <v>0</v>
      </c>
      <c r="EQ11" s="296">
        <v>0</v>
      </c>
      <c r="ER11" s="297">
        <v>0</v>
      </c>
      <c r="ES11" s="301"/>
      <c r="ET11" s="296">
        <v>0</v>
      </c>
      <c r="EU11" s="296">
        <v>0</v>
      </c>
      <c r="EV11" s="296">
        <v>0</v>
      </c>
      <c r="EW11" s="296">
        <v>217</v>
      </c>
      <c r="EX11" s="296">
        <v>749</v>
      </c>
      <c r="EY11" s="299">
        <v>966</v>
      </c>
      <c r="EZ11" s="300">
        <v>966</v>
      </c>
      <c r="FA11" s="295">
        <v>0</v>
      </c>
      <c r="FB11" s="296">
        <v>0</v>
      </c>
      <c r="FC11" s="297">
        <v>0</v>
      </c>
      <c r="FD11" s="301"/>
      <c r="FE11" s="296">
        <v>0</v>
      </c>
      <c r="FF11" s="296">
        <v>0</v>
      </c>
      <c r="FG11" s="296">
        <v>0</v>
      </c>
      <c r="FH11" s="296">
        <v>217</v>
      </c>
      <c r="FI11" s="296">
        <v>42</v>
      </c>
      <c r="FJ11" s="299">
        <v>259</v>
      </c>
      <c r="FK11" s="300">
        <v>259</v>
      </c>
      <c r="FL11" s="295">
        <v>0</v>
      </c>
      <c r="FM11" s="296">
        <v>0</v>
      </c>
      <c r="FN11" s="297">
        <v>0</v>
      </c>
      <c r="FO11" s="301"/>
      <c r="FP11" s="296">
        <v>0</v>
      </c>
      <c r="FQ11" s="296">
        <v>0</v>
      </c>
      <c r="FR11" s="296">
        <v>0</v>
      </c>
      <c r="FS11" s="296">
        <v>0</v>
      </c>
      <c r="FT11" s="296">
        <v>0</v>
      </c>
      <c r="FU11" s="299">
        <v>0</v>
      </c>
      <c r="FV11" s="300">
        <v>0</v>
      </c>
      <c r="FW11" s="295">
        <v>3480</v>
      </c>
      <c r="FX11" s="296">
        <v>3510</v>
      </c>
      <c r="FY11" s="297">
        <v>6990</v>
      </c>
      <c r="FZ11" s="298">
        <v>0</v>
      </c>
      <c r="GA11" s="296">
        <v>278335</v>
      </c>
      <c r="GB11" s="296">
        <v>468161</v>
      </c>
      <c r="GC11" s="296">
        <v>595547</v>
      </c>
      <c r="GD11" s="296">
        <v>306138</v>
      </c>
      <c r="GE11" s="296">
        <v>223867</v>
      </c>
      <c r="GF11" s="299">
        <v>1872048</v>
      </c>
      <c r="GG11" s="300">
        <v>1879038</v>
      </c>
      <c r="GH11" s="295">
        <v>0</v>
      </c>
      <c r="GI11" s="296">
        <v>0</v>
      </c>
      <c r="GJ11" s="297">
        <v>0</v>
      </c>
      <c r="GK11" s="298">
        <v>0</v>
      </c>
      <c r="GL11" s="296">
        <v>0</v>
      </c>
      <c r="GM11" s="296">
        <v>1181</v>
      </c>
      <c r="GN11" s="296">
        <v>5861</v>
      </c>
      <c r="GO11" s="296">
        <v>3582</v>
      </c>
      <c r="GP11" s="296">
        <v>5103</v>
      </c>
      <c r="GQ11" s="299">
        <v>15727</v>
      </c>
      <c r="GR11" s="300">
        <v>15727</v>
      </c>
      <c r="GS11" s="295">
        <v>0</v>
      </c>
      <c r="GT11" s="296">
        <v>0</v>
      </c>
      <c r="GU11" s="297">
        <v>0</v>
      </c>
      <c r="GV11" s="298">
        <v>0</v>
      </c>
      <c r="GW11" s="296">
        <v>0</v>
      </c>
      <c r="GX11" s="296">
        <v>0</v>
      </c>
      <c r="GY11" s="296">
        <v>0</v>
      </c>
      <c r="GZ11" s="296">
        <v>0</v>
      </c>
      <c r="HA11" s="296">
        <v>0</v>
      </c>
      <c r="HB11" s="299">
        <v>0</v>
      </c>
      <c r="HC11" s="300">
        <v>0</v>
      </c>
      <c r="HD11" s="295">
        <v>0</v>
      </c>
      <c r="HE11" s="296">
        <v>0</v>
      </c>
      <c r="HF11" s="297">
        <v>0</v>
      </c>
      <c r="HG11" s="301"/>
      <c r="HH11" s="296">
        <v>0</v>
      </c>
      <c r="HI11" s="296">
        <v>0</v>
      </c>
      <c r="HJ11" s="296">
        <v>0</v>
      </c>
      <c r="HK11" s="296">
        <v>0</v>
      </c>
      <c r="HL11" s="296">
        <v>0</v>
      </c>
      <c r="HM11" s="299">
        <v>0</v>
      </c>
      <c r="HN11" s="300">
        <v>0</v>
      </c>
      <c r="HO11" s="295">
        <v>3915</v>
      </c>
      <c r="HP11" s="296">
        <v>4725</v>
      </c>
      <c r="HQ11" s="297">
        <v>8640</v>
      </c>
      <c r="HR11" s="298">
        <v>0</v>
      </c>
      <c r="HS11" s="296">
        <v>2629331</v>
      </c>
      <c r="HT11" s="296">
        <v>3187994</v>
      </c>
      <c r="HU11" s="296">
        <v>13996572</v>
      </c>
      <c r="HV11" s="296">
        <v>19838829</v>
      </c>
      <c r="HW11" s="296">
        <v>10301466</v>
      </c>
      <c r="HX11" s="299">
        <v>49954192</v>
      </c>
      <c r="HY11" s="300">
        <v>49962832</v>
      </c>
    </row>
    <row r="12" spans="2:233" ht="16.5" customHeight="1" x14ac:dyDescent="0.2">
      <c r="B12" s="293" t="s">
        <v>8</v>
      </c>
      <c r="C12" s="295">
        <v>0</v>
      </c>
      <c r="D12" s="296">
        <v>6482</v>
      </c>
      <c r="E12" s="297">
        <v>6482</v>
      </c>
      <c r="F12" s="298">
        <v>0</v>
      </c>
      <c r="G12" s="296">
        <v>724999</v>
      </c>
      <c r="H12" s="296">
        <v>1522234</v>
      </c>
      <c r="I12" s="296">
        <v>5407255</v>
      </c>
      <c r="J12" s="296">
        <v>4448628</v>
      </c>
      <c r="K12" s="296">
        <v>2580831</v>
      </c>
      <c r="L12" s="299">
        <v>14683947</v>
      </c>
      <c r="M12" s="300">
        <v>14690429</v>
      </c>
      <c r="N12" s="295">
        <v>0</v>
      </c>
      <c r="O12" s="296">
        <v>0</v>
      </c>
      <c r="P12" s="297">
        <v>0</v>
      </c>
      <c r="Q12" s="301"/>
      <c r="R12" s="296">
        <v>268460</v>
      </c>
      <c r="S12" s="296">
        <v>380135</v>
      </c>
      <c r="T12" s="296">
        <v>3771221</v>
      </c>
      <c r="U12" s="296">
        <v>3245865</v>
      </c>
      <c r="V12" s="296">
        <v>1839980</v>
      </c>
      <c r="W12" s="299">
        <v>9505661</v>
      </c>
      <c r="X12" s="300">
        <v>9505661</v>
      </c>
      <c r="Y12" s="295">
        <v>0</v>
      </c>
      <c r="Z12" s="296">
        <v>0</v>
      </c>
      <c r="AA12" s="297">
        <v>0</v>
      </c>
      <c r="AB12" s="301"/>
      <c r="AC12" s="296">
        <v>349915</v>
      </c>
      <c r="AD12" s="296">
        <v>820972</v>
      </c>
      <c r="AE12" s="296">
        <v>1192020</v>
      </c>
      <c r="AF12" s="296">
        <v>786054</v>
      </c>
      <c r="AG12" s="296">
        <v>385372</v>
      </c>
      <c r="AH12" s="299">
        <v>3534333</v>
      </c>
      <c r="AI12" s="300">
        <v>3534333</v>
      </c>
      <c r="AJ12" s="295">
        <v>0</v>
      </c>
      <c r="AK12" s="296">
        <v>0</v>
      </c>
      <c r="AL12" s="297">
        <v>0</v>
      </c>
      <c r="AM12" s="301"/>
      <c r="AN12" s="296">
        <v>0</v>
      </c>
      <c r="AO12" s="296">
        <v>0</v>
      </c>
      <c r="AP12" s="296">
        <v>0</v>
      </c>
      <c r="AQ12" s="296">
        <v>0</v>
      </c>
      <c r="AR12" s="296">
        <v>0</v>
      </c>
      <c r="AS12" s="299">
        <v>0</v>
      </c>
      <c r="AT12" s="300">
        <v>0</v>
      </c>
      <c r="AU12" s="295">
        <v>0</v>
      </c>
      <c r="AV12" s="296">
        <v>0</v>
      </c>
      <c r="AW12" s="297">
        <v>0</v>
      </c>
      <c r="AX12" s="301"/>
      <c r="AY12" s="296">
        <v>35495</v>
      </c>
      <c r="AZ12" s="296">
        <v>0</v>
      </c>
      <c r="BA12" s="296">
        <v>0</v>
      </c>
      <c r="BB12" s="296">
        <v>2635</v>
      </c>
      <c r="BC12" s="296">
        <v>120125</v>
      </c>
      <c r="BD12" s="299">
        <v>158255</v>
      </c>
      <c r="BE12" s="300">
        <v>158255</v>
      </c>
      <c r="BF12" s="295">
        <v>0</v>
      </c>
      <c r="BG12" s="296">
        <v>0</v>
      </c>
      <c r="BH12" s="297">
        <v>0</v>
      </c>
      <c r="BI12" s="301"/>
      <c r="BJ12" s="296">
        <v>0</v>
      </c>
      <c r="BK12" s="296">
        <v>5270</v>
      </c>
      <c r="BL12" s="296">
        <v>45130</v>
      </c>
      <c r="BM12" s="296">
        <v>161585</v>
      </c>
      <c r="BN12" s="296">
        <v>122450</v>
      </c>
      <c r="BO12" s="299">
        <v>334435</v>
      </c>
      <c r="BP12" s="300">
        <v>334435</v>
      </c>
      <c r="BQ12" s="295">
        <v>0</v>
      </c>
      <c r="BR12" s="296">
        <v>6482</v>
      </c>
      <c r="BS12" s="297">
        <v>6482</v>
      </c>
      <c r="BT12" s="298">
        <v>0</v>
      </c>
      <c r="BU12" s="296">
        <v>71129</v>
      </c>
      <c r="BV12" s="296">
        <v>302072</v>
      </c>
      <c r="BW12" s="296">
        <v>395434</v>
      </c>
      <c r="BX12" s="296">
        <v>252489</v>
      </c>
      <c r="BY12" s="296">
        <v>108959</v>
      </c>
      <c r="BZ12" s="299">
        <v>1130083</v>
      </c>
      <c r="CA12" s="300">
        <v>1136565</v>
      </c>
      <c r="CB12" s="295">
        <v>0</v>
      </c>
      <c r="CC12" s="296">
        <v>0</v>
      </c>
      <c r="CD12" s="297">
        <v>0</v>
      </c>
      <c r="CE12" s="298">
        <v>0</v>
      </c>
      <c r="CF12" s="296">
        <v>0</v>
      </c>
      <c r="CG12" s="296">
        <v>13785</v>
      </c>
      <c r="CH12" s="296">
        <v>3450</v>
      </c>
      <c r="CI12" s="296">
        <v>0</v>
      </c>
      <c r="CJ12" s="296">
        <v>3945</v>
      </c>
      <c r="CK12" s="299">
        <v>21180</v>
      </c>
      <c r="CL12" s="300">
        <v>21180</v>
      </c>
      <c r="CM12" s="295">
        <v>0</v>
      </c>
      <c r="CN12" s="296">
        <v>0</v>
      </c>
      <c r="CO12" s="297">
        <v>0</v>
      </c>
      <c r="CP12" s="298">
        <v>0</v>
      </c>
      <c r="CQ12" s="296">
        <v>0</v>
      </c>
      <c r="CR12" s="296">
        <v>0</v>
      </c>
      <c r="CS12" s="296">
        <v>0</v>
      </c>
      <c r="CT12" s="296">
        <v>0</v>
      </c>
      <c r="CU12" s="296">
        <v>0</v>
      </c>
      <c r="CV12" s="299">
        <v>0</v>
      </c>
      <c r="CW12" s="300">
        <v>0</v>
      </c>
      <c r="CX12" s="295">
        <v>0</v>
      </c>
      <c r="CY12" s="296">
        <v>0</v>
      </c>
      <c r="CZ12" s="297">
        <v>0</v>
      </c>
      <c r="DA12" s="301"/>
      <c r="DB12" s="296">
        <v>0</v>
      </c>
      <c r="DC12" s="296">
        <v>0</v>
      </c>
      <c r="DD12" s="296">
        <v>0</v>
      </c>
      <c r="DE12" s="296">
        <v>0</v>
      </c>
      <c r="DF12" s="296">
        <v>0</v>
      </c>
      <c r="DG12" s="299">
        <v>0</v>
      </c>
      <c r="DH12" s="300">
        <v>0</v>
      </c>
      <c r="DI12" s="295">
        <v>0</v>
      </c>
      <c r="DJ12" s="296">
        <v>11411</v>
      </c>
      <c r="DK12" s="297">
        <v>11411</v>
      </c>
      <c r="DL12" s="298">
        <v>0</v>
      </c>
      <c r="DM12" s="296">
        <v>604687</v>
      </c>
      <c r="DN12" s="296">
        <v>1395961</v>
      </c>
      <c r="DO12" s="296">
        <v>5742325</v>
      </c>
      <c r="DP12" s="296">
        <v>5334251</v>
      </c>
      <c r="DQ12" s="296">
        <v>2925893</v>
      </c>
      <c r="DR12" s="299">
        <v>16003117</v>
      </c>
      <c r="DS12" s="302">
        <v>16014528</v>
      </c>
      <c r="DT12" s="295">
        <v>0</v>
      </c>
      <c r="DU12" s="296">
        <v>0</v>
      </c>
      <c r="DV12" s="297">
        <v>0</v>
      </c>
      <c r="DW12" s="301"/>
      <c r="DX12" s="296">
        <v>425878</v>
      </c>
      <c r="DY12" s="296">
        <v>796028</v>
      </c>
      <c r="DZ12" s="296">
        <v>4741722</v>
      </c>
      <c r="EA12" s="296">
        <v>4525762</v>
      </c>
      <c r="EB12" s="296">
        <v>2423200</v>
      </c>
      <c r="EC12" s="299">
        <v>12912590</v>
      </c>
      <c r="ED12" s="300">
        <v>12912590</v>
      </c>
      <c r="EE12" s="295">
        <v>0</v>
      </c>
      <c r="EF12" s="296">
        <v>0</v>
      </c>
      <c r="EG12" s="297">
        <v>0</v>
      </c>
      <c r="EH12" s="301"/>
      <c r="EI12" s="296">
        <v>42484</v>
      </c>
      <c r="EJ12" s="296">
        <v>118003</v>
      </c>
      <c r="EK12" s="296">
        <v>119099</v>
      </c>
      <c r="EL12" s="296">
        <v>112961</v>
      </c>
      <c r="EM12" s="296">
        <v>49123</v>
      </c>
      <c r="EN12" s="299">
        <v>441670</v>
      </c>
      <c r="EO12" s="300">
        <v>441670</v>
      </c>
      <c r="EP12" s="295">
        <v>0</v>
      </c>
      <c r="EQ12" s="296">
        <v>0</v>
      </c>
      <c r="ER12" s="297">
        <v>0</v>
      </c>
      <c r="ES12" s="301"/>
      <c r="ET12" s="296">
        <v>0</v>
      </c>
      <c r="EU12" s="296">
        <v>0</v>
      </c>
      <c r="EV12" s="296">
        <v>0</v>
      </c>
      <c r="EW12" s="296">
        <v>0</v>
      </c>
      <c r="EX12" s="296">
        <v>0</v>
      </c>
      <c r="EY12" s="299">
        <v>0</v>
      </c>
      <c r="EZ12" s="300">
        <v>0</v>
      </c>
      <c r="FA12" s="295">
        <v>0</v>
      </c>
      <c r="FB12" s="296">
        <v>0</v>
      </c>
      <c r="FC12" s="297">
        <v>0</v>
      </c>
      <c r="FD12" s="301"/>
      <c r="FE12" s="296">
        <v>11687</v>
      </c>
      <c r="FF12" s="296">
        <v>0</v>
      </c>
      <c r="FG12" s="296">
        <v>0</v>
      </c>
      <c r="FH12" s="296">
        <v>217</v>
      </c>
      <c r="FI12" s="296">
        <v>12555</v>
      </c>
      <c r="FJ12" s="299">
        <v>24459</v>
      </c>
      <c r="FK12" s="300">
        <v>24459</v>
      </c>
      <c r="FL12" s="295">
        <v>0</v>
      </c>
      <c r="FM12" s="296">
        <v>0</v>
      </c>
      <c r="FN12" s="297">
        <v>0</v>
      </c>
      <c r="FO12" s="301"/>
      <c r="FP12" s="296">
        <v>0</v>
      </c>
      <c r="FQ12" s="296">
        <v>43152</v>
      </c>
      <c r="FR12" s="296">
        <v>205198</v>
      </c>
      <c r="FS12" s="296">
        <v>222928</v>
      </c>
      <c r="FT12" s="296">
        <v>230950</v>
      </c>
      <c r="FU12" s="299">
        <v>702228</v>
      </c>
      <c r="FV12" s="300">
        <v>702228</v>
      </c>
      <c r="FW12" s="295">
        <v>0</v>
      </c>
      <c r="FX12" s="296">
        <v>11411</v>
      </c>
      <c r="FY12" s="297">
        <v>11411</v>
      </c>
      <c r="FZ12" s="298">
        <v>0</v>
      </c>
      <c r="GA12" s="296">
        <v>124638</v>
      </c>
      <c r="GB12" s="296">
        <v>437227</v>
      </c>
      <c r="GC12" s="296">
        <v>663914</v>
      </c>
      <c r="GD12" s="296">
        <v>472383</v>
      </c>
      <c r="GE12" s="296">
        <v>210030</v>
      </c>
      <c r="GF12" s="299">
        <v>1908192</v>
      </c>
      <c r="GG12" s="300">
        <v>1919603</v>
      </c>
      <c r="GH12" s="295">
        <v>0</v>
      </c>
      <c r="GI12" s="296">
        <v>0</v>
      </c>
      <c r="GJ12" s="297">
        <v>0</v>
      </c>
      <c r="GK12" s="298">
        <v>0</v>
      </c>
      <c r="GL12" s="296">
        <v>0</v>
      </c>
      <c r="GM12" s="296">
        <v>1551</v>
      </c>
      <c r="GN12" s="296">
        <v>12392</v>
      </c>
      <c r="GO12" s="296">
        <v>0</v>
      </c>
      <c r="GP12" s="296">
        <v>35</v>
      </c>
      <c r="GQ12" s="299">
        <v>13978</v>
      </c>
      <c r="GR12" s="300">
        <v>13978</v>
      </c>
      <c r="GS12" s="295">
        <v>0</v>
      </c>
      <c r="GT12" s="296">
        <v>0</v>
      </c>
      <c r="GU12" s="297">
        <v>0</v>
      </c>
      <c r="GV12" s="298">
        <v>0</v>
      </c>
      <c r="GW12" s="296">
        <v>0</v>
      </c>
      <c r="GX12" s="296">
        <v>0</v>
      </c>
      <c r="GY12" s="296">
        <v>0</v>
      </c>
      <c r="GZ12" s="296">
        <v>0</v>
      </c>
      <c r="HA12" s="296">
        <v>0</v>
      </c>
      <c r="HB12" s="299">
        <v>0</v>
      </c>
      <c r="HC12" s="300">
        <v>0</v>
      </c>
      <c r="HD12" s="295">
        <v>0</v>
      </c>
      <c r="HE12" s="296">
        <v>0</v>
      </c>
      <c r="HF12" s="297">
        <v>0</v>
      </c>
      <c r="HG12" s="301"/>
      <c r="HH12" s="296">
        <v>0</v>
      </c>
      <c r="HI12" s="296">
        <v>0</v>
      </c>
      <c r="HJ12" s="296">
        <v>0</v>
      </c>
      <c r="HK12" s="296">
        <v>0</v>
      </c>
      <c r="HL12" s="296">
        <v>0</v>
      </c>
      <c r="HM12" s="299">
        <v>0</v>
      </c>
      <c r="HN12" s="300">
        <v>0</v>
      </c>
      <c r="HO12" s="295">
        <v>0</v>
      </c>
      <c r="HP12" s="296">
        <v>17893</v>
      </c>
      <c r="HQ12" s="297">
        <v>17893</v>
      </c>
      <c r="HR12" s="298">
        <v>0</v>
      </c>
      <c r="HS12" s="296">
        <v>1329686</v>
      </c>
      <c r="HT12" s="296">
        <v>2918195</v>
      </c>
      <c r="HU12" s="296">
        <v>11149580</v>
      </c>
      <c r="HV12" s="296">
        <v>9782879</v>
      </c>
      <c r="HW12" s="296">
        <v>5506724</v>
      </c>
      <c r="HX12" s="299">
        <v>30687064</v>
      </c>
      <c r="HY12" s="300">
        <v>30704957</v>
      </c>
    </row>
    <row r="13" spans="2:233" ht="16.5" customHeight="1" x14ac:dyDescent="0.2">
      <c r="B13" s="293" t="s">
        <v>9</v>
      </c>
      <c r="C13" s="295">
        <v>2725</v>
      </c>
      <c r="D13" s="296">
        <v>0</v>
      </c>
      <c r="E13" s="297">
        <v>2725</v>
      </c>
      <c r="F13" s="298">
        <v>0</v>
      </c>
      <c r="G13" s="296">
        <v>266406</v>
      </c>
      <c r="H13" s="296">
        <v>320339</v>
      </c>
      <c r="I13" s="296">
        <v>2014269</v>
      </c>
      <c r="J13" s="296">
        <v>3294976</v>
      </c>
      <c r="K13" s="296">
        <v>1758928</v>
      </c>
      <c r="L13" s="299">
        <v>7654918</v>
      </c>
      <c r="M13" s="300">
        <v>7657643</v>
      </c>
      <c r="N13" s="295">
        <v>0</v>
      </c>
      <c r="O13" s="296">
        <v>0</v>
      </c>
      <c r="P13" s="297">
        <v>0</v>
      </c>
      <c r="Q13" s="301"/>
      <c r="R13" s="296">
        <v>107465</v>
      </c>
      <c r="S13" s="296">
        <v>35495</v>
      </c>
      <c r="T13" s="296">
        <v>1338959</v>
      </c>
      <c r="U13" s="296">
        <v>2303261</v>
      </c>
      <c r="V13" s="296">
        <v>1535153</v>
      </c>
      <c r="W13" s="299">
        <v>5320333</v>
      </c>
      <c r="X13" s="300">
        <v>5320333</v>
      </c>
      <c r="Y13" s="295">
        <v>0</v>
      </c>
      <c r="Z13" s="296">
        <v>0</v>
      </c>
      <c r="AA13" s="297">
        <v>0</v>
      </c>
      <c r="AB13" s="301"/>
      <c r="AC13" s="296">
        <v>131812</v>
      </c>
      <c r="AD13" s="296">
        <v>212805</v>
      </c>
      <c r="AE13" s="296">
        <v>520455</v>
      </c>
      <c r="AF13" s="296">
        <v>711825</v>
      </c>
      <c r="AG13" s="296">
        <v>156755</v>
      </c>
      <c r="AH13" s="299">
        <v>1733652</v>
      </c>
      <c r="AI13" s="300">
        <v>1733652</v>
      </c>
      <c r="AJ13" s="295">
        <v>0</v>
      </c>
      <c r="AK13" s="296">
        <v>0</v>
      </c>
      <c r="AL13" s="297">
        <v>0</v>
      </c>
      <c r="AM13" s="301"/>
      <c r="AN13" s="296">
        <v>0</v>
      </c>
      <c r="AO13" s="296">
        <v>0</v>
      </c>
      <c r="AP13" s="296">
        <v>0</v>
      </c>
      <c r="AQ13" s="296">
        <v>2635</v>
      </c>
      <c r="AR13" s="296">
        <v>0</v>
      </c>
      <c r="AS13" s="299">
        <v>2635</v>
      </c>
      <c r="AT13" s="300">
        <v>2635</v>
      </c>
      <c r="AU13" s="295">
        <v>0</v>
      </c>
      <c r="AV13" s="296">
        <v>0</v>
      </c>
      <c r="AW13" s="297">
        <v>0</v>
      </c>
      <c r="AX13" s="301"/>
      <c r="AY13" s="296">
        <v>0</v>
      </c>
      <c r="AZ13" s="296">
        <v>0</v>
      </c>
      <c r="BA13" s="296">
        <v>0</v>
      </c>
      <c r="BB13" s="296">
        <v>5270</v>
      </c>
      <c r="BC13" s="296">
        <v>5270</v>
      </c>
      <c r="BD13" s="299">
        <v>10540</v>
      </c>
      <c r="BE13" s="300">
        <v>10540</v>
      </c>
      <c r="BF13" s="295">
        <v>0</v>
      </c>
      <c r="BG13" s="296">
        <v>0</v>
      </c>
      <c r="BH13" s="297">
        <v>0</v>
      </c>
      <c r="BI13" s="301"/>
      <c r="BJ13" s="296">
        <v>0</v>
      </c>
      <c r="BK13" s="296">
        <v>0</v>
      </c>
      <c r="BL13" s="296">
        <v>0</v>
      </c>
      <c r="BM13" s="296">
        <v>24645</v>
      </c>
      <c r="BN13" s="296">
        <v>0</v>
      </c>
      <c r="BO13" s="299">
        <v>24645</v>
      </c>
      <c r="BP13" s="300">
        <v>24645</v>
      </c>
      <c r="BQ13" s="295">
        <v>2725</v>
      </c>
      <c r="BR13" s="296">
        <v>0</v>
      </c>
      <c r="BS13" s="297">
        <v>2725</v>
      </c>
      <c r="BT13" s="298">
        <v>0</v>
      </c>
      <c r="BU13" s="296">
        <v>26884</v>
      </c>
      <c r="BV13" s="296">
        <v>65119</v>
      </c>
      <c r="BW13" s="296">
        <v>152615</v>
      </c>
      <c r="BX13" s="296">
        <v>246181</v>
      </c>
      <c r="BY13" s="296">
        <v>61750</v>
      </c>
      <c r="BZ13" s="299">
        <v>552549</v>
      </c>
      <c r="CA13" s="300">
        <v>555274</v>
      </c>
      <c r="CB13" s="295">
        <v>0</v>
      </c>
      <c r="CC13" s="296">
        <v>0</v>
      </c>
      <c r="CD13" s="297">
        <v>0</v>
      </c>
      <c r="CE13" s="298">
        <v>0</v>
      </c>
      <c r="CF13" s="296">
        <v>245</v>
      </c>
      <c r="CG13" s="296">
        <v>6920</v>
      </c>
      <c r="CH13" s="296">
        <v>2240</v>
      </c>
      <c r="CI13" s="296">
        <v>1159</v>
      </c>
      <c r="CJ13" s="296">
        <v>0</v>
      </c>
      <c r="CK13" s="299">
        <v>10564</v>
      </c>
      <c r="CL13" s="300">
        <v>10564</v>
      </c>
      <c r="CM13" s="295">
        <v>0</v>
      </c>
      <c r="CN13" s="296">
        <v>0</v>
      </c>
      <c r="CO13" s="297">
        <v>0</v>
      </c>
      <c r="CP13" s="298">
        <v>0</v>
      </c>
      <c r="CQ13" s="296">
        <v>0</v>
      </c>
      <c r="CR13" s="296">
        <v>0</v>
      </c>
      <c r="CS13" s="296">
        <v>0</v>
      </c>
      <c r="CT13" s="296">
        <v>0</v>
      </c>
      <c r="CU13" s="296">
        <v>0</v>
      </c>
      <c r="CV13" s="299">
        <v>0</v>
      </c>
      <c r="CW13" s="300">
        <v>0</v>
      </c>
      <c r="CX13" s="295">
        <v>0</v>
      </c>
      <c r="CY13" s="296">
        <v>0</v>
      </c>
      <c r="CZ13" s="297">
        <v>0</v>
      </c>
      <c r="DA13" s="301"/>
      <c r="DB13" s="296">
        <v>0</v>
      </c>
      <c r="DC13" s="296">
        <v>0</v>
      </c>
      <c r="DD13" s="296">
        <v>0</v>
      </c>
      <c r="DE13" s="296">
        <v>0</v>
      </c>
      <c r="DF13" s="296">
        <v>0</v>
      </c>
      <c r="DG13" s="299">
        <v>0</v>
      </c>
      <c r="DH13" s="300">
        <v>0</v>
      </c>
      <c r="DI13" s="295">
        <v>3558</v>
      </c>
      <c r="DJ13" s="296">
        <v>0</v>
      </c>
      <c r="DK13" s="297">
        <v>3558</v>
      </c>
      <c r="DL13" s="298">
        <v>0</v>
      </c>
      <c r="DM13" s="296">
        <v>253933</v>
      </c>
      <c r="DN13" s="296">
        <v>163000</v>
      </c>
      <c r="DO13" s="296">
        <v>2187055</v>
      </c>
      <c r="DP13" s="296">
        <v>3572375</v>
      </c>
      <c r="DQ13" s="296">
        <v>2358561</v>
      </c>
      <c r="DR13" s="299">
        <v>8534924</v>
      </c>
      <c r="DS13" s="302">
        <v>8538482</v>
      </c>
      <c r="DT13" s="295">
        <v>0</v>
      </c>
      <c r="DU13" s="296">
        <v>0</v>
      </c>
      <c r="DV13" s="297">
        <v>0</v>
      </c>
      <c r="DW13" s="301"/>
      <c r="DX13" s="296">
        <v>164662</v>
      </c>
      <c r="DY13" s="296">
        <v>26505</v>
      </c>
      <c r="DZ13" s="296">
        <v>1862485</v>
      </c>
      <c r="EA13" s="296">
        <v>3072255</v>
      </c>
      <c r="EB13" s="296">
        <v>2229701</v>
      </c>
      <c r="EC13" s="299">
        <v>7355608</v>
      </c>
      <c r="ED13" s="300">
        <v>7355608</v>
      </c>
      <c r="EE13" s="295">
        <v>0</v>
      </c>
      <c r="EF13" s="296">
        <v>0</v>
      </c>
      <c r="EG13" s="297">
        <v>0</v>
      </c>
      <c r="EH13" s="301"/>
      <c r="EI13" s="296">
        <v>34348</v>
      </c>
      <c r="EJ13" s="296">
        <v>37356</v>
      </c>
      <c r="EK13" s="296">
        <v>29682</v>
      </c>
      <c r="EL13" s="296">
        <v>146357</v>
      </c>
      <c r="EM13" s="296">
        <v>1869</v>
      </c>
      <c r="EN13" s="299">
        <v>249612</v>
      </c>
      <c r="EO13" s="300">
        <v>249612</v>
      </c>
      <c r="EP13" s="295">
        <v>0</v>
      </c>
      <c r="EQ13" s="296">
        <v>0</v>
      </c>
      <c r="ER13" s="297">
        <v>0</v>
      </c>
      <c r="ES13" s="301"/>
      <c r="ET13" s="296">
        <v>0</v>
      </c>
      <c r="EU13" s="296">
        <v>0</v>
      </c>
      <c r="EV13" s="296">
        <v>0</v>
      </c>
      <c r="EW13" s="296">
        <v>217</v>
      </c>
      <c r="EX13" s="296">
        <v>0</v>
      </c>
      <c r="EY13" s="299">
        <v>217</v>
      </c>
      <c r="EZ13" s="300">
        <v>217</v>
      </c>
      <c r="FA13" s="295">
        <v>0</v>
      </c>
      <c r="FB13" s="296">
        <v>0</v>
      </c>
      <c r="FC13" s="297">
        <v>0</v>
      </c>
      <c r="FD13" s="301"/>
      <c r="FE13" s="296">
        <v>0</v>
      </c>
      <c r="FF13" s="296">
        <v>0</v>
      </c>
      <c r="FG13" s="296">
        <v>0</v>
      </c>
      <c r="FH13" s="296">
        <v>434</v>
      </c>
      <c r="FI13" s="296">
        <v>434</v>
      </c>
      <c r="FJ13" s="299">
        <v>868</v>
      </c>
      <c r="FK13" s="300">
        <v>868</v>
      </c>
      <c r="FL13" s="295">
        <v>0</v>
      </c>
      <c r="FM13" s="296">
        <v>0</v>
      </c>
      <c r="FN13" s="297">
        <v>0</v>
      </c>
      <c r="FO13" s="301"/>
      <c r="FP13" s="296">
        <v>0</v>
      </c>
      <c r="FQ13" s="296">
        <v>0</v>
      </c>
      <c r="FR13" s="296">
        <v>0</v>
      </c>
      <c r="FS13" s="296">
        <v>21576</v>
      </c>
      <c r="FT13" s="296">
        <v>0</v>
      </c>
      <c r="FU13" s="299">
        <v>21576</v>
      </c>
      <c r="FV13" s="300">
        <v>21576</v>
      </c>
      <c r="FW13" s="295">
        <v>3558</v>
      </c>
      <c r="FX13" s="296">
        <v>0</v>
      </c>
      <c r="FY13" s="297">
        <v>3558</v>
      </c>
      <c r="FZ13" s="298">
        <v>0</v>
      </c>
      <c r="GA13" s="296">
        <v>53849</v>
      </c>
      <c r="GB13" s="296">
        <v>99006</v>
      </c>
      <c r="GC13" s="296">
        <v>294727</v>
      </c>
      <c r="GD13" s="296">
        <v>331452</v>
      </c>
      <c r="GE13" s="296">
        <v>126466</v>
      </c>
      <c r="GF13" s="299">
        <v>905500</v>
      </c>
      <c r="GG13" s="300">
        <v>909058</v>
      </c>
      <c r="GH13" s="295">
        <v>0</v>
      </c>
      <c r="GI13" s="296">
        <v>0</v>
      </c>
      <c r="GJ13" s="297">
        <v>0</v>
      </c>
      <c r="GK13" s="298">
        <v>0</v>
      </c>
      <c r="GL13" s="296">
        <v>1074</v>
      </c>
      <c r="GM13" s="296">
        <v>133</v>
      </c>
      <c r="GN13" s="296">
        <v>161</v>
      </c>
      <c r="GO13" s="296">
        <v>84</v>
      </c>
      <c r="GP13" s="296">
        <v>91</v>
      </c>
      <c r="GQ13" s="299">
        <v>1543</v>
      </c>
      <c r="GR13" s="300">
        <v>1543</v>
      </c>
      <c r="GS13" s="295">
        <v>0</v>
      </c>
      <c r="GT13" s="296">
        <v>0</v>
      </c>
      <c r="GU13" s="297">
        <v>0</v>
      </c>
      <c r="GV13" s="298">
        <v>0</v>
      </c>
      <c r="GW13" s="296">
        <v>0</v>
      </c>
      <c r="GX13" s="296">
        <v>0</v>
      </c>
      <c r="GY13" s="296">
        <v>0</v>
      </c>
      <c r="GZ13" s="296">
        <v>0</v>
      </c>
      <c r="HA13" s="296">
        <v>0</v>
      </c>
      <c r="HB13" s="299">
        <v>0</v>
      </c>
      <c r="HC13" s="300">
        <v>0</v>
      </c>
      <c r="HD13" s="295">
        <v>0</v>
      </c>
      <c r="HE13" s="296">
        <v>0</v>
      </c>
      <c r="HF13" s="297">
        <v>0</v>
      </c>
      <c r="HG13" s="301"/>
      <c r="HH13" s="296">
        <v>0</v>
      </c>
      <c r="HI13" s="296">
        <v>0</v>
      </c>
      <c r="HJ13" s="296">
        <v>0</v>
      </c>
      <c r="HK13" s="296">
        <v>0</v>
      </c>
      <c r="HL13" s="296">
        <v>0</v>
      </c>
      <c r="HM13" s="299">
        <v>0</v>
      </c>
      <c r="HN13" s="300">
        <v>0</v>
      </c>
      <c r="HO13" s="295">
        <v>6283</v>
      </c>
      <c r="HP13" s="296">
        <v>0</v>
      </c>
      <c r="HQ13" s="297">
        <v>6283</v>
      </c>
      <c r="HR13" s="298">
        <v>0</v>
      </c>
      <c r="HS13" s="296">
        <v>520339</v>
      </c>
      <c r="HT13" s="296">
        <v>483339</v>
      </c>
      <c r="HU13" s="296">
        <v>4201324</v>
      </c>
      <c r="HV13" s="296">
        <v>6867351</v>
      </c>
      <c r="HW13" s="296">
        <v>4117489</v>
      </c>
      <c r="HX13" s="299">
        <v>16189842</v>
      </c>
      <c r="HY13" s="300">
        <v>16196125</v>
      </c>
    </row>
    <row r="14" spans="2:233" ht="16.5" customHeight="1" x14ac:dyDescent="0.2">
      <c r="B14" s="293" t="s">
        <v>10</v>
      </c>
      <c r="C14" s="295">
        <v>1755</v>
      </c>
      <c r="D14" s="296">
        <v>10781</v>
      </c>
      <c r="E14" s="297">
        <v>12536</v>
      </c>
      <c r="F14" s="298">
        <v>0</v>
      </c>
      <c r="G14" s="296">
        <v>1102101</v>
      </c>
      <c r="H14" s="296">
        <v>1432051</v>
      </c>
      <c r="I14" s="296">
        <v>3683724</v>
      </c>
      <c r="J14" s="296">
        <v>4776326</v>
      </c>
      <c r="K14" s="296">
        <v>4410408</v>
      </c>
      <c r="L14" s="299">
        <v>15404610</v>
      </c>
      <c r="M14" s="300">
        <v>15417146</v>
      </c>
      <c r="N14" s="295">
        <v>0</v>
      </c>
      <c r="O14" s="296">
        <v>0</v>
      </c>
      <c r="P14" s="297">
        <v>0</v>
      </c>
      <c r="Q14" s="301"/>
      <c r="R14" s="296">
        <v>66600</v>
      </c>
      <c r="S14" s="296">
        <v>379255</v>
      </c>
      <c r="T14" s="296">
        <v>2347605</v>
      </c>
      <c r="U14" s="296">
        <v>3463889</v>
      </c>
      <c r="V14" s="296">
        <v>3766245</v>
      </c>
      <c r="W14" s="299">
        <v>10023594</v>
      </c>
      <c r="X14" s="300">
        <v>10023594</v>
      </c>
      <c r="Y14" s="295">
        <v>0</v>
      </c>
      <c r="Z14" s="296">
        <v>0</v>
      </c>
      <c r="AA14" s="297">
        <v>0</v>
      </c>
      <c r="AB14" s="301"/>
      <c r="AC14" s="296">
        <v>833892</v>
      </c>
      <c r="AD14" s="296">
        <v>737908</v>
      </c>
      <c r="AE14" s="296">
        <v>1095712</v>
      </c>
      <c r="AF14" s="296">
        <v>911394</v>
      </c>
      <c r="AG14" s="296">
        <v>363757</v>
      </c>
      <c r="AH14" s="299">
        <v>3942663</v>
      </c>
      <c r="AI14" s="300">
        <v>3942663</v>
      </c>
      <c r="AJ14" s="295">
        <v>0</v>
      </c>
      <c r="AK14" s="296">
        <v>0</v>
      </c>
      <c r="AL14" s="297">
        <v>0</v>
      </c>
      <c r="AM14" s="301"/>
      <c r="AN14" s="296">
        <v>0</v>
      </c>
      <c r="AO14" s="296">
        <v>0</v>
      </c>
      <c r="AP14" s="296">
        <v>0</v>
      </c>
      <c r="AQ14" s="296">
        <v>0</v>
      </c>
      <c r="AR14" s="296">
        <v>0</v>
      </c>
      <c r="AS14" s="299">
        <v>0</v>
      </c>
      <c r="AT14" s="300">
        <v>0</v>
      </c>
      <c r="AU14" s="295">
        <v>0</v>
      </c>
      <c r="AV14" s="296">
        <v>0</v>
      </c>
      <c r="AW14" s="297">
        <v>0</v>
      </c>
      <c r="AX14" s="301"/>
      <c r="AY14" s="296">
        <v>0</v>
      </c>
      <c r="AZ14" s="296">
        <v>0</v>
      </c>
      <c r="BA14" s="296">
        <v>0</v>
      </c>
      <c r="BB14" s="296">
        <v>32705</v>
      </c>
      <c r="BC14" s="296">
        <v>105790</v>
      </c>
      <c r="BD14" s="299">
        <v>138495</v>
      </c>
      <c r="BE14" s="300">
        <v>138495</v>
      </c>
      <c r="BF14" s="295">
        <v>0</v>
      </c>
      <c r="BG14" s="296">
        <v>0</v>
      </c>
      <c r="BH14" s="297">
        <v>0</v>
      </c>
      <c r="BI14" s="301"/>
      <c r="BJ14" s="296">
        <v>0</v>
      </c>
      <c r="BK14" s="296">
        <v>0</v>
      </c>
      <c r="BL14" s="296">
        <v>0</v>
      </c>
      <c r="BM14" s="296">
        <v>92690</v>
      </c>
      <c r="BN14" s="296">
        <v>39080</v>
      </c>
      <c r="BO14" s="299">
        <v>131770</v>
      </c>
      <c r="BP14" s="300">
        <v>131770</v>
      </c>
      <c r="BQ14" s="295">
        <v>1755</v>
      </c>
      <c r="BR14" s="296">
        <v>10781</v>
      </c>
      <c r="BS14" s="297">
        <v>12536</v>
      </c>
      <c r="BT14" s="298">
        <v>0</v>
      </c>
      <c r="BU14" s="296">
        <v>201609</v>
      </c>
      <c r="BV14" s="296">
        <v>307490</v>
      </c>
      <c r="BW14" s="296">
        <v>238964</v>
      </c>
      <c r="BX14" s="296">
        <v>267313</v>
      </c>
      <c r="BY14" s="296">
        <v>128997</v>
      </c>
      <c r="BZ14" s="299">
        <v>1144373</v>
      </c>
      <c r="CA14" s="300">
        <v>1156909</v>
      </c>
      <c r="CB14" s="295">
        <v>0</v>
      </c>
      <c r="CC14" s="296">
        <v>0</v>
      </c>
      <c r="CD14" s="297">
        <v>0</v>
      </c>
      <c r="CE14" s="298">
        <v>0</v>
      </c>
      <c r="CF14" s="296">
        <v>0</v>
      </c>
      <c r="CG14" s="296">
        <v>7398</v>
      </c>
      <c r="CH14" s="296">
        <v>1443</v>
      </c>
      <c r="CI14" s="296">
        <v>8335</v>
      </c>
      <c r="CJ14" s="296">
        <v>6539</v>
      </c>
      <c r="CK14" s="299">
        <v>23715</v>
      </c>
      <c r="CL14" s="300">
        <v>23715</v>
      </c>
      <c r="CM14" s="295">
        <v>0</v>
      </c>
      <c r="CN14" s="296">
        <v>0</v>
      </c>
      <c r="CO14" s="297">
        <v>0</v>
      </c>
      <c r="CP14" s="298">
        <v>0</v>
      </c>
      <c r="CQ14" s="296">
        <v>0</v>
      </c>
      <c r="CR14" s="296">
        <v>0</v>
      </c>
      <c r="CS14" s="296">
        <v>0</v>
      </c>
      <c r="CT14" s="296">
        <v>0</v>
      </c>
      <c r="CU14" s="296">
        <v>0</v>
      </c>
      <c r="CV14" s="299">
        <v>0</v>
      </c>
      <c r="CW14" s="300">
        <v>0</v>
      </c>
      <c r="CX14" s="295">
        <v>0</v>
      </c>
      <c r="CY14" s="296">
        <v>0</v>
      </c>
      <c r="CZ14" s="297">
        <v>0</v>
      </c>
      <c r="DA14" s="301"/>
      <c r="DB14" s="296">
        <v>0</v>
      </c>
      <c r="DC14" s="296">
        <v>0</v>
      </c>
      <c r="DD14" s="296">
        <v>0</v>
      </c>
      <c r="DE14" s="296">
        <v>0</v>
      </c>
      <c r="DF14" s="296">
        <v>0</v>
      </c>
      <c r="DG14" s="299">
        <v>0</v>
      </c>
      <c r="DH14" s="300">
        <v>0</v>
      </c>
      <c r="DI14" s="295">
        <v>1710</v>
      </c>
      <c r="DJ14" s="296">
        <v>11100</v>
      </c>
      <c r="DK14" s="297">
        <v>12810</v>
      </c>
      <c r="DL14" s="298">
        <v>0</v>
      </c>
      <c r="DM14" s="296">
        <v>592436</v>
      </c>
      <c r="DN14" s="296">
        <v>1031498</v>
      </c>
      <c r="DO14" s="296">
        <v>4396413</v>
      </c>
      <c r="DP14" s="296">
        <v>5488480</v>
      </c>
      <c r="DQ14" s="296">
        <v>4472956</v>
      </c>
      <c r="DR14" s="299">
        <v>15981783</v>
      </c>
      <c r="DS14" s="302">
        <v>15994593</v>
      </c>
      <c r="DT14" s="295">
        <v>0</v>
      </c>
      <c r="DU14" s="296">
        <v>0</v>
      </c>
      <c r="DV14" s="297">
        <v>0</v>
      </c>
      <c r="DW14" s="301"/>
      <c r="DX14" s="296">
        <v>110122</v>
      </c>
      <c r="DY14" s="296">
        <v>545042</v>
      </c>
      <c r="DZ14" s="296">
        <v>3756460</v>
      </c>
      <c r="EA14" s="296">
        <v>4772031</v>
      </c>
      <c r="EB14" s="296">
        <v>4117149</v>
      </c>
      <c r="EC14" s="299">
        <v>13300804</v>
      </c>
      <c r="ED14" s="300">
        <v>13300804</v>
      </c>
      <c r="EE14" s="295">
        <v>0</v>
      </c>
      <c r="EF14" s="296">
        <v>0</v>
      </c>
      <c r="EG14" s="297">
        <v>0</v>
      </c>
      <c r="EH14" s="301"/>
      <c r="EI14" s="296">
        <v>196022</v>
      </c>
      <c r="EJ14" s="296">
        <v>97252</v>
      </c>
      <c r="EK14" s="296">
        <v>192564</v>
      </c>
      <c r="EL14" s="296">
        <v>160411</v>
      </c>
      <c r="EM14" s="296">
        <v>63363</v>
      </c>
      <c r="EN14" s="299">
        <v>709612</v>
      </c>
      <c r="EO14" s="300">
        <v>709612</v>
      </c>
      <c r="EP14" s="295">
        <v>0</v>
      </c>
      <c r="EQ14" s="296">
        <v>0</v>
      </c>
      <c r="ER14" s="297">
        <v>0</v>
      </c>
      <c r="ES14" s="301"/>
      <c r="ET14" s="296">
        <v>0</v>
      </c>
      <c r="EU14" s="296">
        <v>0</v>
      </c>
      <c r="EV14" s="296">
        <v>0</v>
      </c>
      <c r="EW14" s="296">
        <v>0</v>
      </c>
      <c r="EX14" s="296">
        <v>0</v>
      </c>
      <c r="EY14" s="299">
        <v>0</v>
      </c>
      <c r="EZ14" s="300">
        <v>0</v>
      </c>
      <c r="FA14" s="295">
        <v>0</v>
      </c>
      <c r="FB14" s="296">
        <v>0</v>
      </c>
      <c r="FC14" s="297">
        <v>0</v>
      </c>
      <c r="FD14" s="301"/>
      <c r="FE14" s="296">
        <v>0</v>
      </c>
      <c r="FF14" s="296">
        <v>0</v>
      </c>
      <c r="FG14" s="296">
        <v>0</v>
      </c>
      <c r="FH14" s="296">
        <v>217</v>
      </c>
      <c r="FI14" s="296">
        <v>2667</v>
      </c>
      <c r="FJ14" s="299">
        <v>2884</v>
      </c>
      <c r="FK14" s="300">
        <v>2884</v>
      </c>
      <c r="FL14" s="295">
        <v>0</v>
      </c>
      <c r="FM14" s="296">
        <v>0</v>
      </c>
      <c r="FN14" s="297">
        <v>0</v>
      </c>
      <c r="FO14" s="301"/>
      <c r="FP14" s="296">
        <v>0</v>
      </c>
      <c r="FQ14" s="296">
        <v>0</v>
      </c>
      <c r="FR14" s="296">
        <v>0</v>
      </c>
      <c r="FS14" s="296">
        <v>103199</v>
      </c>
      <c r="FT14" s="296">
        <v>73786</v>
      </c>
      <c r="FU14" s="299">
        <v>176985</v>
      </c>
      <c r="FV14" s="300">
        <v>176985</v>
      </c>
      <c r="FW14" s="295">
        <v>1710</v>
      </c>
      <c r="FX14" s="296">
        <v>11100</v>
      </c>
      <c r="FY14" s="297">
        <v>12810</v>
      </c>
      <c r="FZ14" s="298">
        <v>0</v>
      </c>
      <c r="GA14" s="296">
        <v>286292</v>
      </c>
      <c r="GB14" s="296">
        <v>389141</v>
      </c>
      <c r="GC14" s="296">
        <v>444146</v>
      </c>
      <c r="GD14" s="296">
        <v>449934</v>
      </c>
      <c r="GE14" s="296">
        <v>215767</v>
      </c>
      <c r="GF14" s="299">
        <v>1785280</v>
      </c>
      <c r="GG14" s="300">
        <v>1798090</v>
      </c>
      <c r="GH14" s="295">
        <v>0</v>
      </c>
      <c r="GI14" s="296">
        <v>0</v>
      </c>
      <c r="GJ14" s="297">
        <v>0</v>
      </c>
      <c r="GK14" s="298">
        <v>0</v>
      </c>
      <c r="GL14" s="296">
        <v>0</v>
      </c>
      <c r="GM14" s="296">
        <v>63</v>
      </c>
      <c r="GN14" s="296">
        <v>3243</v>
      </c>
      <c r="GO14" s="296">
        <v>2688</v>
      </c>
      <c r="GP14" s="296">
        <v>224</v>
      </c>
      <c r="GQ14" s="299">
        <v>6218</v>
      </c>
      <c r="GR14" s="300">
        <v>6218</v>
      </c>
      <c r="GS14" s="295">
        <v>0</v>
      </c>
      <c r="GT14" s="296">
        <v>0</v>
      </c>
      <c r="GU14" s="297">
        <v>0</v>
      </c>
      <c r="GV14" s="298">
        <v>0</v>
      </c>
      <c r="GW14" s="296">
        <v>0</v>
      </c>
      <c r="GX14" s="296">
        <v>0</v>
      </c>
      <c r="GY14" s="296">
        <v>0</v>
      </c>
      <c r="GZ14" s="296">
        <v>0</v>
      </c>
      <c r="HA14" s="296">
        <v>0</v>
      </c>
      <c r="HB14" s="299">
        <v>0</v>
      </c>
      <c r="HC14" s="300">
        <v>0</v>
      </c>
      <c r="HD14" s="295">
        <v>0</v>
      </c>
      <c r="HE14" s="296">
        <v>0</v>
      </c>
      <c r="HF14" s="297">
        <v>0</v>
      </c>
      <c r="HG14" s="301"/>
      <c r="HH14" s="296">
        <v>0</v>
      </c>
      <c r="HI14" s="296">
        <v>0</v>
      </c>
      <c r="HJ14" s="296">
        <v>0</v>
      </c>
      <c r="HK14" s="296">
        <v>0</v>
      </c>
      <c r="HL14" s="296">
        <v>0</v>
      </c>
      <c r="HM14" s="299">
        <v>0</v>
      </c>
      <c r="HN14" s="300">
        <v>0</v>
      </c>
      <c r="HO14" s="295">
        <v>3465</v>
      </c>
      <c r="HP14" s="296">
        <v>21881</v>
      </c>
      <c r="HQ14" s="297">
        <v>25346</v>
      </c>
      <c r="HR14" s="298">
        <v>0</v>
      </c>
      <c r="HS14" s="296">
        <v>1694537</v>
      </c>
      <c r="HT14" s="296">
        <v>2463549</v>
      </c>
      <c r="HU14" s="296">
        <v>8080137</v>
      </c>
      <c r="HV14" s="296">
        <v>10264806</v>
      </c>
      <c r="HW14" s="296">
        <v>8883364</v>
      </c>
      <c r="HX14" s="299">
        <v>31386393</v>
      </c>
      <c r="HY14" s="300">
        <v>31411739</v>
      </c>
    </row>
    <row r="15" spans="2:233" ht="16.5" customHeight="1" x14ac:dyDescent="0.2">
      <c r="B15" s="293" t="s">
        <v>11</v>
      </c>
      <c r="C15" s="295">
        <v>5735</v>
      </c>
      <c r="D15" s="296">
        <v>3760</v>
      </c>
      <c r="E15" s="297">
        <v>9495</v>
      </c>
      <c r="F15" s="298">
        <v>0</v>
      </c>
      <c r="G15" s="296">
        <v>897393</v>
      </c>
      <c r="H15" s="296">
        <v>928307</v>
      </c>
      <c r="I15" s="296">
        <v>3143305</v>
      </c>
      <c r="J15" s="296">
        <v>4555186</v>
      </c>
      <c r="K15" s="296">
        <v>1951336</v>
      </c>
      <c r="L15" s="299">
        <v>11475527</v>
      </c>
      <c r="M15" s="300">
        <v>11485022</v>
      </c>
      <c r="N15" s="295">
        <v>0</v>
      </c>
      <c r="O15" s="296">
        <v>0</v>
      </c>
      <c r="P15" s="297">
        <v>0</v>
      </c>
      <c r="Q15" s="301"/>
      <c r="R15" s="296">
        <v>0</v>
      </c>
      <c r="S15" s="296">
        <v>119970</v>
      </c>
      <c r="T15" s="296">
        <v>2218180</v>
      </c>
      <c r="U15" s="296">
        <v>2991275</v>
      </c>
      <c r="V15" s="296">
        <v>1299855</v>
      </c>
      <c r="W15" s="299">
        <v>6629280</v>
      </c>
      <c r="X15" s="300">
        <v>6629280</v>
      </c>
      <c r="Y15" s="295">
        <v>0</v>
      </c>
      <c r="Z15" s="296">
        <v>0</v>
      </c>
      <c r="AA15" s="297">
        <v>0</v>
      </c>
      <c r="AB15" s="301"/>
      <c r="AC15" s="296">
        <v>721220</v>
      </c>
      <c r="AD15" s="296">
        <v>682093</v>
      </c>
      <c r="AE15" s="296">
        <v>702950</v>
      </c>
      <c r="AF15" s="296">
        <v>1313685</v>
      </c>
      <c r="AG15" s="296">
        <v>277750</v>
      </c>
      <c r="AH15" s="299">
        <v>3697698</v>
      </c>
      <c r="AI15" s="300">
        <v>3697698</v>
      </c>
      <c r="AJ15" s="295">
        <v>0</v>
      </c>
      <c r="AK15" s="296">
        <v>0</v>
      </c>
      <c r="AL15" s="297">
        <v>0</v>
      </c>
      <c r="AM15" s="301"/>
      <c r="AN15" s="296">
        <v>0</v>
      </c>
      <c r="AO15" s="296">
        <v>0</v>
      </c>
      <c r="AP15" s="296">
        <v>0</v>
      </c>
      <c r="AQ15" s="296">
        <v>0</v>
      </c>
      <c r="AR15" s="296">
        <v>24645</v>
      </c>
      <c r="AS15" s="299">
        <v>24645</v>
      </c>
      <c r="AT15" s="300">
        <v>24645</v>
      </c>
      <c r="AU15" s="295">
        <v>0</v>
      </c>
      <c r="AV15" s="296">
        <v>0</v>
      </c>
      <c r="AW15" s="297">
        <v>0</v>
      </c>
      <c r="AX15" s="301"/>
      <c r="AY15" s="296">
        <v>60140</v>
      </c>
      <c r="AZ15" s="296">
        <v>2635</v>
      </c>
      <c r="BA15" s="296">
        <v>38130</v>
      </c>
      <c r="BB15" s="296">
        <v>146560</v>
      </c>
      <c r="BC15" s="296">
        <v>194420</v>
      </c>
      <c r="BD15" s="299">
        <v>441885</v>
      </c>
      <c r="BE15" s="300">
        <v>441885</v>
      </c>
      <c r="BF15" s="295">
        <v>0</v>
      </c>
      <c r="BG15" s="296">
        <v>0</v>
      </c>
      <c r="BH15" s="297">
        <v>0</v>
      </c>
      <c r="BI15" s="301"/>
      <c r="BJ15" s="296">
        <v>0</v>
      </c>
      <c r="BK15" s="296">
        <v>24645</v>
      </c>
      <c r="BL15" s="296">
        <v>0</v>
      </c>
      <c r="BM15" s="296">
        <v>0</v>
      </c>
      <c r="BN15" s="296">
        <v>0</v>
      </c>
      <c r="BO15" s="299">
        <v>24645</v>
      </c>
      <c r="BP15" s="300">
        <v>24645</v>
      </c>
      <c r="BQ15" s="295">
        <v>5735</v>
      </c>
      <c r="BR15" s="296">
        <v>3760</v>
      </c>
      <c r="BS15" s="297">
        <v>9495</v>
      </c>
      <c r="BT15" s="298">
        <v>0</v>
      </c>
      <c r="BU15" s="296">
        <v>116033</v>
      </c>
      <c r="BV15" s="296">
        <v>95754</v>
      </c>
      <c r="BW15" s="296">
        <v>184045</v>
      </c>
      <c r="BX15" s="296">
        <v>103666</v>
      </c>
      <c r="BY15" s="296">
        <v>150406</v>
      </c>
      <c r="BZ15" s="299">
        <v>649904</v>
      </c>
      <c r="CA15" s="300">
        <v>659399</v>
      </c>
      <c r="CB15" s="295">
        <v>0</v>
      </c>
      <c r="CC15" s="296">
        <v>0</v>
      </c>
      <c r="CD15" s="297">
        <v>0</v>
      </c>
      <c r="CE15" s="298">
        <v>0</v>
      </c>
      <c r="CF15" s="296">
        <v>0</v>
      </c>
      <c r="CG15" s="296">
        <v>3210</v>
      </c>
      <c r="CH15" s="296">
        <v>0</v>
      </c>
      <c r="CI15" s="296">
        <v>0</v>
      </c>
      <c r="CJ15" s="296">
        <v>4260</v>
      </c>
      <c r="CK15" s="299">
        <v>7470</v>
      </c>
      <c r="CL15" s="300">
        <v>7470</v>
      </c>
      <c r="CM15" s="295">
        <v>0</v>
      </c>
      <c r="CN15" s="296">
        <v>0</v>
      </c>
      <c r="CO15" s="297">
        <v>0</v>
      </c>
      <c r="CP15" s="298">
        <v>0</v>
      </c>
      <c r="CQ15" s="296">
        <v>0</v>
      </c>
      <c r="CR15" s="296">
        <v>0</v>
      </c>
      <c r="CS15" s="296">
        <v>0</v>
      </c>
      <c r="CT15" s="296">
        <v>0</v>
      </c>
      <c r="CU15" s="296">
        <v>0</v>
      </c>
      <c r="CV15" s="299">
        <v>0</v>
      </c>
      <c r="CW15" s="300">
        <v>0</v>
      </c>
      <c r="CX15" s="295">
        <v>0</v>
      </c>
      <c r="CY15" s="296">
        <v>0</v>
      </c>
      <c r="CZ15" s="297">
        <v>0</v>
      </c>
      <c r="DA15" s="301"/>
      <c r="DB15" s="296">
        <v>0</v>
      </c>
      <c r="DC15" s="296">
        <v>0</v>
      </c>
      <c r="DD15" s="296">
        <v>0</v>
      </c>
      <c r="DE15" s="296">
        <v>0</v>
      </c>
      <c r="DF15" s="296">
        <v>0</v>
      </c>
      <c r="DG15" s="299">
        <v>0</v>
      </c>
      <c r="DH15" s="300">
        <v>0</v>
      </c>
      <c r="DI15" s="295">
        <v>9184</v>
      </c>
      <c r="DJ15" s="296">
        <v>4480</v>
      </c>
      <c r="DK15" s="297">
        <v>13664</v>
      </c>
      <c r="DL15" s="298">
        <v>0</v>
      </c>
      <c r="DM15" s="296">
        <v>300096</v>
      </c>
      <c r="DN15" s="296">
        <v>419776</v>
      </c>
      <c r="DO15" s="296">
        <v>3118052</v>
      </c>
      <c r="DP15" s="296">
        <v>3835842</v>
      </c>
      <c r="DQ15" s="296">
        <v>1842474</v>
      </c>
      <c r="DR15" s="299">
        <v>9516240</v>
      </c>
      <c r="DS15" s="302">
        <v>9529904</v>
      </c>
      <c r="DT15" s="295">
        <v>0</v>
      </c>
      <c r="DU15" s="296">
        <v>0</v>
      </c>
      <c r="DV15" s="297">
        <v>0</v>
      </c>
      <c r="DW15" s="301"/>
      <c r="DX15" s="296">
        <v>0</v>
      </c>
      <c r="DY15" s="296">
        <v>144832</v>
      </c>
      <c r="DZ15" s="296">
        <v>2734310</v>
      </c>
      <c r="EA15" s="296">
        <v>3507436</v>
      </c>
      <c r="EB15" s="296">
        <v>1614007</v>
      </c>
      <c r="EC15" s="299">
        <v>8000585</v>
      </c>
      <c r="ED15" s="300">
        <v>8000585</v>
      </c>
      <c r="EE15" s="295">
        <v>0</v>
      </c>
      <c r="EF15" s="296">
        <v>0</v>
      </c>
      <c r="EG15" s="297">
        <v>0</v>
      </c>
      <c r="EH15" s="301"/>
      <c r="EI15" s="296">
        <v>144803</v>
      </c>
      <c r="EJ15" s="296">
        <v>135673</v>
      </c>
      <c r="EK15" s="296">
        <v>141518</v>
      </c>
      <c r="EL15" s="296">
        <v>175336</v>
      </c>
      <c r="EM15" s="296">
        <v>28328</v>
      </c>
      <c r="EN15" s="299">
        <v>625658</v>
      </c>
      <c r="EO15" s="300">
        <v>625658</v>
      </c>
      <c r="EP15" s="295">
        <v>0</v>
      </c>
      <c r="EQ15" s="296">
        <v>0</v>
      </c>
      <c r="ER15" s="297">
        <v>0</v>
      </c>
      <c r="ES15" s="301"/>
      <c r="ET15" s="296">
        <v>0</v>
      </c>
      <c r="EU15" s="296">
        <v>0</v>
      </c>
      <c r="EV15" s="296">
        <v>0</v>
      </c>
      <c r="EW15" s="296">
        <v>0</v>
      </c>
      <c r="EX15" s="296">
        <v>217</v>
      </c>
      <c r="EY15" s="299">
        <v>217</v>
      </c>
      <c r="EZ15" s="300">
        <v>217</v>
      </c>
      <c r="FA15" s="295">
        <v>0</v>
      </c>
      <c r="FB15" s="296">
        <v>0</v>
      </c>
      <c r="FC15" s="297">
        <v>0</v>
      </c>
      <c r="FD15" s="301"/>
      <c r="FE15" s="296">
        <v>11904</v>
      </c>
      <c r="FF15" s="296">
        <v>217</v>
      </c>
      <c r="FG15" s="296">
        <v>11904</v>
      </c>
      <c r="FH15" s="296">
        <v>48256</v>
      </c>
      <c r="FI15" s="296">
        <v>24970</v>
      </c>
      <c r="FJ15" s="299">
        <v>97251</v>
      </c>
      <c r="FK15" s="300">
        <v>97251</v>
      </c>
      <c r="FL15" s="295">
        <v>0</v>
      </c>
      <c r="FM15" s="296">
        <v>0</v>
      </c>
      <c r="FN15" s="297">
        <v>0</v>
      </c>
      <c r="FO15" s="301"/>
      <c r="FP15" s="296">
        <v>0</v>
      </c>
      <c r="FQ15" s="296">
        <v>21576</v>
      </c>
      <c r="FR15" s="296">
        <v>0</v>
      </c>
      <c r="FS15" s="296">
        <v>0</v>
      </c>
      <c r="FT15" s="296">
        <v>0</v>
      </c>
      <c r="FU15" s="299">
        <v>21576</v>
      </c>
      <c r="FV15" s="300">
        <v>21576</v>
      </c>
      <c r="FW15" s="295">
        <v>9184</v>
      </c>
      <c r="FX15" s="296">
        <v>4480</v>
      </c>
      <c r="FY15" s="297">
        <v>13664</v>
      </c>
      <c r="FZ15" s="298">
        <v>0</v>
      </c>
      <c r="GA15" s="296">
        <v>143389</v>
      </c>
      <c r="GB15" s="296">
        <v>117450</v>
      </c>
      <c r="GC15" s="296">
        <v>230320</v>
      </c>
      <c r="GD15" s="296">
        <v>104814</v>
      </c>
      <c r="GE15" s="296">
        <v>171014</v>
      </c>
      <c r="GF15" s="299">
        <v>766987</v>
      </c>
      <c r="GG15" s="300">
        <v>780651</v>
      </c>
      <c r="GH15" s="295">
        <v>0</v>
      </c>
      <c r="GI15" s="296">
        <v>0</v>
      </c>
      <c r="GJ15" s="297">
        <v>0</v>
      </c>
      <c r="GK15" s="298">
        <v>0</v>
      </c>
      <c r="GL15" s="296">
        <v>0</v>
      </c>
      <c r="GM15" s="296">
        <v>28</v>
      </c>
      <c r="GN15" s="296">
        <v>0</v>
      </c>
      <c r="GO15" s="296">
        <v>0</v>
      </c>
      <c r="GP15" s="296">
        <v>3938</v>
      </c>
      <c r="GQ15" s="299">
        <v>3966</v>
      </c>
      <c r="GR15" s="300">
        <v>3966</v>
      </c>
      <c r="GS15" s="295">
        <v>0</v>
      </c>
      <c r="GT15" s="296">
        <v>0</v>
      </c>
      <c r="GU15" s="297">
        <v>0</v>
      </c>
      <c r="GV15" s="298">
        <v>0</v>
      </c>
      <c r="GW15" s="296">
        <v>0</v>
      </c>
      <c r="GX15" s="296">
        <v>0</v>
      </c>
      <c r="GY15" s="296">
        <v>0</v>
      </c>
      <c r="GZ15" s="296">
        <v>0</v>
      </c>
      <c r="HA15" s="296">
        <v>0</v>
      </c>
      <c r="HB15" s="299">
        <v>0</v>
      </c>
      <c r="HC15" s="300">
        <v>0</v>
      </c>
      <c r="HD15" s="295">
        <v>0</v>
      </c>
      <c r="HE15" s="296">
        <v>0</v>
      </c>
      <c r="HF15" s="297">
        <v>0</v>
      </c>
      <c r="HG15" s="301"/>
      <c r="HH15" s="296">
        <v>0</v>
      </c>
      <c r="HI15" s="296">
        <v>0</v>
      </c>
      <c r="HJ15" s="296">
        <v>0</v>
      </c>
      <c r="HK15" s="296">
        <v>0</v>
      </c>
      <c r="HL15" s="296">
        <v>0</v>
      </c>
      <c r="HM15" s="299">
        <v>0</v>
      </c>
      <c r="HN15" s="300">
        <v>0</v>
      </c>
      <c r="HO15" s="295">
        <v>14919</v>
      </c>
      <c r="HP15" s="296">
        <v>8240</v>
      </c>
      <c r="HQ15" s="297">
        <v>23159</v>
      </c>
      <c r="HR15" s="298">
        <v>0</v>
      </c>
      <c r="HS15" s="296">
        <v>1197489</v>
      </c>
      <c r="HT15" s="296">
        <v>1348083</v>
      </c>
      <c r="HU15" s="296">
        <v>6261357</v>
      </c>
      <c r="HV15" s="296">
        <v>8391028</v>
      </c>
      <c r="HW15" s="296">
        <v>3793810</v>
      </c>
      <c r="HX15" s="299">
        <v>20991767</v>
      </c>
      <c r="HY15" s="300">
        <v>21014926</v>
      </c>
    </row>
    <row r="16" spans="2:233" ht="16.5" customHeight="1" x14ac:dyDescent="0.2">
      <c r="B16" s="293" t="s">
        <v>12</v>
      </c>
      <c r="C16" s="295">
        <v>3435</v>
      </c>
      <c r="D16" s="296">
        <v>2295</v>
      </c>
      <c r="E16" s="297">
        <v>5730</v>
      </c>
      <c r="F16" s="298">
        <v>0</v>
      </c>
      <c r="G16" s="296">
        <v>306002</v>
      </c>
      <c r="H16" s="296">
        <v>460400</v>
      </c>
      <c r="I16" s="296">
        <v>2469756</v>
      </c>
      <c r="J16" s="296">
        <v>3773287</v>
      </c>
      <c r="K16" s="296">
        <v>2354725</v>
      </c>
      <c r="L16" s="299">
        <v>9364170</v>
      </c>
      <c r="M16" s="300">
        <v>9369900</v>
      </c>
      <c r="N16" s="295">
        <v>0</v>
      </c>
      <c r="O16" s="296">
        <v>0</v>
      </c>
      <c r="P16" s="297">
        <v>0</v>
      </c>
      <c r="Q16" s="301"/>
      <c r="R16" s="296">
        <v>35340</v>
      </c>
      <c r="S16" s="296">
        <v>79960</v>
      </c>
      <c r="T16" s="296">
        <v>1350817</v>
      </c>
      <c r="U16" s="296">
        <v>2551403</v>
      </c>
      <c r="V16" s="296">
        <v>1758275</v>
      </c>
      <c r="W16" s="299">
        <v>5775795</v>
      </c>
      <c r="X16" s="300">
        <v>5775795</v>
      </c>
      <c r="Y16" s="295">
        <v>0</v>
      </c>
      <c r="Z16" s="296">
        <v>0</v>
      </c>
      <c r="AA16" s="297">
        <v>0</v>
      </c>
      <c r="AB16" s="301"/>
      <c r="AC16" s="296">
        <v>202734</v>
      </c>
      <c r="AD16" s="296">
        <v>295572</v>
      </c>
      <c r="AE16" s="296">
        <v>732781</v>
      </c>
      <c r="AF16" s="296">
        <v>865016</v>
      </c>
      <c r="AG16" s="296">
        <v>338172</v>
      </c>
      <c r="AH16" s="299">
        <v>2434275</v>
      </c>
      <c r="AI16" s="300">
        <v>2434275</v>
      </c>
      <c r="AJ16" s="295">
        <v>0</v>
      </c>
      <c r="AK16" s="296">
        <v>0</v>
      </c>
      <c r="AL16" s="297">
        <v>0</v>
      </c>
      <c r="AM16" s="301"/>
      <c r="AN16" s="296">
        <v>0</v>
      </c>
      <c r="AO16" s="296">
        <v>0</v>
      </c>
      <c r="AP16" s="296">
        <v>0</v>
      </c>
      <c r="AQ16" s="296">
        <v>0</v>
      </c>
      <c r="AR16" s="296">
        <v>0</v>
      </c>
      <c r="AS16" s="299">
        <v>0</v>
      </c>
      <c r="AT16" s="300">
        <v>0</v>
      </c>
      <c r="AU16" s="295">
        <v>0</v>
      </c>
      <c r="AV16" s="296">
        <v>0</v>
      </c>
      <c r="AW16" s="297">
        <v>0</v>
      </c>
      <c r="AX16" s="301"/>
      <c r="AY16" s="296">
        <v>0</v>
      </c>
      <c r="AZ16" s="296">
        <v>0</v>
      </c>
      <c r="BA16" s="296">
        <v>0</v>
      </c>
      <c r="BB16" s="296">
        <v>37975</v>
      </c>
      <c r="BC16" s="296">
        <v>75950</v>
      </c>
      <c r="BD16" s="299">
        <v>113925</v>
      </c>
      <c r="BE16" s="300">
        <v>113925</v>
      </c>
      <c r="BF16" s="295">
        <v>0</v>
      </c>
      <c r="BG16" s="296">
        <v>0</v>
      </c>
      <c r="BH16" s="297">
        <v>0</v>
      </c>
      <c r="BI16" s="301"/>
      <c r="BJ16" s="296">
        <v>2635</v>
      </c>
      <c r="BK16" s="296">
        <v>0</v>
      </c>
      <c r="BL16" s="296">
        <v>190505</v>
      </c>
      <c r="BM16" s="296">
        <v>73315</v>
      </c>
      <c r="BN16" s="296">
        <v>27280</v>
      </c>
      <c r="BO16" s="299">
        <v>293735</v>
      </c>
      <c r="BP16" s="300">
        <v>293735</v>
      </c>
      <c r="BQ16" s="295">
        <v>3435</v>
      </c>
      <c r="BR16" s="296">
        <v>2295</v>
      </c>
      <c r="BS16" s="297">
        <v>5730</v>
      </c>
      <c r="BT16" s="298">
        <v>0</v>
      </c>
      <c r="BU16" s="296">
        <v>65293</v>
      </c>
      <c r="BV16" s="296">
        <v>82333</v>
      </c>
      <c r="BW16" s="296">
        <v>194528</v>
      </c>
      <c r="BX16" s="296">
        <v>245578</v>
      </c>
      <c r="BY16" s="296">
        <v>155048</v>
      </c>
      <c r="BZ16" s="299">
        <v>742780</v>
      </c>
      <c r="CA16" s="300">
        <v>748510</v>
      </c>
      <c r="CB16" s="295">
        <v>0</v>
      </c>
      <c r="CC16" s="296">
        <v>0</v>
      </c>
      <c r="CD16" s="297">
        <v>0</v>
      </c>
      <c r="CE16" s="298">
        <v>0</v>
      </c>
      <c r="CF16" s="296">
        <v>0</v>
      </c>
      <c r="CG16" s="296">
        <v>2535</v>
      </c>
      <c r="CH16" s="296">
        <v>1125</v>
      </c>
      <c r="CI16" s="296">
        <v>0</v>
      </c>
      <c r="CJ16" s="296">
        <v>0</v>
      </c>
      <c r="CK16" s="299">
        <v>3660</v>
      </c>
      <c r="CL16" s="300">
        <v>3660</v>
      </c>
      <c r="CM16" s="295">
        <v>0</v>
      </c>
      <c r="CN16" s="296">
        <v>0</v>
      </c>
      <c r="CO16" s="297">
        <v>0</v>
      </c>
      <c r="CP16" s="298">
        <v>0</v>
      </c>
      <c r="CQ16" s="296">
        <v>0</v>
      </c>
      <c r="CR16" s="296">
        <v>0</v>
      </c>
      <c r="CS16" s="296">
        <v>0</v>
      </c>
      <c r="CT16" s="296">
        <v>0</v>
      </c>
      <c r="CU16" s="296">
        <v>0</v>
      </c>
      <c r="CV16" s="299">
        <v>0</v>
      </c>
      <c r="CW16" s="300">
        <v>0</v>
      </c>
      <c r="CX16" s="295">
        <v>0</v>
      </c>
      <c r="CY16" s="296">
        <v>0</v>
      </c>
      <c r="CZ16" s="297">
        <v>0</v>
      </c>
      <c r="DA16" s="301"/>
      <c r="DB16" s="296">
        <v>0</v>
      </c>
      <c r="DC16" s="296">
        <v>0</v>
      </c>
      <c r="DD16" s="296">
        <v>0</v>
      </c>
      <c r="DE16" s="296">
        <v>0</v>
      </c>
      <c r="DF16" s="296">
        <v>0</v>
      </c>
      <c r="DG16" s="299">
        <v>0</v>
      </c>
      <c r="DH16" s="300">
        <v>0</v>
      </c>
      <c r="DI16" s="295">
        <v>2553</v>
      </c>
      <c r="DJ16" s="296">
        <v>7850</v>
      </c>
      <c r="DK16" s="297">
        <v>10403</v>
      </c>
      <c r="DL16" s="298">
        <v>0</v>
      </c>
      <c r="DM16" s="296">
        <v>217964</v>
      </c>
      <c r="DN16" s="296">
        <v>451498</v>
      </c>
      <c r="DO16" s="296">
        <v>2598250</v>
      </c>
      <c r="DP16" s="296">
        <v>3888833</v>
      </c>
      <c r="DQ16" s="296">
        <v>2387399</v>
      </c>
      <c r="DR16" s="299">
        <v>9543944</v>
      </c>
      <c r="DS16" s="302">
        <v>9554347</v>
      </c>
      <c r="DT16" s="295">
        <v>0</v>
      </c>
      <c r="DU16" s="296">
        <v>0</v>
      </c>
      <c r="DV16" s="297">
        <v>0</v>
      </c>
      <c r="DW16" s="301"/>
      <c r="DX16" s="296">
        <v>58342</v>
      </c>
      <c r="DY16" s="296">
        <v>236871</v>
      </c>
      <c r="DZ16" s="296">
        <v>1894615</v>
      </c>
      <c r="EA16" s="296">
        <v>3258607</v>
      </c>
      <c r="EB16" s="296">
        <v>2103417</v>
      </c>
      <c r="EC16" s="299">
        <v>7551852</v>
      </c>
      <c r="ED16" s="300">
        <v>7551852</v>
      </c>
      <c r="EE16" s="295">
        <v>0</v>
      </c>
      <c r="EF16" s="296">
        <v>0</v>
      </c>
      <c r="EG16" s="297">
        <v>0</v>
      </c>
      <c r="EH16" s="301"/>
      <c r="EI16" s="296">
        <v>49905</v>
      </c>
      <c r="EJ16" s="296">
        <v>45781</v>
      </c>
      <c r="EK16" s="296">
        <v>90935</v>
      </c>
      <c r="EL16" s="296">
        <v>130387</v>
      </c>
      <c r="EM16" s="296">
        <v>46538</v>
      </c>
      <c r="EN16" s="299">
        <v>363546</v>
      </c>
      <c r="EO16" s="300">
        <v>363546</v>
      </c>
      <c r="EP16" s="295">
        <v>0</v>
      </c>
      <c r="EQ16" s="296">
        <v>0</v>
      </c>
      <c r="ER16" s="297">
        <v>0</v>
      </c>
      <c r="ES16" s="301"/>
      <c r="ET16" s="296">
        <v>0</v>
      </c>
      <c r="EU16" s="296">
        <v>0</v>
      </c>
      <c r="EV16" s="296">
        <v>0</v>
      </c>
      <c r="EW16" s="296">
        <v>0</v>
      </c>
      <c r="EX16" s="296">
        <v>0</v>
      </c>
      <c r="EY16" s="299">
        <v>0</v>
      </c>
      <c r="EZ16" s="300">
        <v>0</v>
      </c>
      <c r="FA16" s="295">
        <v>0</v>
      </c>
      <c r="FB16" s="296">
        <v>0</v>
      </c>
      <c r="FC16" s="297">
        <v>0</v>
      </c>
      <c r="FD16" s="301"/>
      <c r="FE16" s="296">
        <v>0</v>
      </c>
      <c r="FF16" s="296">
        <v>0</v>
      </c>
      <c r="FG16" s="296">
        <v>0</v>
      </c>
      <c r="FH16" s="296">
        <v>651</v>
      </c>
      <c r="FI16" s="296">
        <v>1302</v>
      </c>
      <c r="FJ16" s="299">
        <v>1953</v>
      </c>
      <c r="FK16" s="300">
        <v>1953</v>
      </c>
      <c r="FL16" s="295">
        <v>0</v>
      </c>
      <c r="FM16" s="296">
        <v>0</v>
      </c>
      <c r="FN16" s="297">
        <v>0</v>
      </c>
      <c r="FO16" s="301"/>
      <c r="FP16" s="296">
        <v>21576</v>
      </c>
      <c r="FQ16" s="296">
        <v>0</v>
      </c>
      <c r="FR16" s="296">
        <v>258730</v>
      </c>
      <c r="FS16" s="296">
        <v>138260</v>
      </c>
      <c r="FT16" s="296">
        <v>43152</v>
      </c>
      <c r="FU16" s="299">
        <v>461718</v>
      </c>
      <c r="FV16" s="300">
        <v>461718</v>
      </c>
      <c r="FW16" s="295">
        <v>2553</v>
      </c>
      <c r="FX16" s="296">
        <v>7850</v>
      </c>
      <c r="FY16" s="297">
        <v>10403</v>
      </c>
      <c r="FZ16" s="298">
        <v>0</v>
      </c>
      <c r="GA16" s="296">
        <v>88141</v>
      </c>
      <c r="GB16" s="296">
        <v>165396</v>
      </c>
      <c r="GC16" s="296">
        <v>353584</v>
      </c>
      <c r="GD16" s="296">
        <v>360928</v>
      </c>
      <c r="GE16" s="296">
        <v>192990</v>
      </c>
      <c r="GF16" s="299">
        <v>1161039</v>
      </c>
      <c r="GG16" s="300">
        <v>1171442</v>
      </c>
      <c r="GH16" s="295">
        <v>0</v>
      </c>
      <c r="GI16" s="296">
        <v>0</v>
      </c>
      <c r="GJ16" s="297">
        <v>0</v>
      </c>
      <c r="GK16" s="298">
        <v>0</v>
      </c>
      <c r="GL16" s="296">
        <v>0</v>
      </c>
      <c r="GM16" s="296">
        <v>3450</v>
      </c>
      <c r="GN16" s="296">
        <v>386</v>
      </c>
      <c r="GO16" s="296">
        <v>0</v>
      </c>
      <c r="GP16" s="296">
        <v>0</v>
      </c>
      <c r="GQ16" s="299">
        <v>3836</v>
      </c>
      <c r="GR16" s="300">
        <v>3836</v>
      </c>
      <c r="GS16" s="295">
        <v>0</v>
      </c>
      <c r="GT16" s="296">
        <v>0</v>
      </c>
      <c r="GU16" s="297">
        <v>0</v>
      </c>
      <c r="GV16" s="298">
        <v>0</v>
      </c>
      <c r="GW16" s="296">
        <v>0</v>
      </c>
      <c r="GX16" s="296">
        <v>0</v>
      </c>
      <c r="GY16" s="296">
        <v>0</v>
      </c>
      <c r="GZ16" s="296">
        <v>0</v>
      </c>
      <c r="HA16" s="296">
        <v>0</v>
      </c>
      <c r="HB16" s="299">
        <v>0</v>
      </c>
      <c r="HC16" s="300">
        <v>0</v>
      </c>
      <c r="HD16" s="295">
        <v>0</v>
      </c>
      <c r="HE16" s="296">
        <v>0</v>
      </c>
      <c r="HF16" s="297">
        <v>0</v>
      </c>
      <c r="HG16" s="301"/>
      <c r="HH16" s="296">
        <v>0</v>
      </c>
      <c r="HI16" s="296">
        <v>0</v>
      </c>
      <c r="HJ16" s="296">
        <v>0</v>
      </c>
      <c r="HK16" s="296">
        <v>0</v>
      </c>
      <c r="HL16" s="296">
        <v>0</v>
      </c>
      <c r="HM16" s="299">
        <v>0</v>
      </c>
      <c r="HN16" s="300">
        <v>0</v>
      </c>
      <c r="HO16" s="295">
        <v>5988</v>
      </c>
      <c r="HP16" s="296">
        <v>10145</v>
      </c>
      <c r="HQ16" s="297">
        <v>16133</v>
      </c>
      <c r="HR16" s="298">
        <v>0</v>
      </c>
      <c r="HS16" s="296">
        <v>523966</v>
      </c>
      <c r="HT16" s="296">
        <v>911898</v>
      </c>
      <c r="HU16" s="296">
        <v>5068006</v>
      </c>
      <c r="HV16" s="296">
        <v>7662120</v>
      </c>
      <c r="HW16" s="296">
        <v>4742124</v>
      </c>
      <c r="HX16" s="299">
        <v>18908114</v>
      </c>
      <c r="HY16" s="300">
        <v>18924247</v>
      </c>
    </row>
    <row r="17" spans="2:233" ht="16.5" customHeight="1" x14ac:dyDescent="0.2">
      <c r="B17" s="293" t="s">
        <v>13</v>
      </c>
      <c r="C17" s="295">
        <v>0</v>
      </c>
      <c r="D17" s="296">
        <v>0</v>
      </c>
      <c r="E17" s="297">
        <v>0</v>
      </c>
      <c r="F17" s="298">
        <v>0</v>
      </c>
      <c r="G17" s="296">
        <v>52598</v>
      </c>
      <c r="H17" s="296">
        <v>164137</v>
      </c>
      <c r="I17" s="296">
        <v>524764</v>
      </c>
      <c r="J17" s="296">
        <v>998031</v>
      </c>
      <c r="K17" s="296">
        <v>764632</v>
      </c>
      <c r="L17" s="299">
        <v>2504162</v>
      </c>
      <c r="M17" s="300">
        <v>2504162</v>
      </c>
      <c r="N17" s="295">
        <v>0</v>
      </c>
      <c r="O17" s="296">
        <v>0</v>
      </c>
      <c r="P17" s="297">
        <v>0</v>
      </c>
      <c r="Q17" s="301"/>
      <c r="R17" s="296">
        <v>2635</v>
      </c>
      <c r="S17" s="296">
        <v>0</v>
      </c>
      <c r="T17" s="296">
        <v>347820</v>
      </c>
      <c r="U17" s="296">
        <v>884191</v>
      </c>
      <c r="V17" s="296">
        <v>676922</v>
      </c>
      <c r="W17" s="299">
        <v>1911568</v>
      </c>
      <c r="X17" s="300">
        <v>1911568</v>
      </c>
      <c r="Y17" s="295">
        <v>0</v>
      </c>
      <c r="Z17" s="296">
        <v>0</v>
      </c>
      <c r="AA17" s="297">
        <v>0</v>
      </c>
      <c r="AB17" s="301"/>
      <c r="AC17" s="296">
        <v>41630</v>
      </c>
      <c r="AD17" s="296">
        <v>145452</v>
      </c>
      <c r="AE17" s="296">
        <v>142352</v>
      </c>
      <c r="AF17" s="296">
        <v>37820</v>
      </c>
      <c r="AG17" s="296">
        <v>78145</v>
      </c>
      <c r="AH17" s="299">
        <v>445399</v>
      </c>
      <c r="AI17" s="300">
        <v>445399</v>
      </c>
      <c r="AJ17" s="295">
        <v>0</v>
      </c>
      <c r="AK17" s="296">
        <v>0</v>
      </c>
      <c r="AL17" s="297">
        <v>0</v>
      </c>
      <c r="AM17" s="301"/>
      <c r="AN17" s="296">
        <v>0</v>
      </c>
      <c r="AO17" s="296">
        <v>0</v>
      </c>
      <c r="AP17" s="296">
        <v>0</v>
      </c>
      <c r="AQ17" s="296">
        <v>0</v>
      </c>
      <c r="AR17" s="296">
        <v>0</v>
      </c>
      <c r="AS17" s="299">
        <v>0</v>
      </c>
      <c r="AT17" s="300">
        <v>0</v>
      </c>
      <c r="AU17" s="295">
        <v>0</v>
      </c>
      <c r="AV17" s="296">
        <v>0</v>
      </c>
      <c r="AW17" s="297">
        <v>0</v>
      </c>
      <c r="AX17" s="301"/>
      <c r="AY17" s="296">
        <v>0</v>
      </c>
      <c r="AZ17" s="296">
        <v>0</v>
      </c>
      <c r="BA17" s="296">
        <v>0</v>
      </c>
      <c r="BB17" s="296">
        <v>0</v>
      </c>
      <c r="BC17" s="296">
        <v>0</v>
      </c>
      <c r="BD17" s="299">
        <v>0</v>
      </c>
      <c r="BE17" s="300">
        <v>0</v>
      </c>
      <c r="BF17" s="295">
        <v>0</v>
      </c>
      <c r="BG17" s="296">
        <v>0</v>
      </c>
      <c r="BH17" s="297">
        <v>0</v>
      </c>
      <c r="BI17" s="301"/>
      <c r="BJ17" s="296">
        <v>0</v>
      </c>
      <c r="BK17" s="296">
        <v>0</v>
      </c>
      <c r="BL17" s="296">
        <v>0</v>
      </c>
      <c r="BM17" s="296">
        <v>0</v>
      </c>
      <c r="BN17" s="296">
        <v>0</v>
      </c>
      <c r="BO17" s="299">
        <v>0</v>
      </c>
      <c r="BP17" s="300">
        <v>0</v>
      </c>
      <c r="BQ17" s="295">
        <v>0</v>
      </c>
      <c r="BR17" s="296">
        <v>0</v>
      </c>
      <c r="BS17" s="297">
        <v>0</v>
      </c>
      <c r="BT17" s="298">
        <v>0</v>
      </c>
      <c r="BU17" s="296">
        <v>8333</v>
      </c>
      <c r="BV17" s="296">
        <v>18685</v>
      </c>
      <c r="BW17" s="296">
        <v>35462</v>
      </c>
      <c r="BX17" s="296">
        <v>75900</v>
      </c>
      <c r="BY17" s="296">
        <v>4785</v>
      </c>
      <c r="BZ17" s="299">
        <v>143165</v>
      </c>
      <c r="CA17" s="300">
        <v>143165</v>
      </c>
      <c r="CB17" s="295">
        <v>0</v>
      </c>
      <c r="CC17" s="296">
        <v>0</v>
      </c>
      <c r="CD17" s="297">
        <v>0</v>
      </c>
      <c r="CE17" s="298">
        <v>0</v>
      </c>
      <c r="CF17" s="296">
        <v>0</v>
      </c>
      <c r="CG17" s="296">
        <v>0</v>
      </c>
      <c r="CH17" s="296">
        <v>-870</v>
      </c>
      <c r="CI17" s="296">
        <v>120</v>
      </c>
      <c r="CJ17" s="296">
        <v>4780</v>
      </c>
      <c r="CK17" s="299">
        <v>4030</v>
      </c>
      <c r="CL17" s="300">
        <v>4030</v>
      </c>
      <c r="CM17" s="295">
        <v>0</v>
      </c>
      <c r="CN17" s="296">
        <v>0</v>
      </c>
      <c r="CO17" s="297">
        <v>0</v>
      </c>
      <c r="CP17" s="298">
        <v>0</v>
      </c>
      <c r="CQ17" s="296">
        <v>0</v>
      </c>
      <c r="CR17" s="296">
        <v>0</v>
      </c>
      <c r="CS17" s="296">
        <v>0</v>
      </c>
      <c r="CT17" s="296">
        <v>0</v>
      </c>
      <c r="CU17" s="296">
        <v>0</v>
      </c>
      <c r="CV17" s="299">
        <v>0</v>
      </c>
      <c r="CW17" s="300">
        <v>0</v>
      </c>
      <c r="CX17" s="295">
        <v>0</v>
      </c>
      <c r="CY17" s="296">
        <v>0</v>
      </c>
      <c r="CZ17" s="297">
        <v>0</v>
      </c>
      <c r="DA17" s="301"/>
      <c r="DB17" s="296">
        <v>0</v>
      </c>
      <c r="DC17" s="296">
        <v>0</v>
      </c>
      <c r="DD17" s="296">
        <v>0</v>
      </c>
      <c r="DE17" s="296">
        <v>0</v>
      </c>
      <c r="DF17" s="296">
        <v>0</v>
      </c>
      <c r="DG17" s="299">
        <v>0</v>
      </c>
      <c r="DH17" s="300">
        <v>0</v>
      </c>
      <c r="DI17" s="295">
        <v>0</v>
      </c>
      <c r="DJ17" s="296">
        <v>0</v>
      </c>
      <c r="DK17" s="297">
        <v>0</v>
      </c>
      <c r="DL17" s="298">
        <v>0</v>
      </c>
      <c r="DM17" s="296">
        <v>56955</v>
      </c>
      <c r="DN17" s="296">
        <v>37481</v>
      </c>
      <c r="DO17" s="296">
        <v>583484</v>
      </c>
      <c r="DP17" s="296">
        <v>978020</v>
      </c>
      <c r="DQ17" s="296">
        <v>781212</v>
      </c>
      <c r="DR17" s="299">
        <v>2437152</v>
      </c>
      <c r="DS17" s="302">
        <v>2437152</v>
      </c>
      <c r="DT17" s="295">
        <v>0</v>
      </c>
      <c r="DU17" s="296">
        <v>0</v>
      </c>
      <c r="DV17" s="297">
        <v>0</v>
      </c>
      <c r="DW17" s="301"/>
      <c r="DX17" s="296">
        <v>21576</v>
      </c>
      <c r="DY17" s="296">
        <v>0</v>
      </c>
      <c r="DZ17" s="296">
        <v>499441</v>
      </c>
      <c r="EA17" s="296">
        <v>888617</v>
      </c>
      <c r="EB17" s="296">
        <v>707409</v>
      </c>
      <c r="EC17" s="299">
        <v>2117043</v>
      </c>
      <c r="ED17" s="300">
        <v>2117043</v>
      </c>
      <c r="EE17" s="295">
        <v>0</v>
      </c>
      <c r="EF17" s="296">
        <v>0</v>
      </c>
      <c r="EG17" s="297">
        <v>0</v>
      </c>
      <c r="EH17" s="301"/>
      <c r="EI17" s="296">
        <v>11833</v>
      </c>
      <c r="EJ17" s="296">
        <v>2387</v>
      </c>
      <c r="EK17" s="296">
        <v>38254</v>
      </c>
      <c r="EL17" s="296">
        <v>1085</v>
      </c>
      <c r="EM17" s="296">
        <v>34089</v>
      </c>
      <c r="EN17" s="299">
        <v>87648</v>
      </c>
      <c r="EO17" s="300">
        <v>87648</v>
      </c>
      <c r="EP17" s="295">
        <v>0</v>
      </c>
      <c r="EQ17" s="296">
        <v>0</v>
      </c>
      <c r="ER17" s="297">
        <v>0</v>
      </c>
      <c r="ES17" s="301"/>
      <c r="ET17" s="296">
        <v>0</v>
      </c>
      <c r="EU17" s="296">
        <v>0</v>
      </c>
      <c r="EV17" s="296">
        <v>0</v>
      </c>
      <c r="EW17" s="296">
        <v>0</v>
      </c>
      <c r="EX17" s="296">
        <v>0</v>
      </c>
      <c r="EY17" s="299">
        <v>0</v>
      </c>
      <c r="EZ17" s="300">
        <v>0</v>
      </c>
      <c r="FA17" s="295">
        <v>0</v>
      </c>
      <c r="FB17" s="296">
        <v>0</v>
      </c>
      <c r="FC17" s="297">
        <v>0</v>
      </c>
      <c r="FD17" s="301"/>
      <c r="FE17" s="296">
        <v>0</v>
      </c>
      <c r="FF17" s="296">
        <v>0</v>
      </c>
      <c r="FG17" s="296">
        <v>0</v>
      </c>
      <c r="FH17" s="296">
        <v>0</v>
      </c>
      <c r="FI17" s="296">
        <v>0</v>
      </c>
      <c r="FJ17" s="299">
        <v>0</v>
      </c>
      <c r="FK17" s="300">
        <v>0</v>
      </c>
      <c r="FL17" s="295">
        <v>0</v>
      </c>
      <c r="FM17" s="296">
        <v>0</v>
      </c>
      <c r="FN17" s="297">
        <v>0</v>
      </c>
      <c r="FO17" s="301"/>
      <c r="FP17" s="296">
        <v>0</v>
      </c>
      <c r="FQ17" s="296">
        <v>0</v>
      </c>
      <c r="FR17" s="296">
        <v>0</v>
      </c>
      <c r="FS17" s="296">
        <v>0</v>
      </c>
      <c r="FT17" s="296">
        <v>0</v>
      </c>
      <c r="FU17" s="299">
        <v>0</v>
      </c>
      <c r="FV17" s="300">
        <v>0</v>
      </c>
      <c r="FW17" s="295">
        <v>0</v>
      </c>
      <c r="FX17" s="296">
        <v>0</v>
      </c>
      <c r="FY17" s="297">
        <v>0</v>
      </c>
      <c r="FZ17" s="298">
        <v>0</v>
      </c>
      <c r="GA17" s="296">
        <v>23546</v>
      </c>
      <c r="GB17" s="296">
        <v>35094</v>
      </c>
      <c r="GC17" s="296">
        <v>45845</v>
      </c>
      <c r="GD17" s="296">
        <v>88311</v>
      </c>
      <c r="GE17" s="296">
        <v>39672</v>
      </c>
      <c r="GF17" s="299">
        <v>232468</v>
      </c>
      <c r="GG17" s="300">
        <v>232468</v>
      </c>
      <c r="GH17" s="295">
        <v>0</v>
      </c>
      <c r="GI17" s="296">
        <v>0</v>
      </c>
      <c r="GJ17" s="297">
        <v>0</v>
      </c>
      <c r="GK17" s="298">
        <v>0</v>
      </c>
      <c r="GL17" s="296">
        <v>0</v>
      </c>
      <c r="GM17" s="296">
        <v>0</v>
      </c>
      <c r="GN17" s="296">
        <v>-56</v>
      </c>
      <c r="GO17" s="296">
        <v>7</v>
      </c>
      <c r="GP17" s="296">
        <v>42</v>
      </c>
      <c r="GQ17" s="299">
        <v>-7</v>
      </c>
      <c r="GR17" s="300">
        <v>-7</v>
      </c>
      <c r="GS17" s="295">
        <v>0</v>
      </c>
      <c r="GT17" s="296">
        <v>0</v>
      </c>
      <c r="GU17" s="297">
        <v>0</v>
      </c>
      <c r="GV17" s="298">
        <v>0</v>
      </c>
      <c r="GW17" s="296">
        <v>0</v>
      </c>
      <c r="GX17" s="296">
        <v>0</v>
      </c>
      <c r="GY17" s="296">
        <v>0</v>
      </c>
      <c r="GZ17" s="296">
        <v>0</v>
      </c>
      <c r="HA17" s="296">
        <v>0</v>
      </c>
      <c r="HB17" s="299">
        <v>0</v>
      </c>
      <c r="HC17" s="300">
        <v>0</v>
      </c>
      <c r="HD17" s="295">
        <v>0</v>
      </c>
      <c r="HE17" s="296">
        <v>0</v>
      </c>
      <c r="HF17" s="297">
        <v>0</v>
      </c>
      <c r="HG17" s="301"/>
      <c r="HH17" s="296">
        <v>0</v>
      </c>
      <c r="HI17" s="296">
        <v>0</v>
      </c>
      <c r="HJ17" s="296">
        <v>0</v>
      </c>
      <c r="HK17" s="296">
        <v>0</v>
      </c>
      <c r="HL17" s="296">
        <v>0</v>
      </c>
      <c r="HM17" s="299">
        <v>0</v>
      </c>
      <c r="HN17" s="300">
        <v>0</v>
      </c>
      <c r="HO17" s="295">
        <v>0</v>
      </c>
      <c r="HP17" s="296">
        <v>0</v>
      </c>
      <c r="HQ17" s="297">
        <v>0</v>
      </c>
      <c r="HR17" s="298">
        <v>0</v>
      </c>
      <c r="HS17" s="296">
        <v>109553</v>
      </c>
      <c r="HT17" s="296">
        <v>201618</v>
      </c>
      <c r="HU17" s="296">
        <v>1108248</v>
      </c>
      <c r="HV17" s="296">
        <v>1976051</v>
      </c>
      <c r="HW17" s="296">
        <v>1545844</v>
      </c>
      <c r="HX17" s="299">
        <v>4941314</v>
      </c>
      <c r="HY17" s="300">
        <v>4941314</v>
      </c>
    </row>
    <row r="18" spans="2:233" ht="16.5" customHeight="1" x14ac:dyDescent="0.2">
      <c r="B18" s="293" t="s">
        <v>15</v>
      </c>
      <c r="C18" s="295">
        <v>0</v>
      </c>
      <c r="D18" s="296">
        <v>0</v>
      </c>
      <c r="E18" s="297">
        <v>0</v>
      </c>
      <c r="F18" s="298">
        <v>0</v>
      </c>
      <c r="G18" s="296">
        <v>216105</v>
      </c>
      <c r="H18" s="296">
        <v>510762</v>
      </c>
      <c r="I18" s="296">
        <v>1558664</v>
      </c>
      <c r="J18" s="296">
        <v>2230239</v>
      </c>
      <c r="K18" s="296">
        <v>1298945</v>
      </c>
      <c r="L18" s="299">
        <v>5814715</v>
      </c>
      <c r="M18" s="300">
        <v>5814715</v>
      </c>
      <c r="N18" s="295">
        <v>0</v>
      </c>
      <c r="O18" s="296">
        <v>0</v>
      </c>
      <c r="P18" s="297">
        <v>0</v>
      </c>
      <c r="Q18" s="301"/>
      <c r="R18" s="296">
        <v>0</v>
      </c>
      <c r="S18" s="296">
        <v>35495</v>
      </c>
      <c r="T18" s="296">
        <v>984130</v>
      </c>
      <c r="U18" s="296">
        <v>1435440</v>
      </c>
      <c r="V18" s="296">
        <v>930865</v>
      </c>
      <c r="W18" s="299">
        <v>3385930</v>
      </c>
      <c r="X18" s="300">
        <v>3385930</v>
      </c>
      <c r="Y18" s="295">
        <v>0</v>
      </c>
      <c r="Z18" s="296">
        <v>0</v>
      </c>
      <c r="AA18" s="297">
        <v>0</v>
      </c>
      <c r="AB18" s="301"/>
      <c r="AC18" s="296">
        <v>213640</v>
      </c>
      <c r="AD18" s="296">
        <v>429325</v>
      </c>
      <c r="AE18" s="296">
        <v>364647</v>
      </c>
      <c r="AF18" s="296">
        <v>514152</v>
      </c>
      <c r="AG18" s="296">
        <v>168300</v>
      </c>
      <c r="AH18" s="299">
        <v>1690064</v>
      </c>
      <c r="AI18" s="300">
        <v>1690064</v>
      </c>
      <c r="AJ18" s="295">
        <v>0</v>
      </c>
      <c r="AK18" s="296">
        <v>0</v>
      </c>
      <c r="AL18" s="297">
        <v>0</v>
      </c>
      <c r="AM18" s="301"/>
      <c r="AN18" s="296">
        <v>0</v>
      </c>
      <c r="AO18" s="296">
        <v>0</v>
      </c>
      <c r="AP18" s="296">
        <v>0</v>
      </c>
      <c r="AQ18" s="296">
        <v>0</v>
      </c>
      <c r="AR18" s="296">
        <v>2635</v>
      </c>
      <c r="AS18" s="299">
        <v>2635</v>
      </c>
      <c r="AT18" s="300">
        <v>2635</v>
      </c>
      <c r="AU18" s="295">
        <v>0</v>
      </c>
      <c r="AV18" s="296">
        <v>0</v>
      </c>
      <c r="AW18" s="297">
        <v>0</v>
      </c>
      <c r="AX18" s="301"/>
      <c r="AY18" s="296">
        <v>0</v>
      </c>
      <c r="AZ18" s="296">
        <v>0</v>
      </c>
      <c r="BA18" s="296">
        <v>0</v>
      </c>
      <c r="BB18" s="296">
        <v>0</v>
      </c>
      <c r="BC18" s="296">
        <v>0</v>
      </c>
      <c r="BD18" s="299">
        <v>0</v>
      </c>
      <c r="BE18" s="300">
        <v>0</v>
      </c>
      <c r="BF18" s="295">
        <v>0</v>
      </c>
      <c r="BG18" s="296">
        <v>0</v>
      </c>
      <c r="BH18" s="297">
        <v>0</v>
      </c>
      <c r="BI18" s="301"/>
      <c r="BJ18" s="296">
        <v>0</v>
      </c>
      <c r="BK18" s="296">
        <v>0</v>
      </c>
      <c r="BL18" s="296">
        <v>130665</v>
      </c>
      <c r="BM18" s="296">
        <v>80550</v>
      </c>
      <c r="BN18" s="296">
        <v>63895</v>
      </c>
      <c r="BO18" s="299">
        <v>275110</v>
      </c>
      <c r="BP18" s="300">
        <v>275110</v>
      </c>
      <c r="BQ18" s="295">
        <v>0</v>
      </c>
      <c r="BR18" s="296">
        <v>0</v>
      </c>
      <c r="BS18" s="297">
        <v>0</v>
      </c>
      <c r="BT18" s="298">
        <v>0</v>
      </c>
      <c r="BU18" s="296">
        <v>435</v>
      </c>
      <c r="BV18" s="296">
        <v>44637</v>
      </c>
      <c r="BW18" s="296">
        <v>76642</v>
      </c>
      <c r="BX18" s="296">
        <v>198067</v>
      </c>
      <c r="BY18" s="296">
        <v>133250</v>
      </c>
      <c r="BZ18" s="299">
        <v>453031</v>
      </c>
      <c r="CA18" s="300">
        <v>453031</v>
      </c>
      <c r="CB18" s="295">
        <v>0</v>
      </c>
      <c r="CC18" s="296">
        <v>0</v>
      </c>
      <c r="CD18" s="297">
        <v>0</v>
      </c>
      <c r="CE18" s="298">
        <v>0</v>
      </c>
      <c r="CF18" s="296">
        <v>2030</v>
      </c>
      <c r="CG18" s="296">
        <v>1305</v>
      </c>
      <c r="CH18" s="296">
        <v>2580</v>
      </c>
      <c r="CI18" s="296">
        <v>2030</v>
      </c>
      <c r="CJ18" s="296">
        <v>0</v>
      </c>
      <c r="CK18" s="299">
        <v>7945</v>
      </c>
      <c r="CL18" s="300">
        <v>7945</v>
      </c>
      <c r="CM18" s="295">
        <v>0</v>
      </c>
      <c r="CN18" s="296">
        <v>0</v>
      </c>
      <c r="CO18" s="297">
        <v>0</v>
      </c>
      <c r="CP18" s="298">
        <v>0</v>
      </c>
      <c r="CQ18" s="296">
        <v>0</v>
      </c>
      <c r="CR18" s="296">
        <v>0</v>
      </c>
      <c r="CS18" s="296">
        <v>0</v>
      </c>
      <c r="CT18" s="296">
        <v>0</v>
      </c>
      <c r="CU18" s="296">
        <v>0</v>
      </c>
      <c r="CV18" s="299">
        <v>0</v>
      </c>
      <c r="CW18" s="300">
        <v>0</v>
      </c>
      <c r="CX18" s="295">
        <v>0</v>
      </c>
      <c r="CY18" s="296">
        <v>0</v>
      </c>
      <c r="CZ18" s="297">
        <v>0</v>
      </c>
      <c r="DA18" s="301"/>
      <c r="DB18" s="296">
        <v>0</v>
      </c>
      <c r="DC18" s="296">
        <v>0</v>
      </c>
      <c r="DD18" s="296">
        <v>0</v>
      </c>
      <c r="DE18" s="296">
        <v>0</v>
      </c>
      <c r="DF18" s="296">
        <v>0</v>
      </c>
      <c r="DG18" s="299">
        <v>0</v>
      </c>
      <c r="DH18" s="300">
        <v>0</v>
      </c>
      <c r="DI18" s="295">
        <v>0</v>
      </c>
      <c r="DJ18" s="296">
        <v>0</v>
      </c>
      <c r="DK18" s="297">
        <v>0</v>
      </c>
      <c r="DL18" s="298">
        <v>0</v>
      </c>
      <c r="DM18" s="296">
        <v>17554</v>
      </c>
      <c r="DN18" s="296">
        <v>140296</v>
      </c>
      <c r="DO18" s="296">
        <v>1534536</v>
      </c>
      <c r="DP18" s="296">
        <v>1881278</v>
      </c>
      <c r="DQ18" s="296">
        <v>1265911</v>
      </c>
      <c r="DR18" s="299">
        <v>4839575</v>
      </c>
      <c r="DS18" s="302">
        <v>4839575</v>
      </c>
      <c r="DT18" s="295">
        <v>0</v>
      </c>
      <c r="DU18" s="296">
        <v>0</v>
      </c>
      <c r="DV18" s="297">
        <v>0</v>
      </c>
      <c r="DW18" s="301"/>
      <c r="DX18" s="296">
        <v>0</v>
      </c>
      <c r="DY18" s="296">
        <v>26505</v>
      </c>
      <c r="DZ18" s="296">
        <v>1160723</v>
      </c>
      <c r="EA18" s="296">
        <v>1481027</v>
      </c>
      <c r="EB18" s="296">
        <v>962808</v>
      </c>
      <c r="EC18" s="299">
        <v>3631063</v>
      </c>
      <c r="ED18" s="300">
        <v>3631063</v>
      </c>
      <c r="EE18" s="295">
        <v>0</v>
      </c>
      <c r="EF18" s="296">
        <v>0</v>
      </c>
      <c r="EG18" s="297">
        <v>0</v>
      </c>
      <c r="EH18" s="301"/>
      <c r="EI18" s="296">
        <v>13976</v>
      </c>
      <c r="EJ18" s="296">
        <v>58778</v>
      </c>
      <c r="EK18" s="296">
        <v>25773</v>
      </c>
      <c r="EL18" s="296">
        <v>16622</v>
      </c>
      <c r="EM18" s="296">
        <v>34774</v>
      </c>
      <c r="EN18" s="299">
        <v>149923</v>
      </c>
      <c r="EO18" s="300">
        <v>149923</v>
      </c>
      <c r="EP18" s="295">
        <v>0</v>
      </c>
      <c r="EQ18" s="296">
        <v>0</v>
      </c>
      <c r="ER18" s="297">
        <v>0</v>
      </c>
      <c r="ES18" s="301"/>
      <c r="ET18" s="296">
        <v>0</v>
      </c>
      <c r="EU18" s="296">
        <v>0</v>
      </c>
      <c r="EV18" s="296">
        <v>0</v>
      </c>
      <c r="EW18" s="296">
        <v>0</v>
      </c>
      <c r="EX18" s="296">
        <v>217</v>
      </c>
      <c r="EY18" s="299">
        <v>217</v>
      </c>
      <c r="EZ18" s="300">
        <v>217</v>
      </c>
      <c r="FA18" s="295">
        <v>0</v>
      </c>
      <c r="FB18" s="296">
        <v>0</v>
      </c>
      <c r="FC18" s="297">
        <v>0</v>
      </c>
      <c r="FD18" s="301"/>
      <c r="FE18" s="296">
        <v>0</v>
      </c>
      <c r="FF18" s="296">
        <v>0</v>
      </c>
      <c r="FG18" s="296">
        <v>0</v>
      </c>
      <c r="FH18" s="296">
        <v>0</v>
      </c>
      <c r="FI18" s="296">
        <v>0</v>
      </c>
      <c r="FJ18" s="299">
        <v>0</v>
      </c>
      <c r="FK18" s="300">
        <v>0</v>
      </c>
      <c r="FL18" s="295">
        <v>0</v>
      </c>
      <c r="FM18" s="296">
        <v>0</v>
      </c>
      <c r="FN18" s="297">
        <v>0</v>
      </c>
      <c r="FO18" s="301"/>
      <c r="FP18" s="296">
        <v>0</v>
      </c>
      <c r="FQ18" s="296">
        <v>0</v>
      </c>
      <c r="FR18" s="296">
        <v>196602</v>
      </c>
      <c r="FS18" s="296">
        <v>158878</v>
      </c>
      <c r="FT18" s="296">
        <v>120286</v>
      </c>
      <c r="FU18" s="299">
        <v>475766</v>
      </c>
      <c r="FV18" s="300">
        <v>475766</v>
      </c>
      <c r="FW18" s="295">
        <v>0</v>
      </c>
      <c r="FX18" s="296">
        <v>0</v>
      </c>
      <c r="FY18" s="297">
        <v>0</v>
      </c>
      <c r="FZ18" s="298">
        <v>0</v>
      </c>
      <c r="GA18" s="296">
        <v>3480</v>
      </c>
      <c r="GB18" s="296">
        <v>54585</v>
      </c>
      <c r="GC18" s="296">
        <v>145605</v>
      </c>
      <c r="GD18" s="296">
        <v>224646</v>
      </c>
      <c r="GE18" s="296">
        <v>147826</v>
      </c>
      <c r="GF18" s="299">
        <v>576142</v>
      </c>
      <c r="GG18" s="300">
        <v>576142</v>
      </c>
      <c r="GH18" s="295">
        <v>0</v>
      </c>
      <c r="GI18" s="296">
        <v>0</v>
      </c>
      <c r="GJ18" s="297">
        <v>0</v>
      </c>
      <c r="GK18" s="298">
        <v>0</v>
      </c>
      <c r="GL18" s="296">
        <v>98</v>
      </c>
      <c r="GM18" s="296">
        <v>428</v>
      </c>
      <c r="GN18" s="296">
        <v>5833</v>
      </c>
      <c r="GO18" s="296">
        <v>105</v>
      </c>
      <c r="GP18" s="296">
        <v>0</v>
      </c>
      <c r="GQ18" s="299">
        <v>6464</v>
      </c>
      <c r="GR18" s="300">
        <v>6464</v>
      </c>
      <c r="GS18" s="295">
        <v>0</v>
      </c>
      <c r="GT18" s="296">
        <v>0</v>
      </c>
      <c r="GU18" s="297">
        <v>0</v>
      </c>
      <c r="GV18" s="298">
        <v>0</v>
      </c>
      <c r="GW18" s="296">
        <v>0</v>
      </c>
      <c r="GX18" s="296">
        <v>0</v>
      </c>
      <c r="GY18" s="296">
        <v>0</v>
      </c>
      <c r="GZ18" s="296">
        <v>0</v>
      </c>
      <c r="HA18" s="296">
        <v>0</v>
      </c>
      <c r="HB18" s="299">
        <v>0</v>
      </c>
      <c r="HC18" s="300">
        <v>0</v>
      </c>
      <c r="HD18" s="295">
        <v>0</v>
      </c>
      <c r="HE18" s="296">
        <v>0</v>
      </c>
      <c r="HF18" s="297">
        <v>0</v>
      </c>
      <c r="HG18" s="301"/>
      <c r="HH18" s="296">
        <v>0</v>
      </c>
      <c r="HI18" s="296">
        <v>0</v>
      </c>
      <c r="HJ18" s="296">
        <v>0</v>
      </c>
      <c r="HK18" s="296">
        <v>0</v>
      </c>
      <c r="HL18" s="296">
        <v>0</v>
      </c>
      <c r="HM18" s="299">
        <v>0</v>
      </c>
      <c r="HN18" s="300">
        <v>0</v>
      </c>
      <c r="HO18" s="295">
        <v>0</v>
      </c>
      <c r="HP18" s="296">
        <v>0</v>
      </c>
      <c r="HQ18" s="297">
        <v>0</v>
      </c>
      <c r="HR18" s="298">
        <v>0</v>
      </c>
      <c r="HS18" s="296">
        <v>233659</v>
      </c>
      <c r="HT18" s="296">
        <v>651058</v>
      </c>
      <c r="HU18" s="296">
        <v>3093200</v>
      </c>
      <c r="HV18" s="296">
        <v>4111517</v>
      </c>
      <c r="HW18" s="296">
        <v>2564856</v>
      </c>
      <c r="HX18" s="299">
        <v>10654290</v>
      </c>
      <c r="HY18" s="300">
        <v>10654290</v>
      </c>
    </row>
    <row r="19" spans="2:233" ht="16.5" customHeight="1" x14ac:dyDescent="0.2">
      <c r="B19" s="293" t="s">
        <v>16</v>
      </c>
      <c r="C19" s="295">
        <v>0</v>
      </c>
      <c r="D19" s="296">
        <v>0</v>
      </c>
      <c r="E19" s="297">
        <v>0</v>
      </c>
      <c r="F19" s="298">
        <v>0</v>
      </c>
      <c r="G19" s="296">
        <v>432732</v>
      </c>
      <c r="H19" s="296">
        <v>1037199</v>
      </c>
      <c r="I19" s="296">
        <v>2927560</v>
      </c>
      <c r="J19" s="296">
        <v>3686833</v>
      </c>
      <c r="K19" s="296">
        <v>2165979</v>
      </c>
      <c r="L19" s="299">
        <v>10250303</v>
      </c>
      <c r="M19" s="300">
        <v>10250303</v>
      </c>
      <c r="N19" s="295">
        <v>0</v>
      </c>
      <c r="O19" s="296">
        <v>0</v>
      </c>
      <c r="P19" s="297">
        <v>0</v>
      </c>
      <c r="Q19" s="301"/>
      <c r="R19" s="296">
        <v>67890</v>
      </c>
      <c r="S19" s="296">
        <v>177010</v>
      </c>
      <c r="T19" s="296">
        <v>1962855</v>
      </c>
      <c r="U19" s="296">
        <v>2264715</v>
      </c>
      <c r="V19" s="296">
        <v>1633229</v>
      </c>
      <c r="W19" s="299">
        <v>6105699</v>
      </c>
      <c r="X19" s="300">
        <v>6105699</v>
      </c>
      <c r="Y19" s="295">
        <v>0</v>
      </c>
      <c r="Z19" s="296">
        <v>0</v>
      </c>
      <c r="AA19" s="297">
        <v>0</v>
      </c>
      <c r="AB19" s="301"/>
      <c r="AC19" s="296">
        <v>274347</v>
      </c>
      <c r="AD19" s="296">
        <v>755843</v>
      </c>
      <c r="AE19" s="296">
        <v>673913</v>
      </c>
      <c r="AF19" s="296">
        <v>1084270</v>
      </c>
      <c r="AG19" s="296">
        <v>281300</v>
      </c>
      <c r="AH19" s="299">
        <v>3069673</v>
      </c>
      <c r="AI19" s="300">
        <v>3069673</v>
      </c>
      <c r="AJ19" s="295">
        <v>0</v>
      </c>
      <c r="AK19" s="296">
        <v>0</v>
      </c>
      <c r="AL19" s="297">
        <v>0</v>
      </c>
      <c r="AM19" s="301"/>
      <c r="AN19" s="296">
        <v>0</v>
      </c>
      <c r="AO19" s="296">
        <v>0</v>
      </c>
      <c r="AP19" s="296">
        <v>0</v>
      </c>
      <c r="AQ19" s="296">
        <v>0</v>
      </c>
      <c r="AR19" s="296">
        <v>2635</v>
      </c>
      <c r="AS19" s="299">
        <v>2635</v>
      </c>
      <c r="AT19" s="300">
        <v>2635</v>
      </c>
      <c r="AU19" s="295">
        <v>0</v>
      </c>
      <c r="AV19" s="296">
        <v>0</v>
      </c>
      <c r="AW19" s="297">
        <v>0</v>
      </c>
      <c r="AX19" s="301"/>
      <c r="AY19" s="296">
        <v>35495</v>
      </c>
      <c r="AZ19" s="296">
        <v>0</v>
      </c>
      <c r="BA19" s="296">
        <v>68200</v>
      </c>
      <c r="BB19" s="296">
        <v>108810</v>
      </c>
      <c r="BC19" s="296">
        <v>93890</v>
      </c>
      <c r="BD19" s="299">
        <v>306395</v>
      </c>
      <c r="BE19" s="300">
        <v>306395</v>
      </c>
      <c r="BF19" s="295">
        <v>0</v>
      </c>
      <c r="BG19" s="296">
        <v>0</v>
      </c>
      <c r="BH19" s="297">
        <v>0</v>
      </c>
      <c r="BI19" s="301"/>
      <c r="BJ19" s="296">
        <v>2635</v>
      </c>
      <c r="BK19" s="296">
        <v>27280</v>
      </c>
      <c r="BL19" s="296">
        <v>67040</v>
      </c>
      <c r="BM19" s="296">
        <v>132450</v>
      </c>
      <c r="BN19" s="296">
        <v>100595</v>
      </c>
      <c r="BO19" s="299">
        <v>330000</v>
      </c>
      <c r="BP19" s="300">
        <v>330000</v>
      </c>
      <c r="BQ19" s="295">
        <v>0</v>
      </c>
      <c r="BR19" s="296">
        <v>0</v>
      </c>
      <c r="BS19" s="297">
        <v>0</v>
      </c>
      <c r="BT19" s="298">
        <v>0</v>
      </c>
      <c r="BU19" s="296">
        <v>52365</v>
      </c>
      <c r="BV19" s="296">
        <v>76623</v>
      </c>
      <c r="BW19" s="296">
        <v>155552</v>
      </c>
      <c r="BX19" s="296">
        <v>86734</v>
      </c>
      <c r="BY19" s="296">
        <v>47370</v>
      </c>
      <c r="BZ19" s="299">
        <v>418644</v>
      </c>
      <c r="CA19" s="300">
        <v>418644</v>
      </c>
      <c r="CB19" s="295">
        <v>0</v>
      </c>
      <c r="CC19" s="296">
        <v>0</v>
      </c>
      <c r="CD19" s="297">
        <v>0</v>
      </c>
      <c r="CE19" s="298">
        <v>0</v>
      </c>
      <c r="CF19" s="296">
        <v>0</v>
      </c>
      <c r="CG19" s="296">
        <v>443</v>
      </c>
      <c r="CH19" s="296">
        <v>0</v>
      </c>
      <c r="CI19" s="296">
        <v>9854</v>
      </c>
      <c r="CJ19" s="296">
        <v>6960</v>
      </c>
      <c r="CK19" s="299">
        <v>17257</v>
      </c>
      <c r="CL19" s="300">
        <v>17257</v>
      </c>
      <c r="CM19" s="295">
        <v>0</v>
      </c>
      <c r="CN19" s="296">
        <v>0</v>
      </c>
      <c r="CO19" s="297">
        <v>0</v>
      </c>
      <c r="CP19" s="298">
        <v>0</v>
      </c>
      <c r="CQ19" s="296">
        <v>0</v>
      </c>
      <c r="CR19" s="296">
        <v>0</v>
      </c>
      <c r="CS19" s="296">
        <v>0</v>
      </c>
      <c r="CT19" s="296">
        <v>0</v>
      </c>
      <c r="CU19" s="296">
        <v>0</v>
      </c>
      <c r="CV19" s="299">
        <v>0</v>
      </c>
      <c r="CW19" s="300">
        <v>0</v>
      </c>
      <c r="CX19" s="295">
        <v>0</v>
      </c>
      <c r="CY19" s="296">
        <v>0</v>
      </c>
      <c r="CZ19" s="297">
        <v>0</v>
      </c>
      <c r="DA19" s="301"/>
      <c r="DB19" s="296">
        <v>0</v>
      </c>
      <c r="DC19" s="296">
        <v>0</v>
      </c>
      <c r="DD19" s="296">
        <v>0</v>
      </c>
      <c r="DE19" s="296">
        <v>0</v>
      </c>
      <c r="DF19" s="296">
        <v>0</v>
      </c>
      <c r="DG19" s="299">
        <v>0</v>
      </c>
      <c r="DH19" s="300">
        <v>0</v>
      </c>
      <c r="DI19" s="295">
        <v>0</v>
      </c>
      <c r="DJ19" s="296">
        <v>0</v>
      </c>
      <c r="DK19" s="297">
        <v>0</v>
      </c>
      <c r="DL19" s="298">
        <v>0</v>
      </c>
      <c r="DM19" s="296">
        <v>368274</v>
      </c>
      <c r="DN19" s="296">
        <v>772402</v>
      </c>
      <c r="DO19" s="296">
        <v>3280681</v>
      </c>
      <c r="DP19" s="296">
        <v>3882666</v>
      </c>
      <c r="DQ19" s="296">
        <v>2251764</v>
      </c>
      <c r="DR19" s="299">
        <v>10555787</v>
      </c>
      <c r="DS19" s="302">
        <v>10555787</v>
      </c>
      <c r="DT19" s="295">
        <v>0</v>
      </c>
      <c r="DU19" s="296">
        <v>0</v>
      </c>
      <c r="DV19" s="297">
        <v>0</v>
      </c>
      <c r="DW19" s="301"/>
      <c r="DX19" s="296">
        <v>91357</v>
      </c>
      <c r="DY19" s="296">
        <v>371876</v>
      </c>
      <c r="DZ19" s="296">
        <v>2607033</v>
      </c>
      <c r="EA19" s="296">
        <v>3140472</v>
      </c>
      <c r="EB19" s="296">
        <v>1930578</v>
      </c>
      <c r="EC19" s="299">
        <v>8141316</v>
      </c>
      <c r="ED19" s="300">
        <v>8141316</v>
      </c>
      <c r="EE19" s="295">
        <v>0</v>
      </c>
      <c r="EF19" s="296">
        <v>0</v>
      </c>
      <c r="EG19" s="297">
        <v>0</v>
      </c>
      <c r="EH19" s="301"/>
      <c r="EI19" s="296">
        <v>188394</v>
      </c>
      <c r="EJ19" s="296">
        <v>250594</v>
      </c>
      <c r="EK19" s="296">
        <v>262668</v>
      </c>
      <c r="EL19" s="296">
        <v>347397</v>
      </c>
      <c r="EM19" s="296">
        <v>65374</v>
      </c>
      <c r="EN19" s="299">
        <v>1114427</v>
      </c>
      <c r="EO19" s="300">
        <v>1114427</v>
      </c>
      <c r="EP19" s="295">
        <v>0</v>
      </c>
      <c r="EQ19" s="296">
        <v>0</v>
      </c>
      <c r="ER19" s="297">
        <v>0</v>
      </c>
      <c r="ES19" s="301"/>
      <c r="ET19" s="296">
        <v>0</v>
      </c>
      <c r="EU19" s="296">
        <v>0</v>
      </c>
      <c r="EV19" s="296">
        <v>0</v>
      </c>
      <c r="EW19" s="296">
        <v>0</v>
      </c>
      <c r="EX19" s="296">
        <v>217</v>
      </c>
      <c r="EY19" s="299">
        <v>217</v>
      </c>
      <c r="EZ19" s="300">
        <v>217</v>
      </c>
      <c r="FA19" s="295">
        <v>0</v>
      </c>
      <c r="FB19" s="296">
        <v>0</v>
      </c>
      <c r="FC19" s="297">
        <v>0</v>
      </c>
      <c r="FD19" s="301"/>
      <c r="FE19" s="296">
        <v>11687</v>
      </c>
      <c r="FF19" s="296">
        <v>0</v>
      </c>
      <c r="FG19" s="296">
        <v>11904</v>
      </c>
      <c r="FH19" s="296">
        <v>12772</v>
      </c>
      <c r="FI19" s="296">
        <v>12338</v>
      </c>
      <c r="FJ19" s="299">
        <v>48701</v>
      </c>
      <c r="FK19" s="300">
        <v>48701</v>
      </c>
      <c r="FL19" s="295">
        <v>0</v>
      </c>
      <c r="FM19" s="296">
        <v>0</v>
      </c>
      <c r="FN19" s="297">
        <v>0</v>
      </c>
      <c r="FO19" s="301"/>
      <c r="FP19" s="296">
        <v>21576</v>
      </c>
      <c r="FQ19" s="296">
        <v>43152</v>
      </c>
      <c r="FR19" s="296">
        <v>141166</v>
      </c>
      <c r="FS19" s="296">
        <v>218178</v>
      </c>
      <c r="FT19" s="296">
        <v>181412</v>
      </c>
      <c r="FU19" s="299">
        <v>605484</v>
      </c>
      <c r="FV19" s="300">
        <v>605484</v>
      </c>
      <c r="FW19" s="295">
        <v>0</v>
      </c>
      <c r="FX19" s="296">
        <v>0</v>
      </c>
      <c r="FY19" s="297">
        <v>0</v>
      </c>
      <c r="FZ19" s="298">
        <v>0</v>
      </c>
      <c r="GA19" s="296">
        <v>55260</v>
      </c>
      <c r="GB19" s="296">
        <v>106752</v>
      </c>
      <c r="GC19" s="296">
        <v>257910</v>
      </c>
      <c r="GD19" s="296">
        <v>151931</v>
      </c>
      <c r="GE19" s="296">
        <v>51171</v>
      </c>
      <c r="GF19" s="299">
        <v>623024</v>
      </c>
      <c r="GG19" s="300">
        <v>623024</v>
      </c>
      <c r="GH19" s="295">
        <v>0</v>
      </c>
      <c r="GI19" s="296">
        <v>0</v>
      </c>
      <c r="GJ19" s="297">
        <v>0</v>
      </c>
      <c r="GK19" s="298">
        <v>0</v>
      </c>
      <c r="GL19" s="296">
        <v>0</v>
      </c>
      <c r="GM19" s="296">
        <v>28</v>
      </c>
      <c r="GN19" s="296">
        <v>0</v>
      </c>
      <c r="GO19" s="296">
        <v>11916</v>
      </c>
      <c r="GP19" s="296">
        <v>10674</v>
      </c>
      <c r="GQ19" s="299">
        <v>22618</v>
      </c>
      <c r="GR19" s="300">
        <v>22618</v>
      </c>
      <c r="GS19" s="295">
        <v>0</v>
      </c>
      <c r="GT19" s="296">
        <v>0</v>
      </c>
      <c r="GU19" s="297">
        <v>0</v>
      </c>
      <c r="GV19" s="298">
        <v>0</v>
      </c>
      <c r="GW19" s="296">
        <v>0</v>
      </c>
      <c r="GX19" s="296">
        <v>0</v>
      </c>
      <c r="GY19" s="296">
        <v>0</v>
      </c>
      <c r="GZ19" s="296">
        <v>0</v>
      </c>
      <c r="HA19" s="296">
        <v>0</v>
      </c>
      <c r="HB19" s="299">
        <v>0</v>
      </c>
      <c r="HC19" s="300">
        <v>0</v>
      </c>
      <c r="HD19" s="295">
        <v>0</v>
      </c>
      <c r="HE19" s="296">
        <v>0</v>
      </c>
      <c r="HF19" s="297">
        <v>0</v>
      </c>
      <c r="HG19" s="301"/>
      <c r="HH19" s="296">
        <v>0</v>
      </c>
      <c r="HI19" s="296">
        <v>0</v>
      </c>
      <c r="HJ19" s="296">
        <v>0</v>
      </c>
      <c r="HK19" s="296">
        <v>0</v>
      </c>
      <c r="HL19" s="296">
        <v>0</v>
      </c>
      <c r="HM19" s="299">
        <v>0</v>
      </c>
      <c r="HN19" s="300">
        <v>0</v>
      </c>
      <c r="HO19" s="295">
        <v>0</v>
      </c>
      <c r="HP19" s="296">
        <v>0</v>
      </c>
      <c r="HQ19" s="297">
        <v>0</v>
      </c>
      <c r="HR19" s="298">
        <v>0</v>
      </c>
      <c r="HS19" s="296">
        <v>801006</v>
      </c>
      <c r="HT19" s="296">
        <v>1809601</v>
      </c>
      <c r="HU19" s="296">
        <v>6208241</v>
      </c>
      <c r="HV19" s="296">
        <v>7569499</v>
      </c>
      <c r="HW19" s="296">
        <v>4417743</v>
      </c>
      <c r="HX19" s="299">
        <v>20806090</v>
      </c>
      <c r="HY19" s="300">
        <v>20806090</v>
      </c>
    </row>
    <row r="20" spans="2:233" ht="16.5" customHeight="1" x14ac:dyDescent="0.2">
      <c r="B20" s="293" t="s">
        <v>17</v>
      </c>
      <c r="C20" s="295">
        <v>0</v>
      </c>
      <c r="D20" s="296">
        <v>3010</v>
      </c>
      <c r="E20" s="297">
        <v>3010</v>
      </c>
      <c r="F20" s="298">
        <v>0</v>
      </c>
      <c r="G20" s="296">
        <v>284985</v>
      </c>
      <c r="H20" s="296">
        <v>930225</v>
      </c>
      <c r="I20" s="296">
        <v>2711495</v>
      </c>
      <c r="J20" s="296">
        <v>3066457</v>
      </c>
      <c r="K20" s="296">
        <v>2519750</v>
      </c>
      <c r="L20" s="299">
        <v>9512912</v>
      </c>
      <c r="M20" s="300">
        <v>9515922</v>
      </c>
      <c r="N20" s="295">
        <v>0</v>
      </c>
      <c r="O20" s="296">
        <v>0</v>
      </c>
      <c r="P20" s="297">
        <v>0</v>
      </c>
      <c r="Q20" s="301"/>
      <c r="R20" s="296">
        <v>51960</v>
      </c>
      <c r="S20" s="296">
        <v>237460</v>
      </c>
      <c r="T20" s="296">
        <v>1673140</v>
      </c>
      <c r="U20" s="296">
        <v>2217420</v>
      </c>
      <c r="V20" s="296">
        <v>1785465</v>
      </c>
      <c r="W20" s="299">
        <v>5965445</v>
      </c>
      <c r="X20" s="300">
        <v>5965445</v>
      </c>
      <c r="Y20" s="295">
        <v>0</v>
      </c>
      <c r="Z20" s="296">
        <v>0</v>
      </c>
      <c r="AA20" s="297">
        <v>0</v>
      </c>
      <c r="AB20" s="301"/>
      <c r="AC20" s="296">
        <v>149190</v>
      </c>
      <c r="AD20" s="296">
        <v>531540</v>
      </c>
      <c r="AE20" s="296">
        <v>718440</v>
      </c>
      <c r="AF20" s="296">
        <v>468042</v>
      </c>
      <c r="AG20" s="296">
        <v>246360</v>
      </c>
      <c r="AH20" s="299">
        <v>2113572</v>
      </c>
      <c r="AI20" s="300">
        <v>2113572</v>
      </c>
      <c r="AJ20" s="295">
        <v>0</v>
      </c>
      <c r="AK20" s="296">
        <v>0</v>
      </c>
      <c r="AL20" s="297">
        <v>0</v>
      </c>
      <c r="AM20" s="301"/>
      <c r="AN20" s="296">
        <v>0</v>
      </c>
      <c r="AO20" s="296">
        <v>0</v>
      </c>
      <c r="AP20" s="296">
        <v>0</v>
      </c>
      <c r="AQ20" s="296">
        <v>0</v>
      </c>
      <c r="AR20" s="296">
        <v>35340</v>
      </c>
      <c r="AS20" s="299">
        <v>35340</v>
      </c>
      <c r="AT20" s="300">
        <v>35340</v>
      </c>
      <c r="AU20" s="295">
        <v>0</v>
      </c>
      <c r="AV20" s="296">
        <v>0</v>
      </c>
      <c r="AW20" s="297">
        <v>0</v>
      </c>
      <c r="AX20" s="301"/>
      <c r="AY20" s="296">
        <v>0</v>
      </c>
      <c r="AZ20" s="296">
        <v>0</v>
      </c>
      <c r="BA20" s="296">
        <v>0</v>
      </c>
      <c r="BB20" s="296">
        <v>2635</v>
      </c>
      <c r="BC20" s="296">
        <v>56535</v>
      </c>
      <c r="BD20" s="299">
        <v>59170</v>
      </c>
      <c r="BE20" s="300">
        <v>59170</v>
      </c>
      <c r="BF20" s="295">
        <v>0</v>
      </c>
      <c r="BG20" s="296">
        <v>0</v>
      </c>
      <c r="BH20" s="297">
        <v>0</v>
      </c>
      <c r="BI20" s="301"/>
      <c r="BJ20" s="296">
        <v>0</v>
      </c>
      <c r="BK20" s="296">
        <v>0</v>
      </c>
      <c r="BL20" s="296">
        <v>174490</v>
      </c>
      <c r="BM20" s="296">
        <v>146475</v>
      </c>
      <c r="BN20" s="296">
        <v>277140</v>
      </c>
      <c r="BO20" s="299">
        <v>598105</v>
      </c>
      <c r="BP20" s="300">
        <v>598105</v>
      </c>
      <c r="BQ20" s="295">
        <v>0</v>
      </c>
      <c r="BR20" s="296">
        <v>3010</v>
      </c>
      <c r="BS20" s="297">
        <v>3010</v>
      </c>
      <c r="BT20" s="298">
        <v>0</v>
      </c>
      <c r="BU20" s="296">
        <v>80885</v>
      </c>
      <c r="BV20" s="296">
        <v>142400</v>
      </c>
      <c r="BW20" s="296">
        <v>128475</v>
      </c>
      <c r="BX20" s="296">
        <v>231885</v>
      </c>
      <c r="BY20" s="296">
        <v>102880</v>
      </c>
      <c r="BZ20" s="299">
        <v>686525</v>
      </c>
      <c r="CA20" s="300">
        <v>689535</v>
      </c>
      <c r="CB20" s="295">
        <v>0</v>
      </c>
      <c r="CC20" s="296">
        <v>0</v>
      </c>
      <c r="CD20" s="297">
        <v>0</v>
      </c>
      <c r="CE20" s="298">
        <v>0</v>
      </c>
      <c r="CF20" s="296">
        <v>2950</v>
      </c>
      <c r="CG20" s="296">
        <v>18825</v>
      </c>
      <c r="CH20" s="296">
        <v>16950</v>
      </c>
      <c r="CI20" s="296">
        <v>0</v>
      </c>
      <c r="CJ20" s="296">
        <v>16030</v>
      </c>
      <c r="CK20" s="299">
        <v>54755</v>
      </c>
      <c r="CL20" s="300">
        <v>54755</v>
      </c>
      <c r="CM20" s="295">
        <v>0</v>
      </c>
      <c r="CN20" s="296">
        <v>0</v>
      </c>
      <c r="CO20" s="297">
        <v>0</v>
      </c>
      <c r="CP20" s="298">
        <v>0</v>
      </c>
      <c r="CQ20" s="296">
        <v>0</v>
      </c>
      <c r="CR20" s="296">
        <v>0</v>
      </c>
      <c r="CS20" s="296">
        <v>0</v>
      </c>
      <c r="CT20" s="296">
        <v>0</v>
      </c>
      <c r="CU20" s="296">
        <v>0</v>
      </c>
      <c r="CV20" s="299">
        <v>0</v>
      </c>
      <c r="CW20" s="300">
        <v>0</v>
      </c>
      <c r="CX20" s="295">
        <v>0</v>
      </c>
      <c r="CY20" s="296">
        <v>0</v>
      </c>
      <c r="CZ20" s="297">
        <v>0</v>
      </c>
      <c r="DA20" s="301"/>
      <c r="DB20" s="296">
        <v>0</v>
      </c>
      <c r="DC20" s="296">
        <v>0</v>
      </c>
      <c r="DD20" s="296">
        <v>0</v>
      </c>
      <c r="DE20" s="296">
        <v>0</v>
      </c>
      <c r="DF20" s="296">
        <v>0</v>
      </c>
      <c r="DG20" s="299">
        <v>0</v>
      </c>
      <c r="DH20" s="300">
        <v>0</v>
      </c>
      <c r="DI20" s="295">
        <v>0</v>
      </c>
      <c r="DJ20" s="296">
        <v>12219</v>
      </c>
      <c r="DK20" s="297">
        <v>12219</v>
      </c>
      <c r="DL20" s="298">
        <v>0</v>
      </c>
      <c r="DM20" s="296">
        <v>165245</v>
      </c>
      <c r="DN20" s="296">
        <v>405086</v>
      </c>
      <c r="DO20" s="296">
        <v>2967248</v>
      </c>
      <c r="DP20" s="296">
        <v>3655415</v>
      </c>
      <c r="DQ20" s="296">
        <v>2694725</v>
      </c>
      <c r="DR20" s="299">
        <v>9887719</v>
      </c>
      <c r="DS20" s="302">
        <v>9899938</v>
      </c>
      <c r="DT20" s="295">
        <v>0</v>
      </c>
      <c r="DU20" s="296">
        <v>0</v>
      </c>
      <c r="DV20" s="297">
        <v>0</v>
      </c>
      <c r="DW20" s="301"/>
      <c r="DX20" s="296">
        <v>73222</v>
      </c>
      <c r="DY20" s="296">
        <v>211358</v>
      </c>
      <c r="DZ20" s="296">
        <v>2437616</v>
      </c>
      <c r="EA20" s="296">
        <v>3094036</v>
      </c>
      <c r="EB20" s="296">
        <v>2110398</v>
      </c>
      <c r="EC20" s="299">
        <v>7926630</v>
      </c>
      <c r="ED20" s="300">
        <v>7926630</v>
      </c>
      <c r="EE20" s="295">
        <v>0</v>
      </c>
      <c r="EF20" s="296">
        <v>0</v>
      </c>
      <c r="EG20" s="297">
        <v>0</v>
      </c>
      <c r="EH20" s="301"/>
      <c r="EI20" s="296">
        <v>2198</v>
      </c>
      <c r="EJ20" s="296">
        <v>29400</v>
      </c>
      <c r="EK20" s="296">
        <v>72043</v>
      </c>
      <c r="EL20" s="296">
        <v>40003</v>
      </c>
      <c r="EM20" s="296">
        <v>26825</v>
      </c>
      <c r="EN20" s="299">
        <v>170469</v>
      </c>
      <c r="EO20" s="300">
        <v>170469</v>
      </c>
      <c r="EP20" s="295">
        <v>0</v>
      </c>
      <c r="EQ20" s="296">
        <v>0</v>
      </c>
      <c r="ER20" s="297">
        <v>0</v>
      </c>
      <c r="ES20" s="301"/>
      <c r="ET20" s="296">
        <v>0</v>
      </c>
      <c r="EU20" s="296">
        <v>0</v>
      </c>
      <c r="EV20" s="296">
        <v>0</v>
      </c>
      <c r="EW20" s="296">
        <v>0</v>
      </c>
      <c r="EX20" s="296">
        <v>217</v>
      </c>
      <c r="EY20" s="299">
        <v>217</v>
      </c>
      <c r="EZ20" s="300">
        <v>217</v>
      </c>
      <c r="FA20" s="295">
        <v>0</v>
      </c>
      <c r="FB20" s="296">
        <v>0</v>
      </c>
      <c r="FC20" s="297">
        <v>0</v>
      </c>
      <c r="FD20" s="301"/>
      <c r="FE20" s="296">
        <v>0</v>
      </c>
      <c r="FF20" s="296">
        <v>0</v>
      </c>
      <c r="FG20" s="296">
        <v>0</v>
      </c>
      <c r="FH20" s="296">
        <v>217</v>
      </c>
      <c r="FI20" s="296">
        <v>868</v>
      </c>
      <c r="FJ20" s="299">
        <v>1085</v>
      </c>
      <c r="FK20" s="300">
        <v>1085</v>
      </c>
      <c r="FL20" s="295">
        <v>0</v>
      </c>
      <c r="FM20" s="296">
        <v>0</v>
      </c>
      <c r="FN20" s="297">
        <v>0</v>
      </c>
      <c r="FO20" s="301"/>
      <c r="FP20" s="296">
        <v>0</v>
      </c>
      <c r="FQ20" s="296">
        <v>0</v>
      </c>
      <c r="FR20" s="296">
        <v>270700</v>
      </c>
      <c r="FS20" s="296">
        <v>240839</v>
      </c>
      <c r="FT20" s="296">
        <v>408983</v>
      </c>
      <c r="FU20" s="299">
        <v>920522</v>
      </c>
      <c r="FV20" s="300">
        <v>920522</v>
      </c>
      <c r="FW20" s="295">
        <v>0</v>
      </c>
      <c r="FX20" s="296">
        <v>12219</v>
      </c>
      <c r="FY20" s="297">
        <v>12219</v>
      </c>
      <c r="FZ20" s="298">
        <v>0</v>
      </c>
      <c r="GA20" s="296">
        <v>89748</v>
      </c>
      <c r="GB20" s="296">
        <v>164104</v>
      </c>
      <c r="GC20" s="296">
        <v>186665</v>
      </c>
      <c r="GD20" s="296">
        <v>280320</v>
      </c>
      <c r="GE20" s="296">
        <v>142156</v>
      </c>
      <c r="GF20" s="299">
        <v>862993</v>
      </c>
      <c r="GG20" s="300">
        <v>875212</v>
      </c>
      <c r="GH20" s="295">
        <v>0</v>
      </c>
      <c r="GI20" s="296">
        <v>0</v>
      </c>
      <c r="GJ20" s="297">
        <v>0</v>
      </c>
      <c r="GK20" s="298">
        <v>0</v>
      </c>
      <c r="GL20" s="296">
        <v>77</v>
      </c>
      <c r="GM20" s="296">
        <v>224</v>
      </c>
      <c r="GN20" s="296">
        <v>224</v>
      </c>
      <c r="GO20" s="296">
        <v>0</v>
      </c>
      <c r="GP20" s="296">
        <v>5278</v>
      </c>
      <c r="GQ20" s="299">
        <v>5803</v>
      </c>
      <c r="GR20" s="300">
        <v>5803</v>
      </c>
      <c r="GS20" s="295">
        <v>0</v>
      </c>
      <c r="GT20" s="296">
        <v>0</v>
      </c>
      <c r="GU20" s="297">
        <v>0</v>
      </c>
      <c r="GV20" s="298">
        <v>0</v>
      </c>
      <c r="GW20" s="296">
        <v>0</v>
      </c>
      <c r="GX20" s="296">
        <v>0</v>
      </c>
      <c r="GY20" s="296">
        <v>0</v>
      </c>
      <c r="GZ20" s="296">
        <v>0</v>
      </c>
      <c r="HA20" s="296">
        <v>0</v>
      </c>
      <c r="HB20" s="299">
        <v>0</v>
      </c>
      <c r="HC20" s="300">
        <v>0</v>
      </c>
      <c r="HD20" s="295">
        <v>0</v>
      </c>
      <c r="HE20" s="296">
        <v>0</v>
      </c>
      <c r="HF20" s="297">
        <v>0</v>
      </c>
      <c r="HG20" s="301"/>
      <c r="HH20" s="296">
        <v>0</v>
      </c>
      <c r="HI20" s="296">
        <v>0</v>
      </c>
      <c r="HJ20" s="296">
        <v>0</v>
      </c>
      <c r="HK20" s="296">
        <v>0</v>
      </c>
      <c r="HL20" s="296">
        <v>0</v>
      </c>
      <c r="HM20" s="299">
        <v>0</v>
      </c>
      <c r="HN20" s="300">
        <v>0</v>
      </c>
      <c r="HO20" s="295">
        <v>0</v>
      </c>
      <c r="HP20" s="296">
        <v>15229</v>
      </c>
      <c r="HQ20" s="297">
        <v>15229</v>
      </c>
      <c r="HR20" s="298">
        <v>0</v>
      </c>
      <c r="HS20" s="296">
        <v>450230</v>
      </c>
      <c r="HT20" s="296">
        <v>1335311</v>
      </c>
      <c r="HU20" s="296">
        <v>5678743</v>
      </c>
      <c r="HV20" s="296">
        <v>6721872</v>
      </c>
      <c r="HW20" s="296">
        <v>5214475</v>
      </c>
      <c r="HX20" s="299">
        <v>19400631</v>
      </c>
      <c r="HY20" s="300">
        <v>19415860</v>
      </c>
    </row>
    <row r="21" spans="2:233" ht="16.5" customHeight="1" x14ac:dyDescent="0.2">
      <c r="B21" s="293" t="s">
        <v>18</v>
      </c>
      <c r="C21" s="295">
        <v>0</v>
      </c>
      <c r="D21" s="296">
        <v>290</v>
      </c>
      <c r="E21" s="297">
        <v>290</v>
      </c>
      <c r="F21" s="298">
        <v>0</v>
      </c>
      <c r="G21" s="296">
        <v>330945</v>
      </c>
      <c r="H21" s="296">
        <v>777602</v>
      </c>
      <c r="I21" s="296">
        <v>2541195</v>
      </c>
      <c r="J21" s="296">
        <v>3632707</v>
      </c>
      <c r="K21" s="296">
        <v>3025657</v>
      </c>
      <c r="L21" s="299">
        <v>10308106</v>
      </c>
      <c r="M21" s="300">
        <v>10308396</v>
      </c>
      <c r="N21" s="295">
        <v>0</v>
      </c>
      <c r="O21" s="296">
        <v>0</v>
      </c>
      <c r="P21" s="297">
        <v>0</v>
      </c>
      <c r="Q21" s="301"/>
      <c r="R21" s="296">
        <v>27900</v>
      </c>
      <c r="S21" s="296">
        <v>110725</v>
      </c>
      <c r="T21" s="296">
        <v>1565215</v>
      </c>
      <c r="U21" s="296">
        <v>2566087</v>
      </c>
      <c r="V21" s="296">
        <v>2231877</v>
      </c>
      <c r="W21" s="299">
        <v>6501804</v>
      </c>
      <c r="X21" s="300">
        <v>6501804</v>
      </c>
      <c r="Y21" s="295">
        <v>0</v>
      </c>
      <c r="Z21" s="296">
        <v>0</v>
      </c>
      <c r="AA21" s="297">
        <v>0</v>
      </c>
      <c r="AB21" s="301"/>
      <c r="AC21" s="296">
        <v>263810</v>
      </c>
      <c r="AD21" s="296">
        <v>448012</v>
      </c>
      <c r="AE21" s="296">
        <v>730375</v>
      </c>
      <c r="AF21" s="296">
        <v>688005</v>
      </c>
      <c r="AG21" s="296">
        <v>494335</v>
      </c>
      <c r="AH21" s="299">
        <v>2624537</v>
      </c>
      <c r="AI21" s="300">
        <v>2624537</v>
      </c>
      <c r="AJ21" s="295">
        <v>0</v>
      </c>
      <c r="AK21" s="296">
        <v>0</v>
      </c>
      <c r="AL21" s="297">
        <v>0</v>
      </c>
      <c r="AM21" s="301"/>
      <c r="AN21" s="296">
        <v>0</v>
      </c>
      <c r="AO21" s="296">
        <v>0</v>
      </c>
      <c r="AP21" s="296">
        <v>0</v>
      </c>
      <c r="AQ21" s="296">
        <v>2635</v>
      </c>
      <c r="AR21" s="296">
        <v>73625</v>
      </c>
      <c r="AS21" s="299">
        <v>76260</v>
      </c>
      <c r="AT21" s="300">
        <v>76260</v>
      </c>
      <c r="AU21" s="295">
        <v>0</v>
      </c>
      <c r="AV21" s="296">
        <v>0</v>
      </c>
      <c r="AW21" s="297">
        <v>0</v>
      </c>
      <c r="AX21" s="301"/>
      <c r="AY21" s="296">
        <v>0</v>
      </c>
      <c r="AZ21" s="296">
        <v>0</v>
      </c>
      <c r="BA21" s="296">
        <v>0</v>
      </c>
      <c r="BB21" s="296">
        <v>26685</v>
      </c>
      <c r="BC21" s="296">
        <v>147250</v>
      </c>
      <c r="BD21" s="299">
        <v>173935</v>
      </c>
      <c r="BE21" s="300">
        <v>173935</v>
      </c>
      <c r="BF21" s="295">
        <v>0</v>
      </c>
      <c r="BG21" s="296">
        <v>0</v>
      </c>
      <c r="BH21" s="297">
        <v>0</v>
      </c>
      <c r="BI21" s="301"/>
      <c r="BJ21" s="296">
        <v>0</v>
      </c>
      <c r="BK21" s="296">
        <v>32705</v>
      </c>
      <c r="BL21" s="296">
        <v>43245</v>
      </c>
      <c r="BM21" s="296">
        <v>107990</v>
      </c>
      <c r="BN21" s="296">
        <v>5270</v>
      </c>
      <c r="BO21" s="299">
        <v>189210</v>
      </c>
      <c r="BP21" s="300">
        <v>189210</v>
      </c>
      <c r="BQ21" s="295">
        <v>0</v>
      </c>
      <c r="BR21" s="296">
        <v>290</v>
      </c>
      <c r="BS21" s="297">
        <v>290</v>
      </c>
      <c r="BT21" s="298">
        <v>0</v>
      </c>
      <c r="BU21" s="296">
        <v>35020</v>
      </c>
      <c r="BV21" s="296">
        <v>185120</v>
      </c>
      <c r="BW21" s="296">
        <v>202055</v>
      </c>
      <c r="BX21" s="296">
        <v>230315</v>
      </c>
      <c r="BY21" s="296">
        <v>73300</v>
      </c>
      <c r="BZ21" s="299">
        <v>725810</v>
      </c>
      <c r="CA21" s="300">
        <v>726100</v>
      </c>
      <c r="CB21" s="295">
        <v>0</v>
      </c>
      <c r="CC21" s="296">
        <v>0</v>
      </c>
      <c r="CD21" s="297">
        <v>0</v>
      </c>
      <c r="CE21" s="298">
        <v>0</v>
      </c>
      <c r="CF21" s="296">
        <v>4215</v>
      </c>
      <c r="CG21" s="296">
        <v>1040</v>
      </c>
      <c r="CH21" s="296">
        <v>305</v>
      </c>
      <c r="CI21" s="296">
        <v>10990</v>
      </c>
      <c r="CJ21" s="296">
        <v>0</v>
      </c>
      <c r="CK21" s="299">
        <v>16550</v>
      </c>
      <c r="CL21" s="300">
        <v>16550</v>
      </c>
      <c r="CM21" s="295">
        <v>0</v>
      </c>
      <c r="CN21" s="296">
        <v>0</v>
      </c>
      <c r="CO21" s="297">
        <v>0</v>
      </c>
      <c r="CP21" s="298">
        <v>0</v>
      </c>
      <c r="CQ21" s="296">
        <v>0</v>
      </c>
      <c r="CR21" s="296">
        <v>0</v>
      </c>
      <c r="CS21" s="296">
        <v>0</v>
      </c>
      <c r="CT21" s="296">
        <v>0</v>
      </c>
      <c r="CU21" s="296">
        <v>0</v>
      </c>
      <c r="CV21" s="299">
        <v>0</v>
      </c>
      <c r="CW21" s="300">
        <v>0</v>
      </c>
      <c r="CX21" s="295">
        <v>0</v>
      </c>
      <c r="CY21" s="296">
        <v>0</v>
      </c>
      <c r="CZ21" s="297">
        <v>0</v>
      </c>
      <c r="DA21" s="301"/>
      <c r="DB21" s="296">
        <v>0</v>
      </c>
      <c r="DC21" s="296">
        <v>0</v>
      </c>
      <c r="DD21" s="296">
        <v>0</v>
      </c>
      <c r="DE21" s="296">
        <v>0</v>
      </c>
      <c r="DF21" s="296">
        <v>0</v>
      </c>
      <c r="DG21" s="299">
        <v>0</v>
      </c>
      <c r="DH21" s="300">
        <v>0</v>
      </c>
      <c r="DI21" s="295">
        <v>0</v>
      </c>
      <c r="DJ21" s="296">
        <v>5568</v>
      </c>
      <c r="DK21" s="297">
        <v>5568</v>
      </c>
      <c r="DL21" s="298">
        <v>0</v>
      </c>
      <c r="DM21" s="296">
        <v>184014</v>
      </c>
      <c r="DN21" s="296">
        <v>644666</v>
      </c>
      <c r="DO21" s="296">
        <v>3008841</v>
      </c>
      <c r="DP21" s="296">
        <v>4207146</v>
      </c>
      <c r="DQ21" s="296">
        <v>3052347</v>
      </c>
      <c r="DR21" s="299">
        <v>11097014</v>
      </c>
      <c r="DS21" s="302">
        <v>11102582</v>
      </c>
      <c r="DT21" s="295">
        <v>0</v>
      </c>
      <c r="DU21" s="296">
        <v>0</v>
      </c>
      <c r="DV21" s="297">
        <v>0</v>
      </c>
      <c r="DW21" s="301"/>
      <c r="DX21" s="296">
        <v>63612</v>
      </c>
      <c r="DY21" s="296">
        <v>225359</v>
      </c>
      <c r="DZ21" s="296">
        <v>2298858</v>
      </c>
      <c r="EA21" s="296">
        <v>3486728</v>
      </c>
      <c r="EB21" s="296">
        <v>2725404</v>
      </c>
      <c r="EC21" s="299">
        <v>8799961</v>
      </c>
      <c r="ED21" s="300">
        <v>8799961</v>
      </c>
      <c r="EE21" s="295">
        <v>0</v>
      </c>
      <c r="EF21" s="296">
        <v>0</v>
      </c>
      <c r="EG21" s="297">
        <v>0</v>
      </c>
      <c r="EH21" s="301"/>
      <c r="EI21" s="296">
        <v>45711</v>
      </c>
      <c r="EJ21" s="296">
        <v>38030</v>
      </c>
      <c r="EK21" s="296">
        <v>187342</v>
      </c>
      <c r="EL21" s="296">
        <v>124546</v>
      </c>
      <c r="EM21" s="296">
        <v>118260</v>
      </c>
      <c r="EN21" s="299">
        <v>513889</v>
      </c>
      <c r="EO21" s="300">
        <v>513889</v>
      </c>
      <c r="EP21" s="295">
        <v>0</v>
      </c>
      <c r="EQ21" s="296">
        <v>0</v>
      </c>
      <c r="ER21" s="297">
        <v>0</v>
      </c>
      <c r="ES21" s="301"/>
      <c r="ET21" s="296">
        <v>0</v>
      </c>
      <c r="EU21" s="296">
        <v>0</v>
      </c>
      <c r="EV21" s="296">
        <v>0</v>
      </c>
      <c r="EW21" s="296">
        <v>217</v>
      </c>
      <c r="EX21" s="296">
        <v>22940</v>
      </c>
      <c r="EY21" s="299">
        <v>23157</v>
      </c>
      <c r="EZ21" s="300">
        <v>23157</v>
      </c>
      <c r="FA21" s="295">
        <v>0</v>
      </c>
      <c r="FB21" s="296">
        <v>0</v>
      </c>
      <c r="FC21" s="297">
        <v>0</v>
      </c>
      <c r="FD21" s="301"/>
      <c r="FE21" s="296">
        <v>0</v>
      </c>
      <c r="FF21" s="296">
        <v>0</v>
      </c>
      <c r="FG21" s="296">
        <v>0</v>
      </c>
      <c r="FH21" s="296">
        <v>434</v>
      </c>
      <c r="FI21" s="296">
        <v>1841</v>
      </c>
      <c r="FJ21" s="299">
        <v>2275</v>
      </c>
      <c r="FK21" s="300">
        <v>2275</v>
      </c>
      <c r="FL21" s="295">
        <v>0</v>
      </c>
      <c r="FM21" s="296">
        <v>0</v>
      </c>
      <c r="FN21" s="297">
        <v>0</v>
      </c>
      <c r="FO21" s="301"/>
      <c r="FP21" s="296">
        <v>0</v>
      </c>
      <c r="FQ21" s="296">
        <v>36766</v>
      </c>
      <c r="FR21" s="296">
        <v>123070</v>
      </c>
      <c r="FS21" s="296">
        <v>251708</v>
      </c>
      <c r="FT21" s="296">
        <v>43152</v>
      </c>
      <c r="FU21" s="299">
        <v>454696</v>
      </c>
      <c r="FV21" s="300">
        <v>454696</v>
      </c>
      <c r="FW21" s="295">
        <v>0</v>
      </c>
      <c r="FX21" s="296">
        <v>5568</v>
      </c>
      <c r="FY21" s="297">
        <v>5568</v>
      </c>
      <c r="FZ21" s="298">
        <v>0</v>
      </c>
      <c r="GA21" s="296">
        <v>72286</v>
      </c>
      <c r="GB21" s="296">
        <v>344490</v>
      </c>
      <c r="GC21" s="296">
        <v>399550</v>
      </c>
      <c r="GD21" s="296">
        <v>338311</v>
      </c>
      <c r="GE21" s="296">
        <v>140750</v>
      </c>
      <c r="GF21" s="299">
        <v>1295387</v>
      </c>
      <c r="GG21" s="300">
        <v>1300955</v>
      </c>
      <c r="GH21" s="295">
        <v>0</v>
      </c>
      <c r="GI21" s="296">
        <v>0</v>
      </c>
      <c r="GJ21" s="297">
        <v>0</v>
      </c>
      <c r="GK21" s="298">
        <v>0</v>
      </c>
      <c r="GL21" s="296">
        <v>2405</v>
      </c>
      <c r="GM21" s="296">
        <v>21</v>
      </c>
      <c r="GN21" s="296">
        <v>21</v>
      </c>
      <c r="GO21" s="296">
        <v>5202</v>
      </c>
      <c r="GP21" s="296">
        <v>0</v>
      </c>
      <c r="GQ21" s="299">
        <v>7649</v>
      </c>
      <c r="GR21" s="300">
        <v>7649</v>
      </c>
      <c r="GS21" s="295">
        <v>0</v>
      </c>
      <c r="GT21" s="296">
        <v>0</v>
      </c>
      <c r="GU21" s="297">
        <v>0</v>
      </c>
      <c r="GV21" s="298">
        <v>0</v>
      </c>
      <c r="GW21" s="296">
        <v>0</v>
      </c>
      <c r="GX21" s="296">
        <v>0</v>
      </c>
      <c r="GY21" s="296">
        <v>0</v>
      </c>
      <c r="GZ21" s="296">
        <v>0</v>
      </c>
      <c r="HA21" s="296">
        <v>0</v>
      </c>
      <c r="HB21" s="299">
        <v>0</v>
      </c>
      <c r="HC21" s="300">
        <v>0</v>
      </c>
      <c r="HD21" s="295">
        <v>0</v>
      </c>
      <c r="HE21" s="296">
        <v>0</v>
      </c>
      <c r="HF21" s="297">
        <v>0</v>
      </c>
      <c r="HG21" s="301"/>
      <c r="HH21" s="296">
        <v>0</v>
      </c>
      <c r="HI21" s="296">
        <v>0</v>
      </c>
      <c r="HJ21" s="296">
        <v>0</v>
      </c>
      <c r="HK21" s="296">
        <v>0</v>
      </c>
      <c r="HL21" s="296">
        <v>0</v>
      </c>
      <c r="HM21" s="299">
        <v>0</v>
      </c>
      <c r="HN21" s="300">
        <v>0</v>
      </c>
      <c r="HO21" s="295">
        <v>0</v>
      </c>
      <c r="HP21" s="296">
        <v>5858</v>
      </c>
      <c r="HQ21" s="297">
        <v>5858</v>
      </c>
      <c r="HR21" s="298">
        <v>0</v>
      </c>
      <c r="HS21" s="296">
        <v>514959</v>
      </c>
      <c r="HT21" s="296">
        <v>1422268</v>
      </c>
      <c r="HU21" s="296">
        <v>5550036</v>
      </c>
      <c r="HV21" s="296">
        <v>7839853</v>
      </c>
      <c r="HW21" s="296">
        <v>6078004</v>
      </c>
      <c r="HX21" s="299">
        <v>21405120</v>
      </c>
      <c r="HY21" s="300">
        <v>21410978</v>
      </c>
    </row>
    <row r="22" spans="2:233" ht="16.5" customHeight="1" x14ac:dyDescent="0.2">
      <c r="B22" s="293" t="s">
        <v>19</v>
      </c>
      <c r="C22" s="295">
        <v>0</v>
      </c>
      <c r="D22" s="296">
        <v>0</v>
      </c>
      <c r="E22" s="297">
        <v>0</v>
      </c>
      <c r="F22" s="298">
        <v>0</v>
      </c>
      <c r="G22" s="296">
        <v>140240</v>
      </c>
      <c r="H22" s="296">
        <v>352435</v>
      </c>
      <c r="I22" s="296">
        <v>1585755</v>
      </c>
      <c r="J22" s="296">
        <v>1431675</v>
      </c>
      <c r="K22" s="296">
        <v>1107170</v>
      </c>
      <c r="L22" s="299">
        <v>4617275</v>
      </c>
      <c r="M22" s="300">
        <v>4617275</v>
      </c>
      <c r="N22" s="295">
        <v>0</v>
      </c>
      <c r="O22" s="296">
        <v>0</v>
      </c>
      <c r="P22" s="297">
        <v>0</v>
      </c>
      <c r="Q22" s="301"/>
      <c r="R22" s="296">
        <v>0</v>
      </c>
      <c r="S22" s="296">
        <v>81375</v>
      </c>
      <c r="T22" s="296">
        <v>1136905</v>
      </c>
      <c r="U22" s="296">
        <v>1096360</v>
      </c>
      <c r="V22" s="296">
        <v>876515</v>
      </c>
      <c r="W22" s="299">
        <v>3191155</v>
      </c>
      <c r="X22" s="300">
        <v>3191155</v>
      </c>
      <c r="Y22" s="295">
        <v>0</v>
      </c>
      <c r="Z22" s="296">
        <v>0</v>
      </c>
      <c r="AA22" s="297">
        <v>0</v>
      </c>
      <c r="AB22" s="301"/>
      <c r="AC22" s="296">
        <v>106020</v>
      </c>
      <c r="AD22" s="296">
        <v>230325</v>
      </c>
      <c r="AE22" s="296">
        <v>395845</v>
      </c>
      <c r="AF22" s="296">
        <v>270830</v>
      </c>
      <c r="AG22" s="296">
        <v>151990</v>
      </c>
      <c r="AH22" s="299">
        <v>1155010</v>
      </c>
      <c r="AI22" s="300">
        <v>1155010</v>
      </c>
      <c r="AJ22" s="295">
        <v>0</v>
      </c>
      <c r="AK22" s="296">
        <v>0</v>
      </c>
      <c r="AL22" s="297">
        <v>0</v>
      </c>
      <c r="AM22" s="301"/>
      <c r="AN22" s="296">
        <v>0</v>
      </c>
      <c r="AO22" s="296">
        <v>0</v>
      </c>
      <c r="AP22" s="296">
        <v>0</v>
      </c>
      <c r="AQ22" s="296">
        <v>0</v>
      </c>
      <c r="AR22" s="296">
        <v>0</v>
      </c>
      <c r="AS22" s="299">
        <v>0</v>
      </c>
      <c r="AT22" s="300">
        <v>0</v>
      </c>
      <c r="AU22" s="295">
        <v>0</v>
      </c>
      <c r="AV22" s="296">
        <v>0</v>
      </c>
      <c r="AW22" s="297">
        <v>0</v>
      </c>
      <c r="AX22" s="301"/>
      <c r="AY22" s="296">
        <v>0</v>
      </c>
      <c r="AZ22" s="296">
        <v>0</v>
      </c>
      <c r="BA22" s="296">
        <v>0</v>
      </c>
      <c r="BB22" s="296">
        <v>0</v>
      </c>
      <c r="BC22" s="296">
        <v>51020</v>
      </c>
      <c r="BD22" s="299">
        <v>51020</v>
      </c>
      <c r="BE22" s="300">
        <v>51020</v>
      </c>
      <c r="BF22" s="295">
        <v>0</v>
      </c>
      <c r="BG22" s="296">
        <v>0</v>
      </c>
      <c r="BH22" s="297">
        <v>0</v>
      </c>
      <c r="BI22" s="301"/>
      <c r="BJ22" s="296">
        <v>0</v>
      </c>
      <c r="BK22" s="296">
        <v>0</v>
      </c>
      <c r="BL22" s="296">
        <v>0</v>
      </c>
      <c r="BM22" s="296">
        <v>0</v>
      </c>
      <c r="BN22" s="296">
        <v>0</v>
      </c>
      <c r="BO22" s="299">
        <v>0</v>
      </c>
      <c r="BP22" s="300">
        <v>0</v>
      </c>
      <c r="BQ22" s="295">
        <v>0</v>
      </c>
      <c r="BR22" s="296">
        <v>0</v>
      </c>
      <c r="BS22" s="297">
        <v>0</v>
      </c>
      <c r="BT22" s="298">
        <v>0</v>
      </c>
      <c r="BU22" s="296">
        <v>31790</v>
      </c>
      <c r="BV22" s="296">
        <v>39285</v>
      </c>
      <c r="BW22" s="296">
        <v>53005</v>
      </c>
      <c r="BX22" s="296">
        <v>63180</v>
      </c>
      <c r="BY22" s="296">
        <v>27645</v>
      </c>
      <c r="BZ22" s="299">
        <v>214905</v>
      </c>
      <c r="CA22" s="300">
        <v>214905</v>
      </c>
      <c r="CB22" s="295">
        <v>0</v>
      </c>
      <c r="CC22" s="296">
        <v>0</v>
      </c>
      <c r="CD22" s="297">
        <v>0</v>
      </c>
      <c r="CE22" s="298">
        <v>0</v>
      </c>
      <c r="CF22" s="296">
        <v>2430</v>
      </c>
      <c r="CG22" s="296">
        <v>1450</v>
      </c>
      <c r="CH22" s="296">
        <v>0</v>
      </c>
      <c r="CI22" s="296">
        <v>1305</v>
      </c>
      <c r="CJ22" s="296">
        <v>0</v>
      </c>
      <c r="CK22" s="299">
        <v>5185</v>
      </c>
      <c r="CL22" s="300">
        <v>5185</v>
      </c>
      <c r="CM22" s="295">
        <v>0</v>
      </c>
      <c r="CN22" s="296">
        <v>0</v>
      </c>
      <c r="CO22" s="297">
        <v>0</v>
      </c>
      <c r="CP22" s="298">
        <v>0</v>
      </c>
      <c r="CQ22" s="296">
        <v>0</v>
      </c>
      <c r="CR22" s="296">
        <v>0</v>
      </c>
      <c r="CS22" s="296">
        <v>0</v>
      </c>
      <c r="CT22" s="296">
        <v>0</v>
      </c>
      <c r="CU22" s="296">
        <v>0</v>
      </c>
      <c r="CV22" s="299">
        <v>0</v>
      </c>
      <c r="CW22" s="300">
        <v>0</v>
      </c>
      <c r="CX22" s="295">
        <v>0</v>
      </c>
      <c r="CY22" s="296">
        <v>0</v>
      </c>
      <c r="CZ22" s="297">
        <v>0</v>
      </c>
      <c r="DA22" s="301"/>
      <c r="DB22" s="296">
        <v>0</v>
      </c>
      <c r="DC22" s="296">
        <v>0</v>
      </c>
      <c r="DD22" s="296">
        <v>0</v>
      </c>
      <c r="DE22" s="296">
        <v>0</v>
      </c>
      <c r="DF22" s="296">
        <v>0</v>
      </c>
      <c r="DG22" s="299">
        <v>0</v>
      </c>
      <c r="DH22" s="300">
        <v>0</v>
      </c>
      <c r="DI22" s="295">
        <v>0</v>
      </c>
      <c r="DJ22" s="296">
        <v>0</v>
      </c>
      <c r="DK22" s="297">
        <v>0</v>
      </c>
      <c r="DL22" s="298">
        <v>0</v>
      </c>
      <c r="DM22" s="296">
        <v>45784</v>
      </c>
      <c r="DN22" s="296">
        <v>219751</v>
      </c>
      <c r="DO22" s="296">
        <v>1579935</v>
      </c>
      <c r="DP22" s="296">
        <v>1713217</v>
      </c>
      <c r="DQ22" s="296">
        <v>1046938</v>
      </c>
      <c r="DR22" s="299">
        <v>4605625</v>
      </c>
      <c r="DS22" s="302">
        <v>4605625</v>
      </c>
      <c r="DT22" s="295">
        <v>0</v>
      </c>
      <c r="DU22" s="296">
        <v>0</v>
      </c>
      <c r="DV22" s="297">
        <v>0</v>
      </c>
      <c r="DW22" s="301"/>
      <c r="DX22" s="296">
        <v>0</v>
      </c>
      <c r="DY22" s="296">
        <v>142414</v>
      </c>
      <c r="DZ22" s="296">
        <v>1452076</v>
      </c>
      <c r="EA22" s="296">
        <v>1577327</v>
      </c>
      <c r="EB22" s="296">
        <v>994676</v>
      </c>
      <c r="EC22" s="299">
        <v>4166493</v>
      </c>
      <c r="ED22" s="300">
        <v>4166493</v>
      </c>
      <c r="EE22" s="295">
        <v>0</v>
      </c>
      <c r="EF22" s="296">
        <v>0</v>
      </c>
      <c r="EG22" s="297">
        <v>0</v>
      </c>
      <c r="EH22" s="301"/>
      <c r="EI22" s="296">
        <v>13206</v>
      </c>
      <c r="EJ22" s="296">
        <v>36410</v>
      </c>
      <c r="EK22" s="296">
        <v>55821</v>
      </c>
      <c r="EL22" s="296">
        <v>37523</v>
      </c>
      <c r="EM22" s="296">
        <v>13353</v>
      </c>
      <c r="EN22" s="299">
        <v>156313</v>
      </c>
      <c r="EO22" s="300">
        <v>156313</v>
      </c>
      <c r="EP22" s="295">
        <v>0</v>
      </c>
      <c r="EQ22" s="296">
        <v>0</v>
      </c>
      <c r="ER22" s="297">
        <v>0</v>
      </c>
      <c r="ES22" s="301"/>
      <c r="ET22" s="296">
        <v>0</v>
      </c>
      <c r="EU22" s="296">
        <v>0</v>
      </c>
      <c r="EV22" s="296">
        <v>0</v>
      </c>
      <c r="EW22" s="296">
        <v>0</v>
      </c>
      <c r="EX22" s="296">
        <v>0</v>
      </c>
      <c r="EY22" s="299">
        <v>0</v>
      </c>
      <c r="EZ22" s="300">
        <v>0</v>
      </c>
      <c r="FA22" s="295">
        <v>0</v>
      </c>
      <c r="FB22" s="296">
        <v>0</v>
      </c>
      <c r="FC22" s="297">
        <v>0</v>
      </c>
      <c r="FD22" s="301"/>
      <c r="FE22" s="296">
        <v>0</v>
      </c>
      <c r="FF22" s="296">
        <v>0</v>
      </c>
      <c r="FG22" s="296">
        <v>0</v>
      </c>
      <c r="FH22" s="296">
        <v>0</v>
      </c>
      <c r="FI22" s="296">
        <v>434</v>
      </c>
      <c r="FJ22" s="299">
        <v>434</v>
      </c>
      <c r="FK22" s="300">
        <v>434</v>
      </c>
      <c r="FL22" s="295">
        <v>0</v>
      </c>
      <c r="FM22" s="296">
        <v>0</v>
      </c>
      <c r="FN22" s="297">
        <v>0</v>
      </c>
      <c r="FO22" s="301"/>
      <c r="FP22" s="296">
        <v>0</v>
      </c>
      <c r="FQ22" s="296">
        <v>0</v>
      </c>
      <c r="FR22" s="296">
        <v>0</v>
      </c>
      <c r="FS22" s="296">
        <v>0</v>
      </c>
      <c r="FT22" s="296">
        <v>0</v>
      </c>
      <c r="FU22" s="299">
        <v>0</v>
      </c>
      <c r="FV22" s="300">
        <v>0</v>
      </c>
      <c r="FW22" s="295">
        <v>0</v>
      </c>
      <c r="FX22" s="296">
        <v>0</v>
      </c>
      <c r="FY22" s="297">
        <v>0</v>
      </c>
      <c r="FZ22" s="298">
        <v>0</v>
      </c>
      <c r="GA22" s="296">
        <v>30409</v>
      </c>
      <c r="GB22" s="296">
        <v>35915</v>
      </c>
      <c r="GC22" s="296">
        <v>72038</v>
      </c>
      <c r="GD22" s="296">
        <v>90491</v>
      </c>
      <c r="GE22" s="296">
        <v>38475</v>
      </c>
      <c r="GF22" s="299">
        <v>267328</v>
      </c>
      <c r="GG22" s="300">
        <v>267328</v>
      </c>
      <c r="GH22" s="295">
        <v>0</v>
      </c>
      <c r="GI22" s="296">
        <v>0</v>
      </c>
      <c r="GJ22" s="297">
        <v>0</v>
      </c>
      <c r="GK22" s="298">
        <v>0</v>
      </c>
      <c r="GL22" s="296">
        <v>2169</v>
      </c>
      <c r="GM22" s="296">
        <v>5012</v>
      </c>
      <c r="GN22" s="296">
        <v>0</v>
      </c>
      <c r="GO22" s="296">
        <v>7876</v>
      </c>
      <c r="GP22" s="296">
        <v>0</v>
      </c>
      <c r="GQ22" s="299">
        <v>15057</v>
      </c>
      <c r="GR22" s="300">
        <v>15057</v>
      </c>
      <c r="GS22" s="295">
        <v>0</v>
      </c>
      <c r="GT22" s="296">
        <v>0</v>
      </c>
      <c r="GU22" s="297">
        <v>0</v>
      </c>
      <c r="GV22" s="298">
        <v>0</v>
      </c>
      <c r="GW22" s="296">
        <v>0</v>
      </c>
      <c r="GX22" s="296">
        <v>0</v>
      </c>
      <c r="GY22" s="296">
        <v>0</v>
      </c>
      <c r="GZ22" s="296">
        <v>0</v>
      </c>
      <c r="HA22" s="296">
        <v>0</v>
      </c>
      <c r="HB22" s="299">
        <v>0</v>
      </c>
      <c r="HC22" s="300">
        <v>0</v>
      </c>
      <c r="HD22" s="295">
        <v>0</v>
      </c>
      <c r="HE22" s="296">
        <v>0</v>
      </c>
      <c r="HF22" s="297">
        <v>0</v>
      </c>
      <c r="HG22" s="301"/>
      <c r="HH22" s="296">
        <v>0</v>
      </c>
      <c r="HI22" s="296">
        <v>0</v>
      </c>
      <c r="HJ22" s="296">
        <v>0</v>
      </c>
      <c r="HK22" s="296">
        <v>0</v>
      </c>
      <c r="HL22" s="296">
        <v>0</v>
      </c>
      <c r="HM22" s="299">
        <v>0</v>
      </c>
      <c r="HN22" s="300">
        <v>0</v>
      </c>
      <c r="HO22" s="295">
        <v>0</v>
      </c>
      <c r="HP22" s="296">
        <v>0</v>
      </c>
      <c r="HQ22" s="297">
        <v>0</v>
      </c>
      <c r="HR22" s="298">
        <v>0</v>
      </c>
      <c r="HS22" s="296">
        <v>186024</v>
      </c>
      <c r="HT22" s="296">
        <v>572186</v>
      </c>
      <c r="HU22" s="296">
        <v>3165690</v>
      </c>
      <c r="HV22" s="296">
        <v>3144892</v>
      </c>
      <c r="HW22" s="296">
        <v>2154108</v>
      </c>
      <c r="HX22" s="299">
        <v>9222900</v>
      </c>
      <c r="HY22" s="300">
        <v>9222900</v>
      </c>
    </row>
    <row r="23" spans="2:233" ht="16.5" customHeight="1" x14ac:dyDescent="0.2">
      <c r="B23" s="293" t="s">
        <v>20</v>
      </c>
      <c r="C23" s="295">
        <v>0</v>
      </c>
      <c r="D23" s="296">
        <v>0</v>
      </c>
      <c r="E23" s="297">
        <v>0</v>
      </c>
      <c r="F23" s="298">
        <v>0</v>
      </c>
      <c r="G23" s="296">
        <v>172270</v>
      </c>
      <c r="H23" s="296">
        <v>366955</v>
      </c>
      <c r="I23" s="296">
        <v>1360345</v>
      </c>
      <c r="J23" s="296">
        <v>1845850</v>
      </c>
      <c r="K23" s="296">
        <v>640375</v>
      </c>
      <c r="L23" s="299">
        <v>4385795</v>
      </c>
      <c r="M23" s="300">
        <v>4385795</v>
      </c>
      <c r="N23" s="295">
        <v>0</v>
      </c>
      <c r="O23" s="296">
        <v>0</v>
      </c>
      <c r="P23" s="297">
        <v>0</v>
      </c>
      <c r="Q23" s="301"/>
      <c r="R23" s="296">
        <v>32550</v>
      </c>
      <c r="S23" s="296">
        <v>164575</v>
      </c>
      <c r="T23" s="296">
        <v>1045575</v>
      </c>
      <c r="U23" s="296">
        <v>1470900</v>
      </c>
      <c r="V23" s="296">
        <v>485455</v>
      </c>
      <c r="W23" s="299">
        <v>3199055</v>
      </c>
      <c r="X23" s="300">
        <v>3199055</v>
      </c>
      <c r="Y23" s="295">
        <v>0</v>
      </c>
      <c r="Z23" s="296">
        <v>0</v>
      </c>
      <c r="AA23" s="297">
        <v>0</v>
      </c>
      <c r="AB23" s="301"/>
      <c r="AC23" s="296">
        <v>78740</v>
      </c>
      <c r="AD23" s="296">
        <v>163215</v>
      </c>
      <c r="AE23" s="296">
        <v>197210</v>
      </c>
      <c r="AF23" s="296">
        <v>219475</v>
      </c>
      <c r="AG23" s="296">
        <v>111910</v>
      </c>
      <c r="AH23" s="299">
        <v>770550</v>
      </c>
      <c r="AI23" s="300">
        <v>770550</v>
      </c>
      <c r="AJ23" s="295">
        <v>0</v>
      </c>
      <c r="AK23" s="296">
        <v>0</v>
      </c>
      <c r="AL23" s="297">
        <v>0</v>
      </c>
      <c r="AM23" s="301"/>
      <c r="AN23" s="296">
        <v>0</v>
      </c>
      <c r="AO23" s="296">
        <v>0</v>
      </c>
      <c r="AP23" s="296">
        <v>0</v>
      </c>
      <c r="AQ23" s="296">
        <v>0</v>
      </c>
      <c r="AR23" s="296">
        <v>0</v>
      </c>
      <c r="AS23" s="299">
        <v>0</v>
      </c>
      <c r="AT23" s="300">
        <v>0</v>
      </c>
      <c r="AU23" s="295">
        <v>0</v>
      </c>
      <c r="AV23" s="296">
        <v>0</v>
      </c>
      <c r="AW23" s="297">
        <v>0</v>
      </c>
      <c r="AX23" s="301"/>
      <c r="AY23" s="296">
        <v>0</v>
      </c>
      <c r="AZ23" s="296">
        <v>0</v>
      </c>
      <c r="BA23" s="296">
        <v>2635</v>
      </c>
      <c r="BB23" s="296">
        <v>0</v>
      </c>
      <c r="BC23" s="296">
        <v>5100</v>
      </c>
      <c r="BD23" s="299">
        <v>7735</v>
      </c>
      <c r="BE23" s="300">
        <v>7735</v>
      </c>
      <c r="BF23" s="295">
        <v>0</v>
      </c>
      <c r="BG23" s="296">
        <v>0</v>
      </c>
      <c r="BH23" s="297">
        <v>0</v>
      </c>
      <c r="BI23" s="301"/>
      <c r="BJ23" s="296">
        <v>0</v>
      </c>
      <c r="BK23" s="296">
        <v>0</v>
      </c>
      <c r="BL23" s="296">
        <v>0</v>
      </c>
      <c r="BM23" s="296">
        <v>0</v>
      </c>
      <c r="BN23" s="296">
        <v>0</v>
      </c>
      <c r="BO23" s="299">
        <v>0</v>
      </c>
      <c r="BP23" s="300">
        <v>0</v>
      </c>
      <c r="BQ23" s="295">
        <v>0</v>
      </c>
      <c r="BR23" s="296">
        <v>0</v>
      </c>
      <c r="BS23" s="297">
        <v>0</v>
      </c>
      <c r="BT23" s="298">
        <v>0</v>
      </c>
      <c r="BU23" s="296">
        <v>60980</v>
      </c>
      <c r="BV23" s="296">
        <v>36450</v>
      </c>
      <c r="BW23" s="296">
        <v>113330</v>
      </c>
      <c r="BX23" s="296">
        <v>151995</v>
      </c>
      <c r="BY23" s="296">
        <v>37910</v>
      </c>
      <c r="BZ23" s="299">
        <v>400665</v>
      </c>
      <c r="CA23" s="300">
        <v>400665</v>
      </c>
      <c r="CB23" s="295">
        <v>0</v>
      </c>
      <c r="CC23" s="296">
        <v>0</v>
      </c>
      <c r="CD23" s="297">
        <v>0</v>
      </c>
      <c r="CE23" s="298">
        <v>0</v>
      </c>
      <c r="CF23" s="296">
        <v>0</v>
      </c>
      <c r="CG23" s="296">
        <v>2715</v>
      </c>
      <c r="CH23" s="296">
        <v>1595</v>
      </c>
      <c r="CI23" s="296">
        <v>3480</v>
      </c>
      <c r="CJ23" s="296">
        <v>0</v>
      </c>
      <c r="CK23" s="299">
        <v>7790</v>
      </c>
      <c r="CL23" s="300">
        <v>7790</v>
      </c>
      <c r="CM23" s="295">
        <v>0</v>
      </c>
      <c r="CN23" s="296">
        <v>0</v>
      </c>
      <c r="CO23" s="297">
        <v>0</v>
      </c>
      <c r="CP23" s="298">
        <v>0</v>
      </c>
      <c r="CQ23" s="296">
        <v>0</v>
      </c>
      <c r="CR23" s="296">
        <v>0</v>
      </c>
      <c r="CS23" s="296">
        <v>0</v>
      </c>
      <c r="CT23" s="296">
        <v>0</v>
      </c>
      <c r="CU23" s="296">
        <v>0</v>
      </c>
      <c r="CV23" s="299">
        <v>0</v>
      </c>
      <c r="CW23" s="300">
        <v>0</v>
      </c>
      <c r="CX23" s="295">
        <v>0</v>
      </c>
      <c r="CY23" s="296">
        <v>0</v>
      </c>
      <c r="CZ23" s="297">
        <v>0</v>
      </c>
      <c r="DA23" s="301"/>
      <c r="DB23" s="296">
        <v>0</v>
      </c>
      <c r="DC23" s="296">
        <v>0</v>
      </c>
      <c r="DD23" s="296">
        <v>0</v>
      </c>
      <c r="DE23" s="296">
        <v>0</v>
      </c>
      <c r="DF23" s="296">
        <v>0</v>
      </c>
      <c r="DG23" s="299">
        <v>0</v>
      </c>
      <c r="DH23" s="300">
        <v>0</v>
      </c>
      <c r="DI23" s="295">
        <v>0</v>
      </c>
      <c r="DJ23" s="296">
        <v>0</v>
      </c>
      <c r="DK23" s="297">
        <v>0</v>
      </c>
      <c r="DL23" s="298">
        <v>0</v>
      </c>
      <c r="DM23" s="296">
        <v>178227</v>
      </c>
      <c r="DN23" s="296">
        <v>462492</v>
      </c>
      <c r="DO23" s="296">
        <v>2025085</v>
      </c>
      <c r="DP23" s="296">
        <v>2382584</v>
      </c>
      <c r="DQ23" s="296">
        <v>998143</v>
      </c>
      <c r="DR23" s="299">
        <v>6046531</v>
      </c>
      <c r="DS23" s="302">
        <v>6046531</v>
      </c>
      <c r="DT23" s="295">
        <v>0</v>
      </c>
      <c r="DU23" s="296">
        <v>0</v>
      </c>
      <c r="DV23" s="297">
        <v>0</v>
      </c>
      <c r="DW23" s="301"/>
      <c r="DX23" s="296">
        <v>62527</v>
      </c>
      <c r="DY23" s="296">
        <v>319362</v>
      </c>
      <c r="DZ23" s="296">
        <v>1693638</v>
      </c>
      <c r="EA23" s="296">
        <v>2123264</v>
      </c>
      <c r="EB23" s="296">
        <v>884061</v>
      </c>
      <c r="EC23" s="299">
        <v>5082852</v>
      </c>
      <c r="ED23" s="300">
        <v>5082852</v>
      </c>
      <c r="EE23" s="295">
        <v>0</v>
      </c>
      <c r="EF23" s="296">
        <v>0</v>
      </c>
      <c r="EG23" s="297">
        <v>0</v>
      </c>
      <c r="EH23" s="301"/>
      <c r="EI23" s="296">
        <v>12772</v>
      </c>
      <c r="EJ23" s="296">
        <v>35836</v>
      </c>
      <c r="EK23" s="296">
        <v>36606</v>
      </c>
      <c r="EL23" s="296">
        <v>3206</v>
      </c>
      <c r="EM23" s="296">
        <v>1302</v>
      </c>
      <c r="EN23" s="299">
        <v>89722</v>
      </c>
      <c r="EO23" s="300">
        <v>89722</v>
      </c>
      <c r="EP23" s="295">
        <v>0</v>
      </c>
      <c r="EQ23" s="296">
        <v>0</v>
      </c>
      <c r="ER23" s="297">
        <v>0</v>
      </c>
      <c r="ES23" s="301"/>
      <c r="ET23" s="296">
        <v>0</v>
      </c>
      <c r="EU23" s="296">
        <v>0</v>
      </c>
      <c r="EV23" s="296">
        <v>0</v>
      </c>
      <c r="EW23" s="296">
        <v>0</v>
      </c>
      <c r="EX23" s="296">
        <v>0</v>
      </c>
      <c r="EY23" s="299">
        <v>0</v>
      </c>
      <c r="EZ23" s="300">
        <v>0</v>
      </c>
      <c r="FA23" s="295">
        <v>0</v>
      </c>
      <c r="FB23" s="296">
        <v>0</v>
      </c>
      <c r="FC23" s="297">
        <v>0</v>
      </c>
      <c r="FD23" s="301"/>
      <c r="FE23" s="296">
        <v>0</v>
      </c>
      <c r="FF23" s="296">
        <v>0</v>
      </c>
      <c r="FG23" s="296">
        <v>217</v>
      </c>
      <c r="FH23" s="296">
        <v>0</v>
      </c>
      <c r="FI23" s="296">
        <v>434</v>
      </c>
      <c r="FJ23" s="299">
        <v>651</v>
      </c>
      <c r="FK23" s="300">
        <v>651</v>
      </c>
      <c r="FL23" s="295">
        <v>0</v>
      </c>
      <c r="FM23" s="296">
        <v>0</v>
      </c>
      <c r="FN23" s="297">
        <v>0</v>
      </c>
      <c r="FO23" s="301"/>
      <c r="FP23" s="296">
        <v>0</v>
      </c>
      <c r="FQ23" s="296">
        <v>0</v>
      </c>
      <c r="FR23" s="296">
        <v>0</v>
      </c>
      <c r="FS23" s="296">
        <v>0</v>
      </c>
      <c r="FT23" s="296">
        <v>0</v>
      </c>
      <c r="FU23" s="299">
        <v>0</v>
      </c>
      <c r="FV23" s="300">
        <v>0</v>
      </c>
      <c r="FW23" s="295">
        <v>0</v>
      </c>
      <c r="FX23" s="296">
        <v>0</v>
      </c>
      <c r="FY23" s="297">
        <v>0</v>
      </c>
      <c r="FZ23" s="298">
        <v>0</v>
      </c>
      <c r="GA23" s="296">
        <v>102928</v>
      </c>
      <c r="GB23" s="296">
        <v>103714</v>
      </c>
      <c r="GC23" s="296">
        <v>290328</v>
      </c>
      <c r="GD23" s="296">
        <v>255939</v>
      </c>
      <c r="GE23" s="296">
        <v>112346</v>
      </c>
      <c r="GF23" s="299">
        <v>865255</v>
      </c>
      <c r="GG23" s="300">
        <v>865255</v>
      </c>
      <c r="GH23" s="295">
        <v>0</v>
      </c>
      <c r="GI23" s="296">
        <v>0</v>
      </c>
      <c r="GJ23" s="297">
        <v>0</v>
      </c>
      <c r="GK23" s="298">
        <v>0</v>
      </c>
      <c r="GL23" s="296">
        <v>0</v>
      </c>
      <c r="GM23" s="296">
        <v>3580</v>
      </c>
      <c r="GN23" s="296">
        <v>4296</v>
      </c>
      <c r="GO23" s="296">
        <v>175</v>
      </c>
      <c r="GP23" s="296">
        <v>0</v>
      </c>
      <c r="GQ23" s="299">
        <v>8051</v>
      </c>
      <c r="GR23" s="300">
        <v>8051</v>
      </c>
      <c r="GS23" s="295">
        <v>0</v>
      </c>
      <c r="GT23" s="296">
        <v>0</v>
      </c>
      <c r="GU23" s="297">
        <v>0</v>
      </c>
      <c r="GV23" s="298">
        <v>0</v>
      </c>
      <c r="GW23" s="296">
        <v>0</v>
      </c>
      <c r="GX23" s="296">
        <v>0</v>
      </c>
      <c r="GY23" s="296">
        <v>0</v>
      </c>
      <c r="GZ23" s="296">
        <v>0</v>
      </c>
      <c r="HA23" s="296">
        <v>0</v>
      </c>
      <c r="HB23" s="299">
        <v>0</v>
      </c>
      <c r="HC23" s="300">
        <v>0</v>
      </c>
      <c r="HD23" s="295">
        <v>0</v>
      </c>
      <c r="HE23" s="296">
        <v>0</v>
      </c>
      <c r="HF23" s="297">
        <v>0</v>
      </c>
      <c r="HG23" s="301"/>
      <c r="HH23" s="296">
        <v>0</v>
      </c>
      <c r="HI23" s="296">
        <v>0</v>
      </c>
      <c r="HJ23" s="296">
        <v>0</v>
      </c>
      <c r="HK23" s="296">
        <v>0</v>
      </c>
      <c r="HL23" s="296">
        <v>0</v>
      </c>
      <c r="HM23" s="299">
        <v>0</v>
      </c>
      <c r="HN23" s="300">
        <v>0</v>
      </c>
      <c r="HO23" s="295">
        <v>0</v>
      </c>
      <c r="HP23" s="296">
        <v>0</v>
      </c>
      <c r="HQ23" s="297">
        <v>0</v>
      </c>
      <c r="HR23" s="298">
        <v>0</v>
      </c>
      <c r="HS23" s="296">
        <v>350497</v>
      </c>
      <c r="HT23" s="296">
        <v>829447</v>
      </c>
      <c r="HU23" s="296">
        <v>3385430</v>
      </c>
      <c r="HV23" s="296">
        <v>4228434</v>
      </c>
      <c r="HW23" s="296">
        <v>1638518</v>
      </c>
      <c r="HX23" s="299">
        <v>10432326</v>
      </c>
      <c r="HY23" s="300">
        <v>10432326</v>
      </c>
    </row>
    <row r="24" spans="2:233" ht="16.5" customHeight="1" x14ac:dyDescent="0.2">
      <c r="B24" s="293" t="s">
        <v>21</v>
      </c>
      <c r="C24" s="295">
        <v>0</v>
      </c>
      <c r="D24" s="296">
        <v>0</v>
      </c>
      <c r="E24" s="297">
        <v>0</v>
      </c>
      <c r="F24" s="298">
        <v>0</v>
      </c>
      <c r="G24" s="296">
        <v>173030</v>
      </c>
      <c r="H24" s="296">
        <v>335093</v>
      </c>
      <c r="I24" s="296">
        <v>2222167</v>
      </c>
      <c r="J24" s="296">
        <v>1874154</v>
      </c>
      <c r="K24" s="296">
        <v>1423842</v>
      </c>
      <c r="L24" s="299">
        <v>6028286</v>
      </c>
      <c r="M24" s="300">
        <v>6028286</v>
      </c>
      <c r="N24" s="295">
        <v>0</v>
      </c>
      <c r="O24" s="296">
        <v>0</v>
      </c>
      <c r="P24" s="297">
        <v>0</v>
      </c>
      <c r="Q24" s="301"/>
      <c r="R24" s="296">
        <v>2635</v>
      </c>
      <c r="S24" s="296">
        <v>178750</v>
      </c>
      <c r="T24" s="296">
        <v>1754075</v>
      </c>
      <c r="U24" s="296">
        <v>1381771</v>
      </c>
      <c r="V24" s="296">
        <v>1084562</v>
      </c>
      <c r="W24" s="299">
        <v>4401793</v>
      </c>
      <c r="X24" s="300">
        <v>4401793</v>
      </c>
      <c r="Y24" s="295">
        <v>0</v>
      </c>
      <c r="Z24" s="296">
        <v>0</v>
      </c>
      <c r="AA24" s="297">
        <v>0</v>
      </c>
      <c r="AB24" s="301"/>
      <c r="AC24" s="296">
        <v>165395</v>
      </c>
      <c r="AD24" s="296">
        <v>114720</v>
      </c>
      <c r="AE24" s="296">
        <v>186280</v>
      </c>
      <c r="AF24" s="296">
        <v>195580</v>
      </c>
      <c r="AG24" s="296">
        <v>207950</v>
      </c>
      <c r="AH24" s="299">
        <v>869925</v>
      </c>
      <c r="AI24" s="300">
        <v>869925</v>
      </c>
      <c r="AJ24" s="295">
        <v>0</v>
      </c>
      <c r="AK24" s="296">
        <v>0</v>
      </c>
      <c r="AL24" s="297">
        <v>0</v>
      </c>
      <c r="AM24" s="301"/>
      <c r="AN24" s="296">
        <v>0</v>
      </c>
      <c r="AO24" s="296">
        <v>0</v>
      </c>
      <c r="AP24" s="296">
        <v>2635</v>
      </c>
      <c r="AQ24" s="296">
        <v>32705</v>
      </c>
      <c r="AR24" s="296">
        <v>2635</v>
      </c>
      <c r="AS24" s="299">
        <v>37975</v>
      </c>
      <c r="AT24" s="300">
        <v>37975</v>
      </c>
      <c r="AU24" s="295">
        <v>0</v>
      </c>
      <c r="AV24" s="296">
        <v>0</v>
      </c>
      <c r="AW24" s="297">
        <v>0</v>
      </c>
      <c r="AX24" s="301"/>
      <c r="AY24" s="296">
        <v>0</v>
      </c>
      <c r="AZ24" s="296">
        <v>0</v>
      </c>
      <c r="BA24" s="296">
        <v>35495</v>
      </c>
      <c r="BB24" s="296">
        <v>29915</v>
      </c>
      <c r="BC24" s="296">
        <v>53165</v>
      </c>
      <c r="BD24" s="299">
        <v>118575</v>
      </c>
      <c r="BE24" s="300">
        <v>118575</v>
      </c>
      <c r="BF24" s="295">
        <v>0</v>
      </c>
      <c r="BG24" s="296">
        <v>0</v>
      </c>
      <c r="BH24" s="297">
        <v>0</v>
      </c>
      <c r="BI24" s="301"/>
      <c r="BJ24" s="296">
        <v>0</v>
      </c>
      <c r="BK24" s="296">
        <v>0</v>
      </c>
      <c r="BL24" s="296">
        <v>0</v>
      </c>
      <c r="BM24" s="296">
        <v>0</v>
      </c>
      <c r="BN24" s="296">
        <v>0</v>
      </c>
      <c r="BO24" s="299">
        <v>0</v>
      </c>
      <c r="BP24" s="300">
        <v>0</v>
      </c>
      <c r="BQ24" s="295">
        <v>0</v>
      </c>
      <c r="BR24" s="296">
        <v>0</v>
      </c>
      <c r="BS24" s="297">
        <v>0</v>
      </c>
      <c r="BT24" s="298">
        <v>0</v>
      </c>
      <c r="BU24" s="296">
        <v>5000</v>
      </c>
      <c r="BV24" s="296">
        <v>41623</v>
      </c>
      <c r="BW24" s="296">
        <v>243392</v>
      </c>
      <c r="BX24" s="296">
        <v>234183</v>
      </c>
      <c r="BY24" s="296">
        <v>75530</v>
      </c>
      <c r="BZ24" s="299">
        <v>599728</v>
      </c>
      <c r="CA24" s="300">
        <v>599728</v>
      </c>
      <c r="CB24" s="295">
        <v>0</v>
      </c>
      <c r="CC24" s="296">
        <v>0</v>
      </c>
      <c r="CD24" s="297">
        <v>0</v>
      </c>
      <c r="CE24" s="298">
        <v>0</v>
      </c>
      <c r="CF24" s="296">
        <v>0</v>
      </c>
      <c r="CG24" s="296">
        <v>0</v>
      </c>
      <c r="CH24" s="296">
        <v>290</v>
      </c>
      <c r="CI24" s="296">
        <v>0</v>
      </c>
      <c r="CJ24" s="296">
        <v>0</v>
      </c>
      <c r="CK24" s="299">
        <v>290</v>
      </c>
      <c r="CL24" s="300">
        <v>290</v>
      </c>
      <c r="CM24" s="295">
        <v>0</v>
      </c>
      <c r="CN24" s="296">
        <v>0</v>
      </c>
      <c r="CO24" s="297">
        <v>0</v>
      </c>
      <c r="CP24" s="298">
        <v>0</v>
      </c>
      <c r="CQ24" s="296">
        <v>0</v>
      </c>
      <c r="CR24" s="296">
        <v>0</v>
      </c>
      <c r="CS24" s="296">
        <v>0</v>
      </c>
      <c r="CT24" s="296">
        <v>0</v>
      </c>
      <c r="CU24" s="296">
        <v>0</v>
      </c>
      <c r="CV24" s="299">
        <v>0</v>
      </c>
      <c r="CW24" s="300">
        <v>0</v>
      </c>
      <c r="CX24" s="295">
        <v>0</v>
      </c>
      <c r="CY24" s="296">
        <v>0</v>
      </c>
      <c r="CZ24" s="297">
        <v>0</v>
      </c>
      <c r="DA24" s="301"/>
      <c r="DB24" s="296">
        <v>0</v>
      </c>
      <c r="DC24" s="296">
        <v>0</v>
      </c>
      <c r="DD24" s="296">
        <v>0</v>
      </c>
      <c r="DE24" s="296">
        <v>0</v>
      </c>
      <c r="DF24" s="296">
        <v>0</v>
      </c>
      <c r="DG24" s="299">
        <v>0</v>
      </c>
      <c r="DH24" s="300">
        <v>0</v>
      </c>
      <c r="DI24" s="295">
        <v>0</v>
      </c>
      <c r="DJ24" s="296">
        <v>0</v>
      </c>
      <c r="DK24" s="297">
        <v>0</v>
      </c>
      <c r="DL24" s="298">
        <v>0</v>
      </c>
      <c r="DM24" s="296">
        <v>49112</v>
      </c>
      <c r="DN24" s="296">
        <v>311320</v>
      </c>
      <c r="DO24" s="296">
        <v>2475835</v>
      </c>
      <c r="DP24" s="296">
        <v>2297629</v>
      </c>
      <c r="DQ24" s="296">
        <v>1449542</v>
      </c>
      <c r="DR24" s="299">
        <v>6583438</v>
      </c>
      <c r="DS24" s="302">
        <v>6583438</v>
      </c>
      <c r="DT24" s="295">
        <v>0</v>
      </c>
      <c r="DU24" s="296">
        <v>0</v>
      </c>
      <c r="DV24" s="297">
        <v>0</v>
      </c>
      <c r="DW24" s="301"/>
      <c r="DX24" s="296">
        <v>15035</v>
      </c>
      <c r="DY24" s="296">
        <v>184417</v>
      </c>
      <c r="DZ24" s="296">
        <v>2050616</v>
      </c>
      <c r="EA24" s="296">
        <v>1955570</v>
      </c>
      <c r="EB24" s="296">
        <v>1301249</v>
      </c>
      <c r="EC24" s="299">
        <v>5506887</v>
      </c>
      <c r="ED24" s="300">
        <v>5506887</v>
      </c>
      <c r="EE24" s="295">
        <v>0</v>
      </c>
      <c r="EF24" s="296">
        <v>0</v>
      </c>
      <c r="EG24" s="297">
        <v>0</v>
      </c>
      <c r="EH24" s="301"/>
      <c r="EI24" s="296">
        <v>14116</v>
      </c>
      <c r="EJ24" s="296">
        <v>35626</v>
      </c>
      <c r="EK24" s="296">
        <v>51474</v>
      </c>
      <c r="EL24" s="296">
        <v>14480</v>
      </c>
      <c r="EM24" s="296">
        <v>24570</v>
      </c>
      <c r="EN24" s="299">
        <v>140266</v>
      </c>
      <c r="EO24" s="300">
        <v>140266</v>
      </c>
      <c r="EP24" s="295">
        <v>0</v>
      </c>
      <c r="EQ24" s="296">
        <v>0</v>
      </c>
      <c r="ER24" s="297">
        <v>0</v>
      </c>
      <c r="ES24" s="301"/>
      <c r="ET24" s="296">
        <v>0</v>
      </c>
      <c r="EU24" s="296">
        <v>0</v>
      </c>
      <c r="EV24" s="296">
        <v>217</v>
      </c>
      <c r="EW24" s="296">
        <v>0</v>
      </c>
      <c r="EX24" s="296">
        <v>0</v>
      </c>
      <c r="EY24" s="299">
        <v>217</v>
      </c>
      <c r="EZ24" s="300">
        <v>217</v>
      </c>
      <c r="FA24" s="295">
        <v>0</v>
      </c>
      <c r="FB24" s="296">
        <v>0</v>
      </c>
      <c r="FC24" s="297">
        <v>0</v>
      </c>
      <c r="FD24" s="301"/>
      <c r="FE24" s="296">
        <v>0</v>
      </c>
      <c r="FF24" s="296">
        <v>0</v>
      </c>
      <c r="FG24" s="296">
        <v>11687</v>
      </c>
      <c r="FH24" s="296">
        <v>651</v>
      </c>
      <c r="FI24" s="296">
        <v>651</v>
      </c>
      <c r="FJ24" s="299">
        <v>12989</v>
      </c>
      <c r="FK24" s="300">
        <v>12989</v>
      </c>
      <c r="FL24" s="295">
        <v>0</v>
      </c>
      <c r="FM24" s="296">
        <v>0</v>
      </c>
      <c r="FN24" s="297">
        <v>0</v>
      </c>
      <c r="FO24" s="301"/>
      <c r="FP24" s="296">
        <v>0</v>
      </c>
      <c r="FQ24" s="296">
        <v>0</v>
      </c>
      <c r="FR24" s="296">
        <v>0</v>
      </c>
      <c r="FS24" s="296">
        <v>0</v>
      </c>
      <c r="FT24" s="296">
        <v>0</v>
      </c>
      <c r="FU24" s="299">
        <v>0</v>
      </c>
      <c r="FV24" s="300">
        <v>0</v>
      </c>
      <c r="FW24" s="295">
        <v>0</v>
      </c>
      <c r="FX24" s="296">
        <v>0</v>
      </c>
      <c r="FY24" s="297">
        <v>0</v>
      </c>
      <c r="FZ24" s="298">
        <v>0</v>
      </c>
      <c r="GA24" s="296">
        <v>19961</v>
      </c>
      <c r="GB24" s="296">
        <v>91277</v>
      </c>
      <c r="GC24" s="296">
        <v>361820</v>
      </c>
      <c r="GD24" s="296">
        <v>326928</v>
      </c>
      <c r="GE24" s="296">
        <v>123072</v>
      </c>
      <c r="GF24" s="299">
        <v>923058</v>
      </c>
      <c r="GG24" s="300">
        <v>923058</v>
      </c>
      <c r="GH24" s="295">
        <v>0</v>
      </c>
      <c r="GI24" s="296">
        <v>0</v>
      </c>
      <c r="GJ24" s="297">
        <v>0</v>
      </c>
      <c r="GK24" s="298">
        <v>0</v>
      </c>
      <c r="GL24" s="296">
        <v>0</v>
      </c>
      <c r="GM24" s="296">
        <v>0</v>
      </c>
      <c r="GN24" s="296">
        <v>21</v>
      </c>
      <c r="GO24" s="296">
        <v>0</v>
      </c>
      <c r="GP24" s="296">
        <v>0</v>
      </c>
      <c r="GQ24" s="299">
        <v>21</v>
      </c>
      <c r="GR24" s="300">
        <v>21</v>
      </c>
      <c r="GS24" s="295">
        <v>0</v>
      </c>
      <c r="GT24" s="296">
        <v>0</v>
      </c>
      <c r="GU24" s="297">
        <v>0</v>
      </c>
      <c r="GV24" s="298">
        <v>0</v>
      </c>
      <c r="GW24" s="296">
        <v>0</v>
      </c>
      <c r="GX24" s="296">
        <v>0</v>
      </c>
      <c r="GY24" s="296">
        <v>0</v>
      </c>
      <c r="GZ24" s="296">
        <v>0</v>
      </c>
      <c r="HA24" s="296">
        <v>0</v>
      </c>
      <c r="HB24" s="299">
        <v>0</v>
      </c>
      <c r="HC24" s="300">
        <v>0</v>
      </c>
      <c r="HD24" s="295">
        <v>0</v>
      </c>
      <c r="HE24" s="296">
        <v>0</v>
      </c>
      <c r="HF24" s="297">
        <v>0</v>
      </c>
      <c r="HG24" s="301"/>
      <c r="HH24" s="296">
        <v>0</v>
      </c>
      <c r="HI24" s="296">
        <v>0</v>
      </c>
      <c r="HJ24" s="296">
        <v>0</v>
      </c>
      <c r="HK24" s="296">
        <v>0</v>
      </c>
      <c r="HL24" s="296">
        <v>0</v>
      </c>
      <c r="HM24" s="299">
        <v>0</v>
      </c>
      <c r="HN24" s="300">
        <v>0</v>
      </c>
      <c r="HO24" s="295">
        <v>0</v>
      </c>
      <c r="HP24" s="296">
        <v>0</v>
      </c>
      <c r="HQ24" s="297">
        <v>0</v>
      </c>
      <c r="HR24" s="298">
        <v>0</v>
      </c>
      <c r="HS24" s="296">
        <v>222142</v>
      </c>
      <c r="HT24" s="296">
        <v>646413</v>
      </c>
      <c r="HU24" s="296">
        <v>4698002</v>
      </c>
      <c r="HV24" s="296">
        <v>4171783</v>
      </c>
      <c r="HW24" s="296">
        <v>2873384</v>
      </c>
      <c r="HX24" s="299">
        <v>12611724</v>
      </c>
      <c r="HY24" s="300">
        <v>12611724</v>
      </c>
    </row>
    <row r="25" spans="2:233" ht="16.5" customHeight="1" x14ac:dyDescent="0.2">
      <c r="B25" s="293" t="s">
        <v>22</v>
      </c>
      <c r="C25" s="295">
        <v>0</v>
      </c>
      <c r="D25" s="296">
        <v>0</v>
      </c>
      <c r="E25" s="297">
        <v>0</v>
      </c>
      <c r="F25" s="298">
        <v>0</v>
      </c>
      <c r="G25" s="296">
        <v>61435</v>
      </c>
      <c r="H25" s="296">
        <v>366970</v>
      </c>
      <c r="I25" s="296">
        <v>728165</v>
      </c>
      <c r="J25" s="296">
        <v>993675</v>
      </c>
      <c r="K25" s="296">
        <v>600015</v>
      </c>
      <c r="L25" s="299">
        <v>2750260</v>
      </c>
      <c r="M25" s="300">
        <v>2750260</v>
      </c>
      <c r="N25" s="295">
        <v>0</v>
      </c>
      <c r="O25" s="296">
        <v>0</v>
      </c>
      <c r="P25" s="297">
        <v>0</v>
      </c>
      <c r="Q25" s="301"/>
      <c r="R25" s="296">
        <v>0</v>
      </c>
      <c r="S25" s="296">
        <v>32705</v>
      </c>
      <c r="T25" s="296">
        <v>509415</v>
      </c>
      <c r="U25" s="296">
        <v>531870</v>
      </c>
      <c r="V25" s="296">
        <v>329695</v>
      </c>
      <c r="W25" s="299">
        <v>1403685</v>
      </c>
      <c r="X25" s="300">
        <v>1403685</v>
      </c>
      <c r="Y25" s="295">
        <v>0</v>
      </c>
      <c r="Z25" s="296">
        <v>0</v>
      </c>
      <c r="AA25" s="297">
        <v>0</v>
      </c>
      <c r="AB25" s="301"/>
      <c r="AC25" s="296">
        <v>52240</v>
      </c>
      <c r="AD25" s="296">
        <v>287685</v>
      </c>
      <c r="AE25" s="296">
        <v>139165</v>
      </c>
      <c r="AF25" s="296">
        <v>302095</v>
      </c>
      <c r="AG25" s="296">
        <v>212705</v>
      </c>
      <c r="AH25" s="299">
        <v>993890</v>
      </c>
      <c r="AI25" s="300">
        <v>993890</v>
      </c>
      <c r="AJ25" s="295">
        <v>0</v>
      </c>
      <c r="AK25" s="296">
        <v>0</v>
      </c>
      <c r="AL25" s="297">
        <v>0</v>
      </c>
      <c r="AM25" s="301"/>
      <c r="AN25" s="296">
        <v>0</v>
      </c>
      <c r="AO25" s="296">
        <v>0</v>
      </c>
      <c r="AP25" s="296">
        <v>0</v>
      </c>
      <c r="AQ25" s="296">
        <v>0</v>
      </c>
      <c r="AR25" s="296">
        <v>27190</v>
      </c>
      <c r="AS25" s="299">
        <v>27190</v>
      </c>
      <c r="AT25" s="300">
        <v>27190</v>
      </c>
      <c r="AU25" s="295">
        <v>0</v>
      </c>
      <c r="AV25" s="296">
        <v>0</v>
      </c>
      <c r="AW25" s="297">
        <v>0</v>
      </c>
      <c r="AX25" s="301"/>
      <c r="AY25" s="296">
        <v>0</v>
      </c>
      <c r="AZ25" s="296">
        <v>0</v>
      </c>
      <c r="BA25" s="296">
        <v>0</v>
      </c>
      <c r="BB25" s="296">
        <v>2635</v>
      </c>
      <c r="BC25" s="296">
        <v>23850</v>
      </c>
      <c r="BD25" s="299">
        <v>26485</v>
      </c>
      <c r="BE25" s="300">
        <v>26485</v>
      </c>
      <c r="BF25" s="295">
        <v>0</v>
      </c>
      <c r="BG25" s="296">
        <v>0</v>
      </c>
      <c r="BH25" s="297">
        <v>0</v>
      </c>
      <c r="BI25" s="301"/>
      <c r="BJ25" s="296">
        <v>0</v>
      </c>
      <c r="BK25" s="296">
        <v>0</v>
      </c>
      <c r="BL25" s="296">
        <v>24645</v>
      </c>
      <c r="BM25" s="296">
        <v>122605</v>
      </c>
      <c r="BN25" s="296">
        <v>5270</v>
      </c>
      <c r="BO25" s="299">
        <v>152520</v>
      </c>
      <c r="BP25" s="300">
        <v>152520</v>
      </c>
      <c r="BQ25" s="295">
        <v>0</v>
      </c>
      <c r="BR25" s="296">
        <v>0</v>
      </c>
      <c r="BS25" s="297">
        <v>0</v>
      </c>
      <c r="BT25" s="298">
        <v>0</v>
      </c>
      <c r="BU25" s="296">
        <v>4425</v>
      </c>
      <c r="BV25" s="296">
        <v>46000</v>
      </c>
      <c r="BW25" s="296">
        <v>54100</v>
      </c>
      <c r="BX25" s="296">
        <v>34470</v>
      </c>
      <c r="BY25" s="296">
        <v>1305</v>
      </c>
      <c r="BZ25" s="299">
        <v>140300</v>
      </c>
      <c r="CA25" s="300">
        <v>140300</v>
      </c>
      <c r="CB25" s="295">
        <v>0</v>
      </c>
      <c r="CC25" s="296">
        <v>0</v>
      </c>
      <c r="CD25" s="297">
        <v>0</v>
      </c>
      <c r="CE25" s="298">
        <v>0</v>
      </c>
      <c r="CF25" s="296">
        <v>4770</v>
      </c>
      <c r="CG25" s="296">
        <v>580</v>
      </c>
      <c r="CH25" s="296">
        <v>840</v>
      </c>
      <c r="CI25" s="296">
        <v>0</v>
      </c>
      <c r="CJ25" s="296">
        <v>0</v>
      </c>
      <c r="CK25" s="299">
        <v>6190</v>
      </c>
      <c r="CL25" s="300">
        <v>6190</v>
      </c>
      <c r="CM25" s="295">
        <v>0</v>
      </c>
      <c r="CN25" s="296">
        <v>0</v>
      </c>
      <c r="CO25" s="297">
        <v>0</v>
      </c>
      <c r="CP25" s="298">
        <v>0</v>
      </c>
      <c r="CQ25" s="296">
        <v>0</v>
      </c>
      <c r="CR25" s="296">
        <v>0</v>
      </c>
      <c r="CS25" s="296">
        <v>0</v>
      </c>
      <c r="CT25" s="296">
        <v>0</v>
      </c>
      <c r="CU25" s="296">
        <v>0</v>
      </c>
      <c r="CV25" s="299">
        <v>0</v>
      </c>
      <c r="CW25" s="300">
        <v>0</v>
      </c>
      <c r="CX25" s="295">
        <v>0</v>
      </c>
      <c r="CY25" s="296">
        <v>0</v>
      </c>
      <c r="CZ25" s="297">
        <v>0</v>
      </c>
      <c r="DA25" s="301"/>
      <c r="DB25" s="296">
        <v>0</v>
      </c>
      <c r="DC25" s="296">
        <v>0</v>
      </c>
      <c r="DD25" s="296">
        <v>0</v>
      </c>
      <c r="DE25" s="296">
        <v>0</v>
      </c>
      <c r="DF25" s="296">
        <v>0</v>
      </c>
      <c r="DG25" s="299">
        <v>0</v>
      </c>
      <c r="DH25" s="300">
        <v>0</v>
      </c>
      <c r="DI25" s="295">
        <v>0</v>
      </c>
      <c r="DJ25" s="296">
        <v>0</v>
      </c>
      <c r="DK25" s="297">
        <v>0</v>
      </c>
      <c r="DL25" s="298">
        <v>0</v>
      </c>
      <c r="DM25" s="296">
        <v>4792</v>
      </c>
      <c r="DN25" s="296">
        <v>112251</v>
      </c>
      <c r="DO25" s="296">
        <v>631212</v>
      </c>
      <c r="DP25" s="296">
        <v>968259</v>
      </c>
      <c r="DQ25" s="296">
        <v>435312</v>
      </c>
      <c r="DR25" s="299">
        <v>2151826</v>
      </c>
      <c r="DS25" s="302">
        <v>2151826</v>
      </c>
      <c r="DT25" s="295">
        <v>0</v>
      </c>
      <c r="DU25" s="296">
        <v>0</v>
      </c>
      <c r="DV25" s="297">
        <v>0</v>
      </c>
      <c r="DW25" s="301"/>
      <c r="DX25" s="296">
        <v>0</v>
      </c>
      <c r="DY25" s="296">
        <v>15035</v>
      </c>
      <c r="DZ25" s="296">
        <v>503594</v>
      </c>
      <c r="EA25" s="296">
        <v>709582</v>
      </c>
      <c r="EB25" s="296">
        <v>340988</v>
      </c>
      <c r="EC25" s="299">
        <v>1569199</v>
      </c>
      <c r="ED25" s="300">
        <v>1569199</v>
      </c>
      <c r="EE25" s="295">
        <v>0</v>
      </c>
      <c r="EF25" s="296">
        <v>0</v>
      </c>
      <c r="EG25" s="297">
        <v>0</v>
      </c>
      <c r="EH25" s="301"/>
      <c r="EI25" s="296">
        <v>746</v>
      </c>
      <c r="EJ25" s="296">
        <v>47208</v>
      </c>
      <c r="EK25" s="296">
        <v>2282</v>
      </c>
      <c r="EL25" s="296">
        <v>26040</v>
      </c>
      <c r="EM25" s="296">
        <v>13122</v>
      </c>
      <c r="EN25" s="299">
        <v>89398</v>
      </c>
      <c r="EO25" s="300">
        <v>89398</v>
      </c>
      <c r="EP25" s="295">
        <v>0</v>
      </c>
      <c r="EQ25" s="296">
        <v>0</v>
      </c>
      <c r="ER25" s="297">
        <v>0</v>
      </c>
      <c r="ES25" s="301"/>
      <c r="ET25" s="296">
        <v>0</v>
      </c>
      <c r="EU25" s="296">
        <v>0</v>
      </c>
      <c r="EV25" s="296">
        <v>0</v>
      </c>
      <c r="EW25" s="296">
        <v>0</v>
      </c>
      <c r="EX25" s="296">
        <v>21989</v>
      </c>
      <c r="EY25" s="299">
        <v>21989</v>
      </c>
      <c r="EZ25" s="300">
        <v>21989</v>
      </c>
      <c r="FA25" s="295">
        <v>0</v>
      </c>
      <c r="FB25" s="296">
        <v>0</v>
      </c>
      <c r="FC25" s="297">
        <v>0</v>
      </c>
      <c r="FD25" s="301"/>
      <c r="FE25" s="296">
        <v>0</v>
      </c>
      <c r="FF25" s="296">
        <v>0</v>
      </c>
      <c r="FG25" s="296">
        <v>0</v>
      </c>
      <c r="FH25" s="296">
        <v>217</v>
      </c>
      <c r="FI25" s="296">
        <v>11098</v>
      </c>
      <c r="FJ25" s="299">
        <v>11315</v>
      </c>
      <c r="FK25" s="300">
        <v>11315</v>
      </c>
      <c r="FL25" s="295">
        <v>0</v>
      </c>
      <c r="FM25" s="296">
        <v>0</v>
      </c>
      <c r="FN25" s="297">
        <v>0</v>
      </c>
      <c r="FO25" s="301"/>
      <c r="FP25" s="296">
        <v>0</v>
      </c>
      <c r="FQ25" s="296">
        <v>0</v>
      </c>
      <c r="FR25" s="296">
        <v>21390</v>
      </c>
      <c r="FS25" s="296">
        <v>180110</v>
      </c>
      <c r="FT25" s="296">
        <v>42780</v>
      </c>
      <c r="FU25" s="299">
        <v>244280</v>
      </c>
      <c r="FV25" s="300">
        <v>244280</v>
      </c>
      <c r="FW25" s="295">
        <v>0</v>
      </c>
      <c r="FX25" s="296">
        <v>0</v>
      </c>
      <c r="FY25" s="297">
        <v>0</v>
      </c>
      <c r="FZ25" s="298">
        <v>0</v>
      </c>
      <c r="GA25" s="296">
        <v>3969</v>
      </c>
      <c r="GB25" s="296">
        <v>48576</v>
      </c>
      <c r="GC25" s="296">
        <v>103883</v>
      </c>
      <c r="GD25" s="296">
        <v>52310</v>
      </c>
      <c r="GE25" s="296">
        <v>5335</v>
      </c>
      <c r="GF25" s="299">
        <v>214073</v>
      </c>
      <c r="GG25" s="300">
        <v>214073</v>
      </c>
      <c r="GH25" s="295">
        <v>0</v>
      </c>
      <c r="GI25" s="296">
        <v>0</v>
      </c>
      <c r="GJ25" s="297">
        <v>0</v>
      </c>
      <c r="GK25" s="298">
        <v>0</v>
      </c>
      <c r="GL25" s="296">
        <v>77</v>
      </c>
      <c r="GM25" s="296">
        <v>1432</v>
      </c>
      <c r="GN25" s="296">
        <v>63</v>
      </c>
      <c r="GO25" s="296">
        <v>0</v>
      </c>
      <c r="GP25" s="296">
        <v>0</v>
      </c>
      <c r="GQ25" s="299">
        <v>1572</v>
      </c>
      <c r="GR25" s="300">
        <v>1572</v>
      </c>
      <c r="GS25" s="295">
        <v>0</v>
      </c>
      <c r="GT25" s="296">
        <v>0</v>
      </c>
      <c r="GU25" s="297">
        <v>0</v>
      </c>
      <c r="GV25" s="298">
        <v>0</v>
      </c>
      <c r="GW25" s="296">
        <v>0</v>
      </c>
      <c r="GX25" s="296">
        <v>0</v>
      </c>
      <c r="GY25" s="296">
        <v>0</v>
      </c>
      <c r="GZ25" s="296">
        <v>0</v>
      </c>
      <c r="HA25" s="296">
        <v>0</v>
      </c>
      <c r="HB25" s="299">
        <v>0</v>
      </c>
      <c r="HC25" s="300">
        <v>0</v>
      </c>
      <c r="HD25" s="295">
        <v>0</v>
      </c>
      <c r="HE25" s="296">
        <v>0</v>
      </c>
      <c r="HF25" s="297">
        <v>0</v>
      </c>
      <c r="HG25" s="301"/>
      <c r="HH25" s="296">
        <v>0</v>
      </c>
      <c r="HI25" s="296">
        <v>0</v>
      </c>
      <c r="HJ25" s="296">
        <v>0</v>
      </c>
      <c r="HK25" s="296">
        <v>0</v>
      </c>
      <c r="HL25" s="296">
        <v>0</v>
      </c>
      <c r="HM25" s="299">
        <v>0</v>
      </c>
      <c r="HN25" s="300">
        <v>0</v>
      </c>
      <c r="HO25" s="295">
        <v>0</v>
      </c>
      <c r="HP25" s="296">
        <v>0</v>
      </c>
      <c r="HQ25" s="297">
        <v>0</v>
      </c>
      <c r="HR25" s="298">
        <v>0</v>
      </c>
      <c r="HS25" s="296">
        <v>66227</v>
      </c>
      <c r="HT25" s="296">
        <v>479221</v>
      </c>
      <c r="HU25" s="296">
        <v>1359377</v>
      </c>
      <c r="HV25" s="296">
        <v>1961934</v>
      </c>
      <c r="HW25" s="296">
        <v>1035327</v>
      </c>
      <c r="HX25" s="299">
        <v>4902086</v>
      </c>
      <c r="HY25" s="300">
        <v>4902086</v>
      </c>
    </row>
    <row r="26" spans="2:233" ht="16.5" customHeight="1" x14ac:dyDescent="0.2">
      <c r="B26" s="293" t="s">
        <v>23</v>
      </c>
      <c r="C26" s="295">
        <v>145</v>
      </c>
      <c r="D26" s="296">
        <v>870</v>
      </c>
      <c r="E26" s="297">
        <v>1015</v>
      </c>
      <c r="F26" s="298">
        <v>0</v>
      </c>
      <c r="G26" s="296">
        <v>102255</v>
      </c>
      <c r="H26" s="296">
        <v>330630</v>
      </c>
      <c r="I26" s="296">
        <v>1109487</v>
      </c>
      <c r="J26" s="296">
        <v>1487668</v>
      </c>
      <c r="K26" s="296">
        <v>985252</v>
      </c>
      <c r="L26" s="299">
        <v>4015292</v>
      </c>
      <c r="M26" s="300">
        <v>4016307</v>
      </c>
      <c r="N26" s="295">
        <v>0</v>
      </c>
      <c r="O26" s="296">
        <v>0</v>
      </c>
      <c r="P26" s="297">
        <v>0</v>
      </c>
      <c r="Q26" s="301"/>
      <c r="R26" s="296">
        <v>32705</v>
      </c>
      <c r="S26" s="296">
        <v>133000</v>
      </c>
      <c r="T26" s="296">
        <v>764895</v>
      </c>
      <c r="U26" s="296">
        <v>1130585</v>
      </c>
      <c r="V26" s="296">
        <v>742687</v>
      </c>
      <c r="W26" s="299">
        <v>2803872</v>
      </c>
      <c r="X26" s="300">
        <v>2803872</v>
      </c>
      <c r="Y26" s="295">
        <v>0</v>
      </c>
      <c r="Z26" s="296">
        <v>0</v>
      </c>
      <c r="AA26" s="297">
        <v>0</v>
      </c>
      <c r="AB26" s="301"/>
      <c r="AC26" s="296">
        <v>32550</v>
      </c>
      <c r="AD26" s="296">
        <v>145500</v>
      </c>
      <c r="AE26" s="296">
        <v>254020</v>
      </c>
      <c r="AF26" s="296">
        <v>213670</v>
      </c>
      <c r="AG26" s="296">
        <v>225735</v>
      </c>
      <c r="AH26" s="299">
        <v>871475</v>
      </c>
      <c r="AI26" s="300">
        <v>871475</v>
      </c>
      <c r="AJ26" s="295">
        <v>0</v>
      </c>
      <c r="AK26" s="296">
        <v>0</v>
      </c>
      <c r="AL26" s="297">
        <v>0</v>
      </c>
      <c r="AM26" s="301"/>
      <c r="AN26" s="296">
        <v>0</v>
      </c>
      <c r="AO26" s="296">
        <v>0</v>
      </c>
      <c r="AP26" s="296">
        <v>0</v>
      </c>
      <c r="AQ26" s="296">
        <v>35340</v>
      </c>
      <c r="AR26" s="296">
        <v>0</v>
      </c>
      <c r="AS26" s="299">
        <v>35340</v>
      </c>
      <c r="AT26" s="300">
        <v>35340</v>
      </c>
      <c r="AU26" s="295">
        <v>0</v>
      </c>
      <c r="AV26" s="296">
        <v>0</v>
      </c>
      <c r="AW26" s="297">
        <v>0</v>
      </c>
      <c r="AX26" s="301"/>
      <c r="AY26" s="296">
        <v>0</v>
      </c>
      <c r="AZ26" s="296">
        <v>0</v>
      </c>
      <c r="BA26" s="296">
        <v>2635</v>
      </c>
      <c r="BB26" s="296">
        <v>57350</v>
      </c>
      <c r="BC26" s="296">
        <v>0</v>
      </c>
      <c r="BD26" s="299">
        <v>59985</v>
      </c>
      <c r="BE26" s="300">
        <v>59985</v>
      </c>
      <c r="BF26" s="295">
        <v>0</v>
      </c>
      <c r="BG26" s="296">
        <v>0</v>
      </c>
      <c r="BH26" s="297">
        <v>0</v>
      </c>
      <c r="BI26" s="301"/>
      <c r="BJ26" s="296">
        <v>0</v>
      </c>
      <c r="BK26" s="296">
        <v>0</v>
      </c>
      <c r="BL26" s="296">
        <v>0</v>
      </c>
      <c r="BM26" s="296">
        <v>0</v>
      </c>
      <c r="BN26" s="296">
        <v>0</v>
      </c>
      <c r="BO26" s="299">
        <v>0</v>
      </c>
      <c r="BP26" s="300">
        <v>0</v>
      </c>
      <c r="BQ26" s="295">
        <v>145</v>
      </c>
      <c r="BR26" s="296">
        <v>870</v>
      </c>
      <c r="BS26" s="297">
        <v>1015</v>
      </c>
      <c r="BT26" s="298">
        <v>0</v>
      </c>
      <c r="BU26" s="296">
        <v>37000</v>
      </c>
      <c r="BV26" s="296">
        <v>52130</v>
      </c>
      <c r="BW26" s="296">
        <v>85450</v>
      </c>
      <c r="BX26" s="296">
        <v>50723</v>
      </c>
      <c r="BY26" s="296">
        <v>16830</v>
      </c>
      <c r="BZ26" s="299">
        <v>242133</v>
      </c>
      <c r="CA26" s="300">
        <v>243148</v>
      </c>
      <c r="CB26" s="295">
        <v>0</v>
      </c>
      <c r="CC26" s="296">
        <v>0</v>
      </c>
      <c r="CD26" s="297">
        <v>0</v>
      </c>
      <c r="CE26" s="298">
        <v>0</v>
      </c>
      <c r="CF26" s="296">
        <v>0</v>
      </c>
      <c r="CG26" s="296">
        <v>0</v>
      </c>
      <c r="CH26" s="296">
        <v>2487</v>
      </c>
      <c r="CI26" s="296">
        <v>0</v>
      </c>
      <c r="CJ26" s="296">
        <v>0</v>
      </c>
      <c r="CK26" s="299">
        <v>2487</v>
      </c>
      <c r="CL26" s="300">
        <v>2487</v>
      </c>
      <c r="CM26" s="295">
        <v>0</v>
      </c>
      <c r="CN26" s="296">
        <v>0</v>
      </c>
      <c r="CO26" s="297">
        <v>0</v>
      </c>
      <c r="CP26" s="298">
        <v>0</v>
      </c>
      <c r="CQ26" s="296">
        <v>0</v>
      </c>
      <c r="CR26" s="296">
        <v>0</v>
      </c>
      <c r="CS26" s="296">
        <v>0</v>
      </c>
      <c r="CT26" s="296">
        <v>0</v>
      </c>
      <c r="CU26" s="296">
        <v>0</v>
      </c>
      <c r="CV26" s="299">
        <v>0</v>
      </c>
      <c r="CW26" s="300">
        <v>0</v>
      </c>
      <c r="CX26" s="295">
        <v>0</v>
      </c>
      <c r="CY26" s="296">
        <v>0</v>
      </c>
      <c r="CZ26" s="297">
        <v>0</v>
      </c>
      <c r="DA26" s="301"/>
      <c r="DB26" s="296">
        <v>0</v>
      </c>
      <c r="DC26" s="296">
        <v>0</v>
      </c>
      <c r="DD26" s="296">
        <v>0</v>
      </c>
      <c r="DE26" s="296">
        <v>0</v>
      </c>
      <c r="DF26" s="296">
        <v>0</v>
      </c>
      <c r="DG26" s="299">
        <v>0</v>
      </c>
      <c r="DH26" s="300">
        <v>0</v>
      </c>
      <c r="DI26" s="295">
        <v>3480</v>
      </c>
      <c r="DJ26" s="296">
        <v>4176</v>
      </c>
      <c r="DK26" s="297">
        <v>7656</v>
      </c>
      <c r="DL26" s="298">
        <v>0</v>
      </c>
      <c r="DM26" s="296">
        <v>79139</v>
      </c>
      <c r="DN26" s="296">
        <v>196678</v>
      </c>
      <c r="DO26" s="296">
        <v>982665</v>
      </c>
      <c r="DP26" s="296">
        <v>1376263</v>
      </c>
      <c r="DQ26" s="296">
        <v>884768</v>
      </c>
      <c r="DR26" s="299">
        <v>3519513</v>
      </c>
      <c r="DS26" s="302">
        <v>3527169</v>
      </c>
      <c r="DT26" s="295">
        <v>0</v>
      </c>
      <c r="DU26" s="296">
        <v>0</v>
      </c>
      <c r="DV26" s="297">
        <v>0</v>
      </c>
      <c r="DW26" s="301"/>
      <c r="DX26" s="296">
        <v>11470</v>
      </c>
      <c r="DY26" s="296">
        <v>144646</v>
      </c>
      <c r="DZ26" s="296">
        <v>851229</v>
      </c>
      <c r="EA26" s="296">
        <v>1277070</v>
      </c>
      <c r="EB26" s="296">
        <v>792326</v>
      </c>
      <c r="EC26" s="299">
        <v>3076741</v>
      </c>
      <c r="ED26" s="300">
        <v>3076741</v>
      </c>
      <c r="EE26" s="295">
        <v>0</v>
      </c>
      <c r="EF26" s="296">
        <v>0</v>
      </c>
      <c r="EG26" s="297">
        <v>0</v>
      </c>
      <c r="EH26" s="301"/>
      <c r="EI26" s="296">
        <v>11749</v>
      </c>
      <c r="EJ26" s="296">
        <v>3227</v>
      </c>
      <c r="EK26" s="296">
        <v>2443</v>
      </c>
      <c r="EL26" s="296">
        <v>26404</v>
      </c>
      <c r="EM26" s="296">
        <v>76642</v>
      </c>
      <c r="EN26" s="299">
        <v>120465</v>
      </c>
      <c r="EO26" s="300">
        <v>120465</v>
      </c>
      <c r="EP26" s="295">
        <v>0</v>
      </c>
      <c r="EQ26" s="296">
        <v>0</v>
      </c>
      <c r="ER26" s="297">
        <v>0</v>
      </c>
      <c r="ES26" s="301"/>
      <c r="ET26" s="296">
        <v>0</v>
      </c>
      <c r="EU26" s="296">
        <v>0</v>
      </c>
      <c r="EV26" s="296">
        <v>0</v>
      </c>
      <c r="EW26" s="296">
        <v>434</v>
      </c>
      <c r="EX26" s="296">
        <v>0</v>
      </c>
      <c r="EY26" s="299">
        <v>434</v>
      </c>
      <c r="EZ26" s="300">
        <v>434</v>
      </c>
      <c r="FA26" s="295">
        <v>0</v>
      </c>
      <c r="FB26" s="296">
        <v>0</v>
      </c>
      <c r="FC26" s="297">
        <v>0</v>
      </c>
      <c r="FD26" s="301"/>
      <c r="FE26" s="296">
        <v>0</v>
      </c>
      <c r="FF26" s="296">
        <v>0</v>
      </c>
      <c r="FG26" s="296">
        <v>217</v>
      </c>
      <c r="FH26" s="296">
        <v>434</v>
      </c>
      <c r="FI26" s="296">
        <v>0</v>
      </c>
      <c r="FJ26" s="299">
        <v>651</v>
      </c>
      <c r="FK26" s="300">
        <v>651</v>
      </c>
      <c r="FL26" s="295">
        <v>0</v>
      </c>
      <c r="FM26" s="296">
        <v>0</v>
      </c>
      <c r="FN26" s="297">
        <v>0</v>
      </c>
      <c r="FO26" s="301"/>
      <c r="FP26" s="296">
        <v>0</v>
      </c>
      <c r="FQ26" s="296">
        <v>0</v>
      </c>
      <c r="FR26" s="296">
        <v>0</v>
      </c>
      <c r="FS26" s="296">
        <v>0</v>
      </c>
      <c r="FT26" s="296">
        <v>0</v>
      </c>
      <c r="FU26" s="299">
        <v>0</v>
      </c>
      <c r="FV26" s="300">
        <v>0</v>
      </c>
      <c r="FW26" s="295">
        <v>3480</v>
      </c>
      <c r="FX26" s="296">
        <v>4176</v>
      </c>
      <c r="FY26" s="297">
        <v>7656</v>
      </c>
      <c r="FZ26" s="298">
        <v>0</v>
      </c>
      <c r="GA26" s="296">
        <v>55920</v>
      </c>
      <c r="GB26" s="296">
        <v>48805</v>
      </c>
      <c r="GC26" s="296">
        <v>128727</v>
      </c>
      <c r="GD26" s="296">
        <v>71921</v>
      </c>
      <c r="GE26" s="296">
        <v>15800</v>
      </c>
      <c r="GF26" s="299">
        <v>321173</v>
      </c>
      <c r="GG26" s="300">
        <v>328829</v>
      </c>
      <c r="GH26" s="295">
        <v>0</v>
      </c>
      <c r="GI26" s="296">
        <v>0</v>
      </c>
      <c r="GJ26" s="297">
        <v>0</v>
      </c>
      <c r="GK26" s="298">
        <v>0</v>
      </c>
      <c r="GL26" s="296">
        <v>0</v>
      </c>
      <c r="GM26" s="296">
        <v>0</v>
      </c>
      <c r="GN26" s="296">
        <v>49</v>
      </c>
      <c r="GO26" s="296">
        <v>0</v>
      </c>
      <c r="GP26" s="296">
        <v>0</v>
      </c>
      <c r="GQ26" s="299">
        <v>49</v>
      </c>
      <c r="GR26" s="300">
        <v>49</v>
      </c>
      <c r="GS26" s="295">
        <v>0</v>
      </c>
      <c r="GT26" s="296">
        <v>0</v>
      </c>
      <c r="GU26" s="297">
        <v>0</v>
      </c>
      <c r="GV26" s="298">
        <v>0</v>
      </c>
      <c r="GW26" s="296">
        <v>0</v>
      </c>
      <c r="GX26" s="296">
        <v>0</v>
      </c>
      <c r="GY26" s="296">
        <v>0</v>
      </c>
      <c r="GZ26" s="296">
        <v>0</v>
      </c>
      <c r="HA26" s="296">
        <v>0</v>
      </c>
      <c r="HB26" s="299">
        <v>0</v>
      </c>
      <c r="HC26" s="300">
        <v>0</v>
      </c>
      <c r="HD26" s="295">
        <v>0</v>
      </c>
      <c r="HE26" s="296">
        <v>0</v>
      </c>
      <c r="HF26" s="297">
        <v>0</v>
      </c>
      <c r="HG26" s="301"/>
      <c r="HH26" s="296">
        <v>0</v>
      </c>
      <c r="HI26" s="296">
        <v>0</v>
      </c>
      <c r="HJ26" s="296">
        <v>0</v>
      </c>
      <c r="HK26" s="296">
        <v>0</v>
      </c>
      <c r="HL26" s="296">
        <v>0</v>
      </c>
      <c r="HM26" s="299">
        <v>0</v>
      </c>
      <c r="HN26" s="300">
        <v>0</v>
      </c>
      <c r="HO26" s="295">
        <v>3625</v>
      </c>
      <c r="HP26" s="296">
        <v>5046</v>
      </c>
      <c r="HQ26" s="297">
        <v>8671</v>
      </c>
      <c r="HR26" s="298">
        <v>0</v>
      </c>
      <c r="HS26" s="296">
        <v>181394</v>
      </c>
      <c r="HT26" s="296">
        <v>527308</v>
      </c>
      <c r="HU26" s="296">
        <v>2092152</v>
      </c>
      <c r="HV26" s="296">
        <v>2863931</v>
      </c>
      <c r="HW26" s="296">
        <v>1870020</v>
      </c>
      <c r="HX26" s="299">
        <v>7534805</v>
      </c>
      <c r="HY26" s="300">
        <v>7543476</v>
      </c>
    </row>
    <row r="27" spans="2:233" ht="16.5" customHeight="1" x14ac:dyDescent="0.2">
      <c r="B27" s="293" t="s">
        <v>24</v>
      </c>
      <c r="C27" s="295">
        <v>0</v>
      </c>
      <c r="D27" s="296">
        <v>0</v>
      </c>
      <c r="E27" s="297">
        <v>0</v>
      </c>
      <c r="F27" s="298">
        <v>0</v>
      </c>
      <c r="G27" s="296">
        <v>54980</v>
      </c>
      <c r="H27" s="296">
        <v>106285</v>
      </c>
      <c r="I27" s="296">
        <v>389571</v>
      </c>
      <c r="J27" s="296">
        <v>566235</v>
      </c>
      <c r="K27" s="296">
        <v>434515</v>
      </c>
      <c r="L27" s="299">
        <v>1551586</v>
      </c>
      <c r="M27" s="300">
        <v>1551586</v>
      </c>
      <c r="N27" s="295">
        <v>0</v>
      </c>
      <c r="O27" s="296">
        <v>0</v>
      </c>
      <c r="P27" s="297">
        <v>0</v>
      </c>
      <c r="Q27" s="301"/>
      <c r="R27" s="296">
        <v>0</v>
      </c>
      <c r="S27" s="296">
        <v>0</v>
      </c>
      <c r="T27" s="296">
        <v>300135</v>
      </c>
      <c r="U27" s="296">
        <v>398815</v>
      </c>
      <c r="V27" s="296">
        <v>391185</v>
      </c>
      <c r="W27" s="299">
        <v>1090135</v>
      </c>
      <c r="X27" s="300">
        <v>1090135</v>
      </c>
      <c r="Y27" s="295">
        <v>0</v>
      </c>
      <c r="Z27" s="296">
        <v>0</v>
      </c>
      <c r="AA27" s="297">
        <v>0</v>
      </c>
      <c r="AB27" s="301"/>
      <c r="AC27" s="296">
        <v>34120</v>
      </c>
      <c r="AD27" s="296">
        <v>65110</v>
      </c>
      <c r="AE27" s="296">
        <v>84390</v>
      </c>
      <c r="AF27" s="296">
        <v>88980</v>
      </c>
      <c r="AG27" s="296">
        <v>35495</v>
      </c>
      <c r="AH27" s="299">
        <v>308095</v>
      </c>
      <c r="AI27" s="300">
        <v>308095</v>
      </c>
      <c r="AJ27" s="295">
        <v>0</v>
      </c>
      <c r="AK27" s="296">
        <v>0</v>
      </c>
      <c r="AL27" s="297">
        <v>0</v>
      </c>
      <c r="AM27" s="301"/>
      <c r="AN27" s="296">
        <v>0</v>
      </c>
      <c r="AO27" s="296">
        <v>0</v>
      </c>
      <c r="AP27" s="296">
        <v>0</v>
      </c>
      <c r="AQ27" s="296">
        <v>0</v>
      </c>
      <c r="AR27" s="296">
        <v>0</v>
      </c>
      <c r="AS27" s="299">
        <v>0</v>
      </c>
      <c r="AT27" s="300">
        <v>0</v>
      </c>
      <c r="AU27" s="295">
        <v>0</v>
      </c>
      <c r="AV27" s="296">
        <v>0</v>
      </c>
      <c r="AW27" s="297">
        <v>0</v>
      </c>
      <c r="AX27" s="301"/>
      <c r="AY27" s="296">
        <v>0</v>
      </c>
      <c r="AZ27" s="296">
        <v>0</v>
      </c>
      <c r="BA27" s="296">
        <v>0</v>
      </c>
      <c r="BB27" s="296">
        <v>0</v>
      </c>
      <c r="BC27" s="296">
        <v>0</v>
      </c>
      <c r="BD27" s="299">
        <v>0</v>
      </c>
      <c r="BE27" s="300">
        <v>0</v>
      </c>
      <c r="BF27" s="295">
        <v>0</v>
      </c>
      <c r="BG27" s="296">
        <v>0</v>
      </c>
      <c r="BH27" s="297">
        <v>0</v>
      </c>
      <c r="BI27" s="301"/>
      <c r="BJ27" s="296">
        <v>0</v>
      </c>
      <c r="BK27" s="296">
        <v>0</v>
      </c>
      <c r="BL27" s="296">
        <v>0</v>
      </c>
      <c r="BM27" s="296">
        <v>0</v>
      </c>
      <c r="BN27" s="296">
        <v>0</v>
      </c>
      <c r="BO27" s="299">
        <v>0</v>
      </c>
      <c r="BP27" s="300">
        <v>0</v>
      </c>
      <c r="BQ27" s="295">
        <v>0</v>
      </c>
      <c r="BR27" s="296">
        <v>0</v>
      </c>
      <c r="BS27" s="297">
        <v>0</v>
      </c>
      <c r="BT27" s="298">
        <v>0</v>
      </c>
      <c r="BU27" s="296">
        <v>20860</v>
      </c>
      <c r="BV27" s="296">
        <v>41175</v>
      </c>
      <c r="BW27" s="296">
        <v>3136</v>
      </c>
      <c r="BX27" s="296">
        <v>78440</v>
      </c>
      <c r="BY27" s="296">
        <v>7835</v>
      </c>
      <c r="BZ27" s="299">
        <v>151446</v>
      </c>
      <c r="CA27" s="300">
        <v>151446</v>
      </c>
      <c r="CB27" s="295">
        <v>0</v>
      </c>
      <c r="CC27" s="296">
        <v>0</v>
      </c>
      <c r="CD27" s="297">
        <v>0</v>
      </c>
      <c r="CE27" s="298">
        <v>0</v>
      </c>
      <c r="CF27" s="296">
        <v>0</v>
      </c>
      <c r="CG27" s="296">
        <v>0</v>
      </c>
      <c r="CH27" s="296">
        <v>1910</v>
      </c>
      <c r="CI27" s="296">
        <v>0</v>
      </c>
      <c r="CJ27" s="296">
        <v>0</v>
      </c>
      <c r="CK27" s="299">
        <v>1910</v>
      </c>
      <c r="CL27" s="300">
        <v>1910</v>
      </c>
      <c r="CM27" s="295">
        <v>0</v>
      </c>
      <c r="CN27" s="296">
        <v>0</v>
      </c>
      <c r="CO27" s="297">
        <v>0</v>
      </c>
      <c r="CP27" s="298">
        <v>0</v>
      </c>
      <c r="CQ27" s="296">
        <v>0</v>
      </c>
      <c r="CR27" s="296">
        <v>0</v>
      </c>
      <c r="CS27" s="296">
        <v>0</v>
      </c>
      <c r="CT27" s="296">
        <v>0</v>
      </c>
      <c r="CU27" s="296">
        <v>0</v>
      </c>
      <c r="CV27" s="299">
        <v>0</v>
      </c>
      <c r="CW27" s="300">
        <v>0</v>
      </c>
      <c r="CX27" s="295">
        <v>0</v>
      </c>
      <c r="CY27" s="296">
        <v>0</v>
      </c>
      <c r="CZ27" s="297">
        <v>0</v>
      </c>
      <c r="DA27" s="301"/>
      <c r="DB27" s="296">
        <v>0</v>
      </c>
      <c r="DC27" s="296">
        <v>0</v>
      </c>
      <c r="DD27" s="296">
        <v>0</v>
      </c>
      <c r="DE27" s="296">
        <v>0</v>
      </c>
      <c r="DF27" s="296">
        <v>0</v>
      </c>
      <c r="DG27" s="299">
        <v>0</v>
      </c>
      <c r="DH27" s="300">
        <v>0</v>
      </c>
      <c r="DI27" s="295">
        <v>0</v>
      </c>
      <c r="DJ27" s="296">
        <v>0</v>
      </c>
      <c r="DK27" s="297">
        <v>0</v>
      </c>
      <c r="DL27" s="298">
        <v>0</v>
      </c>
      <c r="DM27" s="296">
        <v>39784</v>
      </c>
      <c r="DN27" s="296">
        <v>70652</v>
      </c>
      <c r="DO27" s="296">
        <v>391311</v>
      </c>
      <c r="DP27" s="296">
        <v>739202</v>
      </c>
      <c r="DQ27" s="296">
        <v>583530</v>
      </c>
      <c r="DR27" s="299">
        <v>1824479</v>
      </c>
      <c r="DS27" s="302">
        <v>1824479</v>
      </c>
      <c r="DT27" s="295">
        <v>0</v>
      </c>
      <c r="DU27" s="296">
        <v>0</v>
      </c>
      <c r="DV27" s="297">
        <v>0</v>
      </c>
      <c r="DW27" s="301"/>
      <c r="DX27" s="296">
        <v>0</v>
      </c>
      <c r="DY27" s="296">
        <v>0</v>
      </c>
      <c r="DZ27" s="296">
        <v>365744</v>
      </c>
      <c r="EA27" s="296">
        <v>630376</v>
      </c>
      <c r="EB27" s="296">
        <v>556849</v>
      </c>
      <c r="EC27" s="299">
        <v>1552969</v>
      </c>
      <c r="ED27" s="300">
        <v>1552969</v>
      </c>
      <c r="EE27" s="295">
        <v>0</v>
      </c>
      <c r="EF27" s="296">
        <v>0</v>
      </c>
      <c r="EG27" s="297">
        <v>0</v>
      </c>
      <c r="EH27" s="301"/>
      <c r="EI27" s="296">
        <v>7544</v>
      </c>
      <c r="EJ27" s="296">
        <v>22591</v>
      </c>
      <c r="EK27" s="296">
        <v>22717</v>
      </c>
      <c r="EL27" s="296">
        <v>23599</v>
      </c>
      <c r="EM27" s="296">
        <v>11687</v>
      </c>
      <c r="EN27" s="299">
        <v>88138</v>
      </c>
      <c r="EO27" s="300">
        <v>88138</v>
      </c>
      <c r="EP27" s="295">
        <v>0</v>
      </c>
      <c r="EQ27" s="296">
        <v>0</v>
      </c>
      <c r="ER27" s="297">
        <v>0</v>
      </c>
      <c r="ES27" s="301"/>
      <c r="ET27" s="296">
        <v>0</v>
      </c>
      <c r="EU27" s="296">
        <v>0</v>
      </c>
      <c r="EV27" s="296">
        <v>0</v>
      </c>
      <c r="EW27" s="296">
        <v>0</v>
      </c>
      <c r="EX27" s="296">
        <v>0</v>
      </c>
      <c r="EY27" s="299">
        <v>0</v>
      </c>
      <c r="EZ27" s="300">
        <v>0</v>
      </c>
      <c r="FA27" s="295">
        <v>0</v>
      </c>
      <c r="FB27" s="296">
        <v>0</v>
      </c>
      <c r="FC27" s="297">
        <v>0</v>
      </c>
      <c r="FD27" s="301"/>
      <c r="FE27" s="296">
        <v>0</v>
      </c>
      <c r="FF27" s="296">
        <v>0</v>
      </c>
      <c r="FG27" s="296">
        <v>0</v>
      </c>
      <c r="FH27" s="296">
        <v>0</v>
      </c>
      <c r="FI27" s="296">
        <v>0</v>
      </c>
      <c r="FJ27" s="299">
        <v>0</v>
      </c>
      <c r="FK27" s="300">
        <v>0</v>
      </c>
      <c r="FL27" s="295">
        <v>0</v>
      </c>
      <c r="FM27" s="296">
        <v>0</v>
      </c>
      <c r="FN27" s="297">
        <v>0</v>
      </c>
      <c r="FO27" s="301"/>
      <c r="FP27" s="296">
        <v>0</v>
      </c>
      <c r="FQ27" s="296">
        <v>0</v>
      </c>
      <c r="FR27" s="296">
        <v>0</v>
      </c>
      <c r="FS27" s="296">
        <v>0</v>
      </c>
      <c r="FT27" s="296">
        <v>0</v>
      </c>
      <c r="FU27" s="299">
        <v>0</v>
      </c>
      <c r="FV27" s="300">
        <v>0</v>
      </c>
      <c r="FW27" s="295">
        <v>0</v>
      </c>
      <c r="FX27" s="296">
        <v>0</v>
      </c>
      <c r="FY27" s="297">
        <v>0</v>
      </c>
      <c r="FZ27" s="298">
        <v>0</v>
      </c>
      <c r="GA27" s="296">
        <v>32240</v>
      </c>
      <c r="GB27" s="296">
        <v>48061</v>
      </c>
      <c r="GC27" s="296">
        <v>2808</v>
      </c>
      <c r="GD27" s="296">
        <v>85227</v>
      </c>
      <c r="GE27" s="296">
        <v>14994</v>
      </c>
      <c r="GF27" s="299">
        <v>183330</v>
      </c>
      <c r="GG27" s="300">
        <v>183330</v>
      </c>
      <c r="GH27" s="295">
        <v>0</v>
      </c>
      <c r="GI27" s="296">
        <v>0</v>
      </c>
      <c r="GJ27" s="297">
        <v>0</v>
      </c>
      <c r="GK27" s="298">
        <v>0</v>
      </c>
      <c r="GL27" s="296">
        <v>0</v>
      </c>
      <c r="GM27" s="296">
        <v>0</v>
      </c>
      <c r="GN27" s="296">
        <v>42</v>
      </c>
      <c r="GO27" s="296">
        <v>0</v>
      </c>
      <c r="GP27" s="296">
        <v>0</v>
      </c>
      <c r="GQ27" s="299">
        <v>42</v>
      </c>
      <c r="GR27" s="300">
        <v>42</v>
      </c>
      <c r="GS27" s="295">
        <v>0</v>
      </c>
      <c r="GT27" s="296">
        <v>0</v>
      </c>
      <c r="GU27" s="297">
        <v>0</v>
      </c>
      <c r="GV27" s="298">
        <v>0</v>
      </c>
      <c r="GW27" s="296">
        <v>0</v>
      </c>
      <c r="GX27" s="296">
        <v>0</v>
      </c>
      <c r="GY27" s="296">
        <v>0</v>
      </c>
      <c r="GZ27" s="296">
        <v>0</v>
      </c>
      <c r="HA27" s="296">
        <v>0</v>
      </c>
      <c r="HB27" s="299">
        <v>0</v>
      </c>
      <c r="HC27" s="300">
        <v>0</v>
      </c>
      <c r="HD27" s="295">
        <v>0</v>
      </c>
      <c r="HE27" s="296">
        <v>0</v>
      </c>
      <c r="HF27" s="297">
        <v>0</v>
      </c>
      <c r="HG27" s="301"/>
      <c r="HH27" s="296">
        <v>0</v>
      </c>
      <c r="HI27" s="296">
        <v>0</v>
      </c>
      <c r="HJ27" s="296">
        <v>0</v>
      </c>
      <c r="HK27" s="296">
        <v>0</v>
      </c>
      <c r="HL27" s="296">
        <v>0</v>
      </c>
      <c r="HM27" s="299">
        <v>0</v>
      </c>
      <c r="HN27" s="300">
        <v>0</v>
      </c>
      <c r="HO27" s="295">
        <v>0</v>
      </c>
      <c r="HP27" s="296">
        <v>0</v>
      </c>
      <c r="HQ27" s="297">
        <v>0</v>
      </c>
      <c r="HR27" s="298">
        <v>0</v>
      </c>
      <c r="HS27" s="296">
        <v>94764</v>
      </c>
      <c r="HT27" s="296">
        <v>176937</v>
      </c>
      <c r="HU27" s="296">
        <v>780882</v>
      </c>
      <c r="HV27" s="296">
        <v>1305437</v>
      </c>
      <c r="HW27" s="296">
        <v>1018045</v>
      </c>
      <c r="HX27" s="299">
        <v>3376065</v>
      </c>
      <c r="HY27" s="300">
        <v>3376065</v>
      </c>
    </row>
    <row r="28" spans="2:233" ht="16.5" customHeight="1" x14ac:dyDescent="0.2">
      <c r="B28" s="293" t="s">
        <v>25</v>
      </c>
      <c r="C28" s="295">
        <v>0</v>
      </c>
      <c r="D28" s="296">
        <v>0</v>
      </c>
      <c r="E28" s="297">
        <v>0</v>
      </c>
      <c r="F28" s="298">
        <v>0</v>
      </c>
      <c r="G28" s="296">
        <v>57730</v>
      </c>
      <c r="H28" s="296">
        <v>167629</v>
      </c>
      <c r="I28" s="296">
        <v>553095</v>
      </c>
      <c r="J28" s="296">
        <v>788749</v>
      </c>
      <c r="K28" s="296">
        <v>629590</v>
      </c>
      <c r="L28" s="299">
        <v>2196793</v>
      </c>
      <c r="M28" s="300">
        <v>2196793</v>
      </c>
      <c r="N28" s="295">
        <v>0</v>
      </c>
      <c r="O28" s="296">
        <v>0</v>
      </c>
      <c r="P28" s="297">
        <v>0</v>
      </c>
      <c r="Q28" s="301"/>
      <c r="R28" s="296">
        <v>27280</v>
      </c>
      <c r="S28" s="296">
        <v>8585</v>
      </c>
      <c r="T28" s="296">
        <v>498150</v>
      </c>
      <c r="U28" s="296">
        <v>614595</v>
      </c>
      <c r="V28" s="296">
        <v>518360</v>
      </c>
      <c r="W28" s="299">
        <v>1666970</v>
      </c>
      <c r="X28" s="300">
        <v>1666970</v>
      </c>
      <c r="Y28" s="295">
        <v>0</v>
      </c>
      <c r="Z28" s="296">
        <v>0</v>
      </c>
      <c r="AA28" s="297">
        <v>0</v>
      </c>
      <c r="AB28" s="301"/>
      <c r="AC28" s="296">
        <v>24645</v>
      </c>
      <c r="AD28" s="296">
        <v>137285</v>
      </c>
      <c r="AE28" s="296">
        <v>44150</v>
      </c>
      <c r="AF28" s="296">
        <v>169630</v>
      </c>
      <c r="AG28" s="296">
        <v>103385</v>
      </c>
      <c r="AH28" s="299">
        <v>479095</v>
      </c>
      <c r="AI28" s="300">
        <v>479095</v>
      </c>
      <c r="AJ28" s="295">
        <v>0</v>
      </c>
      <c r="AK28" s="296">
        <v>0</v>
      </c>
      <c r="AL28" s="297">
        <v>0</v>
      </c>
      <c r="AM28" s="301"/>
      <c r="AN28" s="296">
        <v>0</v>
      </c>
      <c r="AO28" s="296">
        <v>0</v>
      </c>
      <c r="AP28" s="296">
        <v>0</v>
      </c>
      <c r="AQ28" s="296">
        <v>0</v>
      </c>
      <c r="AR28" s="296">
        <v>0</v>
      </c>
      <c r="AS28" s="299">
        <v>0</v>
      </c>
      <c r="AT28" s="300">
        <v>0</v>
      </c>
      <c r="AU28" s="295">
        <v>0</v>
      </c>
      <c r="AV28" s="296">
        <v>0</v>
      </c>
      <c r="AW28" s="297">
        <v>0</v>
      </c>
      <c r="AX28" s="301"/>
      <c r="AY28" s="296">
        <v>0</v>
      </c>
      <c r="AZ28" s="296">
        <v>0</v>
      </c>
      <c r="BA28" s="296">
        <v>0</v>
      </c>
      <c r="BB28" s="296">
        <v>0</v>
      </c>
      <c r="BC28" s="296">
        <v>0</v>
      </c>
      <c r="BD28" s="299">
        <v>0</v>
      </c>
      <c r="BE28" s="300">
        <v>0</v>
      </c>
      <c r="BF28" s="295">
        <v>0</v>
      </c>
      <c r="BG28" s="296">
        <v>0</v>
      </c>
      <c r="BH28" s="297">
        <v>0</v>
      </c>
      <c r="BI28" s="301"/>
      <c r="BJ28" s="296">
        <v>0</v>
      </c>
      <c r="BK28" s="296">
        <v>0</v>
      </c>
      <c r="BL28" s="296">
        <v>0</v>
      </c>
      <c r="BM28" s="296">
        <v>0</v>
      </c>
      <c r="BN28" s="296">
        <v>0</v>
      </c>
      <c r="BO28" s="299">
        <v>0</v>
      </c>
      <c r="BP28" s="300">
        <v>0</v>
      </c>
      <c r="BQ28" s="295">
        <v>0</v>
      </c>
      <c r="BR28" s="296">
        <v>0</v>
      </c>
      <c r="BS28" s="297">
        <v>0</v>
      </c>
      <c r="BT28" s="298">
        <v>0</v>
      </c>
      <c r="BU28" s="296">
        <v>5805</v>
      </c>
      <c r="BV28" s="296">
        <v>18639</v>
      </c>
      <c r="BW28" s="296">
        <v>10350</v>
      </c>
      <c r="BX28" s="296">
        <v>4524</v>
      </c>
      <c r="BY28" s="296">
        <v>6975</v>
      </c>
      <c r="BZ28" s="299">
        <v>46293</v>
      </c>
      <c r="CA28" s="300">
        <v>46293</v>
      </c>
      <c r="CB28" s="295">
        <v>0</v>
      </c>
      <c r="CC28" s="296">
        <v>0</v>
      </c>
      <c r="CD28" s="297">
        <v>0</v>
      </c>
      <c r="CE28" s="298">
        <v>0</v>
      </c>
      <c r="CF28" s="296">
        <v>0</v>
      </c>
      <c r="CG28" s="296">
        <v>3120</v>
      </c>
      <c r="CH28" s="296">
        <v>445</v>
      </c>
      <c r="CI28" s="296">
        <v>0</v>
      </c>
      <c r="CJ28" s="296">
        <v>870</v>
      </c>
      <c r="CK28" s="299">
        <v>4435</v>
      </c>
      <c r="CL28" s="300">
        <v>4435</v>
      </c>
      <c r="CM28" s="295">
        <v>0</v>
      </c>
      <c r="CN28" s="296">
        <v>0</v>
      </c>
      <c r="CO28" s="297">
        <v>0</v>
      </c>
      <c r="CP28" s="298">
        <v>0</v>
      </c>
      <c r="CQ28" s="296">
        <v>0</v>
      </c>
      <c r="CR28" s="296">
        <v>0</v>
      </c>
      <c r="CS28" s="296">
        <v>0</v>
      </c>
      <c r="CT28" s="296">
        <v>0</v>
      </c>
      <c r="CU28" s="296">
        <v>0</v>
      </c>
      <c r="CV28" s="299">
        <v>0</v>
      </c>
      <c r="CW28" s="300">
        <v>0</v>
      </c>
      <c r="CX28" s="295">
        <v>0</v>
      </c>
      <c r="CY28" s="296">
        <v>0</v>
      </c>
      <c r="CZ28" s="297">
        <v>0</v>
      </c>
      <c r="DA28" s="301"/>
      <c r="DB28" s="296">
        <v>0</v>
      </c>
      <c r="DC28" s="296">
        <v>0</v>
      </c>
      <c r="DD28" s="296">
        <v>0</v>
      </c>
      <c r="DE28" s="296">
        <v>0</v>
      </c>
      <c r="DF28" s="296">
        <v>0</v>
      </c>
      <c r="DG28" s="299">
        <v>0</v>
      </c>
      <c r="DH28" s="300">
        <v>0</v>
      </c>
      <c r="DI28" s="295">
        <v>0</v>
      </c>
      <c r="DJ28" s="296">
        <v>0</v>
      </c>
      <c r="DK28" s="297">
        <v>0</v>
      </c>
      <c r="DL28" s="298">
        <v>0</v>
      </c>
      <c r="DM28" s="296">
        <v>48367</v>
      </c>
      <c r="DN28" s="296">
        <v>118232</v>
      </c>
      <c r="DO28" s="296">
        <v>646127</v>
      </c>
      <c r="DP28" s="296">
        <v>736021</v>
      </c>
      <c r="DQ28" s="296">
        <v>482670</v>
      </c>
      <c r="DR28" s="299">
        <v>2031417</v>
      </c>
      <c r="DS28" s="302">
        <v>2031417</v>
      </c>
      <c r="DT28" s="295">
        <v>0</v>
      </c>
      <c r="DU28" s="296">
        <v>0</v>
      </c>
      <c r="DV28" s="297">
        <v>0</v>
      </c>
      <c r="DW28" s="301"/>
      <c r="DX28" s="296">
        <v>43152</v>
      </c>
      <c r="DY28" s="296">
        <v>67931</v>
      </c>
      <c r="DZ28" s="296">
        <v>613669</v>
      </c>
      <c r="EA28" s="296">
        <v>701748</v>
      </c>
      <c r="EB28" s="296">
        <v>462972</v>
      </c>
      <c r="EC28" s="299">
        <v>1889472</v>
      </c>
      <c r="ED28" s="300">
        <v>1889472</v>
      </c>
      <c r="EE28" s="295">
        <v>0</v>
      </c>
      <c r="EF28" s="296">
        <v>0</v>
      </c>
      <c r="EG28" s="297">
        <v>0</v>
      </c>
      <c r="EH28" s="301"/>
      <c r="EI28" s="296">
        <v>217</v>
      </c>
      <c r="EJ28" s="296">
        <v>12891</v>
      </c>
      <c r="EK28" s="296">
        <v>910</v>
      </c>
      <c r="EL28" s="296">
        <v>24088</v>
      </c>
      <c r="EM28" s="296">
        <v>12338</v>
      </c>
      <c r="EN28" s="299">
        <v>50444</v>
      </c>
      <c r="EO28" s="300">
        <v>50444</v>
      </c>
      <c r="EP28" s="295">
        <v>0</v>
      </c>
      <c r="EQ28" s="296">
        <v>0</v>
      </c>
      <c r="ER28" s="297">
        <v>0</v>
      </c>
      <c r="ES28" s="301"/>
      <c r="ET28" s="296">
        <v>0</v>
      </c>
      <c r="EU28" s="296">
        <v>0</v>
      </c>
      <c r="EV28" s="296">
        <v>0</v>
      </c>
      <c r="EW28" s="296">
        <v>0</v>
      </c>
      <c r="EX28" s="296">
        <v>0</v>
      </c>
      <c r="EY28" s="299">
        <v>0</v>
      </c>
      <c r="EZ28" s="300">
        <v>0</v>
      </c>
      <c r="FA28" s="295">
        <v>0</v>
      </c>
      <c r="FB28" s="296">
        <v>0</v>
      </c>
      <c r="FC28" s="297">
        <v>0</v>
      </c>
      <c r="FD28" s="301"/>
      <c r="FE28" s="296">
        <v>0</v>
      </c>
      <c r="FF28" s="296">
        <v>0</v>
      </c>
      <c r="FG28" s="296">
        <v>0</v>
      </c>
      <c r="FH28" s="296">
        <v>0</v>
      </c>
      <c r="FI28" s="296">
        <v>0</v>
      </c>
      <c r="FJ28" s="299">
        <v>0</v>
      </c>
      <c r="FK28" s="300">
        <v>0</v>
      </c>
      <c r="FL28" s="295">
        <v>0</v>
      </c>
      <c r="FM28" s="296">
        <v>0</v>
      </c>
      <c r="FN28" s="297">
        <v>0</v>
      </c>
      <c r="FO28" s="301"/>
      <c r="FP28" s="296">
        <v>0</v>
      </c>
      <c r="FQ28" s="296">
        <v>0</v>
      </c>
      <c r="FR28" s="296">
        <v>0</v>
      </c>
      <c r="FS28" s="296">
        <v>0</v>
      </c>
      <c r="FT28" s="296">
        <v>0</v>
      </c>
      <c r="FU28" s="299">
        <v>0</v>
      </c>
      <c r="FV28" s="300">
        <v>0</v>
      </c>
      <c r="FW28" s="295">
        <v>0</v>
      </c>
      <c r="FX28" s="296">
        <v>0</v>
      </c>
      <c r="FY28" s="297">
        <v>0</v>
      </c>
      <c r="FZ28" s="298">
        <v>0</v>
      </c>
      <c r="GA28" s="296">
        <v>4998</v>
      </c>
      <c r="GB28" s="296">
        <v>37410</v>
      </c>
      <c r="GC28" s="296">
        <v>31527</v>
      </c>
      <c r="GD28" s="296">
        <v>10185</v>
      </c>
      <c r="GE28" s="296">
        <v>7360</v>
      </c>
      <c r="GF28" s="299">
        <v>91480</v>
      </c>
      <c r="GG28" s="300">
        <v>91480</v>
      </c>
      <c r="GH28" s="295">
        <v>0</v>
      </c>
      <c r="GI28" s="296">
        <v>0</v>
      </c>
      <c r="GJ28" s="297">
        <v>0</v>
      </c>
      <c r="GK28" s="298">
        <v>0</v>
      </c>
      <c r="GL28" s="296">
        <v>0</v>
      </c>
      <c r="GM28" s="296">
        <v>0</v>
      </c>
      <c r="GN28" s="296">
        <v>21</v>
      </c>
      <c r="GO28" s="296">
        <v>0</v>
      </c>
      <c r="GP28" s="296">
        <v>0</v>
      </c>
      <c r="GQ28" s="299">
        <v>21</v>
      </c>
      <c r="GR28" s="300">
        <v>21</v>
      </c>
      <c r="GS28" s="295">
        <v>0</v>
      </c>
      <c r="GT28" s="296">
        <v>0</v>
      </c>
      <c r="GU28" s="297">
        <v>0</v>
      </c>
      <c r="GV28" s="298">
        <v>0</v>
      </c>
      <c r="GW28" s="296">
        <v>0</v>
      </c>
      <c r="GX28" s="296">
        <v>0</v>
      </c>
      <c r="GY28" s="296">
        <v>0</v>
      </c>
      <c r="GZ28" s="296">
        <v>0</v>
      </c>
      <c r="HA28" s="296">
        <v>0</v>
      </c>
      <c r="HB28" s="299">
        <v>0</v>
      </c>
      <c r="HC28" s="300">
        <v>0</v>
      </c>
      <c r="HD28" s="295">
        <v>0</v>
      </c>
      <c r="HE28" s="296">
        <v>0</v>
      </c>
      <c r="HF28" s="297">
        <v>0</v>
      </c>
      <c r="HG28" s="301"/>
      <c r="HH28" s="296">
        <v>0</v>
      </c>
      <c r="HI28" s="296">
        <v>0</v>
      </c>
      <c r="HJ28" s="296">
        <v>0</v>
      </c>
      <c r="HK28" s="296">
        <v>0</v>
      </c>
      <c r="HL28" s="296">
        <v>0</v>
      </c>
      <c r="HM28" s="299">
        <v>0</v>
      </c>
      <c r="HN28" s="300">
        <v>0</v>
      </c>
      <c r="HO28" s="295">
        <v>0</v>
      </c>
      <c r="HP28" s="296">
        <v>0</v>
      </c>
      <c r="HQ28" s="297">
        <v>0</v>
      </c>
      <c r="HR28" s="298">
        <v>0</v>
      </c>
      <c r="HS28" s="296">
        <v>106097</v>
      </c>
      <c r="HT28" s="296">
        <v>285861</v>
      </c>
      <c r="HU28" s="296">
        <v>1199222</v>
      </c>
      <c r="HV28" s="296">
        <v>1524770</v>
      </c>
      <c r="HW28" s="296">
        <v>1112260</v>
      </c>
      <c r="HX28" s="299">
        <v>4228210</v>
      </c>
      <c r="HY28" s="300">
        <v>4228210</v>
      </c>
    </row>
    <row r="29" spans="2:233" ht="16.5" customHeight="1" x14ac:dyDescent="0.2">
      <c r="B29" s="293" t="s">
        <v>26</v>
      </c>
      <c r="C29" s="295">
        <v>0</v>
      </c>
      <c r="D29" s="296">
        <v>2030</v>
      </c>
      <c r="E29" s="297">
        <v>2030</v>
      </c>
      <c r="F29" s="298">
        <v>0</v>
      </c>
      <c r="G29" s="296">
        <v>37629</v>
      </c>
      <c r="H29" s="296">
        <v>182619</v>
      </c>
      <c r="I29" s="296">
        <v>461835</v>
      </c>
      <c r="J29" s="296">
        <v>915015</v>
      </c>
      <c r="K29" s="296">
        <v>271929</v>
      </c>
      <c r="L29" s="299">
        <v>1869027</v>
      </c>
      <c r="M29" s="300">
        <v>1871057</v>
      </c>
      <c r="N29" s="295">
        <v>0</v>
      </c>
      <c r="O29" s="296">
        <v>0</v>
      </c>
      <c r="P29" s="297">
        <v>0</v>
      </c>
      <c r="Q29" s="301"/>
      <c r="R29" s="296">
        <v>0</v>
      </c>
      <c r="S29" s="296">
        <v>37200</v>
      </c>
      <c r="T29" s="296">
        <v>273535</v>
      </c>
      <c r="U29" s="296">
        <v>750605</v>
      </c>
      <c r="V29" s="296">
        <v>261920</v>
      </c>
      <c r="W29" s="299">
        <v>1323260</v>
      </c>
      <c r="X29" s="300">
        <v>1323260</v>
      </c>
      <c r="Y29" s="295">
        <v>0</v>
      </c>
      <c r="Z29" s="296">
        <v>0</v>
      </c>
      <c r="AA29" s="297">
        <v>0</v>
      </c>
      <c r="AB29" s="301"/>
      <c r="AC29" s="296">
        <v>35340</v>
      </c>
      <c r="AD29" s="296">
        <v>124465</v>
      </c>
      <c r="AE29" s="296">
        <v>168550</v>
      </c>
      <c r="AF29" s="296">
        <v>119425</v>
      </c>
      <c r="AG29" s="296">
        <v>2635</v>
      </c>
      <c r="AH29" s="299">
        <v>450415</v>
      </c>
      <c r="AI29" s="300">
        <v>450415</v>
      </c>
      <c r="AJ29" s="295">
        <v>0</v>
      </c>
      <c r="AK29" s="296">
        <v>0</v>
      </c>
      <c r="AL29" s="297">
        <v>0</v>
      </c>
      <c r="AM29" s="301"/>
      <c r="AN29" s="296">
        <v>0</v>
      </c>
      <c r="AO29" s="296">
        <v>0</v>
      </c>
      <c r="AP29" s="296">
        <v>0</v>
      </c>
      <c r="AQ29" s="296">
        <v>0</v>
      </c>
      <c r="AR29" s="296">
        <v>0</v>
      </c>
      <c r="AS29" s="299">
        <v>0</v>
      </c>
      <c r="AT29" s="300">
        <v>0</v>
      </c>
      <c r="AU29" s="295">
        <v>0</v>
      </c>
      <c r="AV29" s="296">
        <v>0</v>
      </c>
      <c r="AW29" s="297">
        <v>0</v>
      </c>
      <c r="AX29" s="301"/>
      <c r="AY29" s="296">
        <v>0</v>
      </c>
      <c r="AZ29" s="296">
        <v>0</v>
      </c>
      <c r="BA29" s="296">
        <v>0</v>
      </c>
      <c r="BB29" s="296">
        <v>31650</v>
      </c>
      <c r="BC29" s="296">
        <v>5270</v>
      </c>
      <c r="BD29" s="299">
        <v>36920</v>
      </c>
      <c r="BE29" s="300">
        <v>36920</v>
      </c>
      <c r="BF29" s="295">
        <v>0</v>
      </c>
      <c r="BG29" s="296">
        <v>0</v>
      </c>
      <c r="BH29" s="297">
        <v>0</v>
      </c>
      <c r="BI29" s="301"/>
      <c r="BJ29" s="296">
        <v>0</v>
      </c>
      <c r="BK29" s="296">
        <v>0</v>
      </c>
      <c r="BL29" s="296">
        <v>2635</v>
      </c>
      <c r="BM29" s="296">
        <v>0</v>
      </c>
      <c r="BN29" s="296">
        <v>0</v>
      </c>
      <c r="BO29" s="299">
        <v>2635</v>
      </c>
      <c r="BP29" s="300">
        <v>2635</v>
      </c>
      <c r="BQ29" s="295">
        <v>0</v>
      </c>
      <c r="BR29" s="296">
        <v>2030</v>
      </c>
      <c r="BS29" s="297">
        <v>2030</v>
      </c>
      <c r="BT29" s="298">
        <v>0</v>
      </c>
      <c r="BU29" s="296">
        <v>2289</v>
      </c>
      <c r="BV29" s="296">
        <v>18699</v>
      </c>
      <c r="BW29" s="296">
        <v>17115</v>
      </c>
      <c r="BX29" s="296">
        <v>12745</v>
      </c>
      <c r="BY29" s="296">
        <v>2104</v>
      </c>
      <c r="BZ29" s="299">
        <v>52952</v>
      </c>
      <c r="CA29" s="300">
        <v>54982</v>
      </c>
      <c r="CB29" s="295">
        <v>0</v>
      </c>
      <c r="CC29" s="296">
        <v>0</v>
      </c>
      <c r="CD29" s="297">
        <v>0</v>
      </c>
      <c r="CE29" s="298">
        <v>0</v>
      </c>
      <c r="CF29" s="296">
        <v>0</v>
      </c>
      <c r="CG29" s="296">
        <v>2255</v>
      </c>
      <c r="CH29" s="296">
        <v>0</v>
      </c>
      <c r="CI29" s="296">
        <v>590</v>
      </c>
      <c r="CJ29" s="296">
        <v>0</v>
      </c>
      <c r="CK29" s="299">
        <v>2845</v>
      </c>
      <c r="CL29" s="300">
        <v>2845</v>
      </c>
      <c r="CM29" s="295">
        <v>0</v>
      </c>
      <c r="CN29" s="296">
        <v>0</v>
      </c>
      <c r="CO29" s="297">
        <v>0</v>
      </c>
      <c r="CP29" s="298">
        <v>0</v>
      </c>
      <c r="CQ29" s="296">
        <v>0</v>
      </c>
      <c r="CR29" s="296">
        <v>0</v>
      </c>
      <c r="CS29" s="296">
        <v>0</v>
      </c>
      <c r="CT29" s="296">
        <v>0</v>
      </c>
      <c r="CU29" s="296">
        <v>0</v>
      </c>
      <c r="CV29" s="299">
        <v>0</v>
      </c>
      <c r="CW29" s="300">
        <v>0</v>
      </c>
      <c r="CX29" s="295">
        <v>0</v>
      </c>
      <c r="CY29" s="296">
        <v>0</v>
      </c>
      <c r="CZ29" s="297">
        <v>0</v>
      </c>
      <c r="DA29" s="301"/>
      <c r="DB29" s="296">
        <v>0</v>
      </c>
      <c r="DC29" s="296">
        <v>0</v>
      </c>
      <c r="DD29" s="296">
        <v>0</v>
      </c>
      <c r="DE29" s="296">
        <v>0</v>
      </c>
      <c r="DF29" s="296">
        <v>0</v>
      </c>
      <c r="DG29" s="299">
        <v>0</v>
      </c>
      <c r="DH29" s="300">
        <v>0</v>
      </c>
      <c r="DI29" s="295">
        <v>0</v>
      </c>
      <c r="DJ29" s="296">
        <v>9744</v>
      </c>
      <c r="DK29" s="297">
        <v>9744</v>
      </c>
      <c r="DL29" s="298">
        <v>0</v>
      </c>
      <c r="DM29" s="296">
        <v>1889</v>
      </c>
      <c r="DN29" s="296">
        <v>163715</v>
      </c>
      <c r="DO29" s="296">
        <v>452360</v>
      </c>
      <c r="DP29" s="296">
        <v>919349</v>
      </c>
      <c r="DQ29" s="296">
        <v>441513</v>
      </c>
      <c r="DR29" s="299">
        <v>1978826</v>
      </c>
      <c r="DS29" s="302">
        <v>1988570</v>
      </c>
      <c r="DT29" s="295">
        <v>0</v>
      </c>
      <c r="DU29" s="296">
        <v>0</v>
      </c>
      <c r="DV29" s="297">
        <v>0</v>
      </c>
      <c r="DW29" s="301"/>
      <c r="DX29" s="296">
        <v>0</v>
      </c>
      <c r="DY29" s="296">
        <v>119722</v>
      </c>
      <c r="DZ29" s="296">
        <v>345279</v>
      </c>
      <c r="EA29" s="296">
        <v>862780</v>
      </c>
      <c r="EB29" s="296">
        <v>412326</v>
      </c>
      <c r="EC29" s="299">
        <v>1740107</v>
      </c>
      <c r="ED29" s="300">
        <v>1740107</v>
      </c>
      <c r="EE29" s="295">
        <v>0</v>
      </c>
      <c r="EF29" s="296">
        <v>0</v>
      </c>
      <c r="EG29" s="297">
        <v>0</v>
      </c>
      <c r="EH29" s="301"/>
      <c r="EI29" s="296">
        <v>434</v>
      </c>
      <c r="EJ29" s="296">
        <v>24180</v>
      </c>
      <c r="EK29" s="296">
        <v>49360</v>
      </c>
      <c r="EL29" s="296">
        <v>33553</v>
      </c>
      <c r="EM29" s="296">
        <v>217</v>
      </c>
      <c r="EN29" s="299">
        <v>107744</v>
      </c>
      <c r="EO29" s="300">
        <v>107744</v>
      </c>
      <c r="EP29" s="295">
        <v>0</v>
      </c>
      <c r="EQ29" s="296">
        <v>0</v>
      </c>
      <c r="ER29" s="297">
        <v>0</v>
      </c>
      <c r="ES29" s="301"/>
      <c r="ET29" s="296">
        <v>0</v>
      </c>
      <c r="EU29" s="296">
        <v>0</v>
      </c>
      <c r="EV29" s="296">
        <v>0</v>
      </c>
      <c r="EW29" s="296">
        <v>0</v>
      </c>
      <c r="EX29" s="296">
        <v>0</v>
      </c>
      <c r="EY29" s="299">
        <v>0</v>
      </c>
      <c r="EZ29" s="300">
        <v>0</v>
      </c>
      <c r="FA29" s="295">
        <v>0</v>
      </c>
      <c r="FB29" s="296">
        <v>0</v>
      </c>
      <c r="FC29" s="297">
        <v>0</v>
      </c>
      <c r="FD29" s="301"/>
      <c r="FE29" s="296">
        <v>0</v>
      </c>
      <c r="FF29" s="296">
        <v>0</v>
      </c>
      <c r="FG29" s="296">
        <v>0</v>
      </c>
      <c r="FH29" s="296">
        <v>217</v>
      </c>
      <c r="FI29" s="296">
        <v>434</v>
      </c>
      <c r="FJ29" s="299">
        <v>651</v>
      </c>
      <c r="FK29" s="300">
        <v>651</v>
      </c>
      <c r="FL29" s="295">
        <v>0</v>
      </c>
      <c r="FM29" s="296">
        <v>0</v>
      </c>
      <c r="FN29" s="297">
        <v>0</v>
      </c>
      <c r="FO29" s="301"/>
      <c r="FP29" s="296">
        <v>0</v>
      </c>
      <c r="FQ29" s="296">
        <v>0</v>
      </c>
      <c r="FR29" s="296">
        <v>21576</v>
      </c>
      <c r="FS29" s="296">
        <v>0</v>
      </c>
      <c r="FT29" s="296">
        <v>0</v>
      </c>
      <c r="FU29" s="299">
        <v>21576</v>
      </c>
      <c r="FV29" s="300">
        <v>21576</v>
      </c>
      <c r="FW29" s="295">
        <v>0</v>
      </c>
      <c r="FX29" s="296">
        <v>9744</v>
      </c>
      <c r="FY29" s="297">
        <v>9744</v>
      </c>
      <c r="FZ29" s="298">
        <v>0</v>
      </c>
      <c r="GA29" s="296">
        <v>1455</v>
      </c>
      <c r="GB29" s="296">
        <v>19792</v>
      </c>
      <c r="GC29" s="296">
        <v>36145</v>
      </c>
      <c r="GD29" s="296">
        <v>22743</v>
      </c>
      <c r="GE29" s="296">
        <v>28536</v>
      </c>
      <c r="GF29" s="299">
        <v>108671</v>
      </c>
      <c r="GG29" s="300">
        <v>118415</v>
      </c>
      <c r="GH29" s="295">
        <v>0</v>
      </c>
      <c r="GI29" s="296">
        <v>0</v>
      </c>
      <c r="GJ29" s="297">
        <v>0</v>
      </c>
      <c r="GK29" s="298">
        <v>0</v>
      </c>
      <c r="GL29" s="296">
        <v>0</v>
      </c>
      <c r="GM29" s="296">
        <v>21</v>
      </c>
      <c r="GN29" s="296">
        <v>0</v>
      </c>
      <c r="GO29" s="296">
        <v>56</v>
      </c>
      <c r="GP29" s="296">
        <v>0</v>
      </c>
      <c r="GQ29" s="299">
        <v>77</v>
      </c>
      <c r="GR29" s="300">
        <v>77</v>
      </c>
      <c r="GS29" s="295">
        <v>0</v>
      </c>
      <c r="GT29" s="296">
        <v>0</v>
      </c>
      <c r="GU29" s="297">
        <v>0</v>
      </c>
      <c r="GV29" s="298">
        <v>0</v>
      </c>
      <c r="GW29" s="296">
        <v>0</v>
      </c>
      <c r="GX29" s="296">
        <v>0</v>
      </c>
      <c r="GY29" s="296">
        <v>0</v>
      </c>
      <c r="GZ29" s="296">
        <v>0</v>
      </c>
      <c r="HA29" s="296">
        <v>0</v>
      </c>
      <c r="HB29" s="299">
        <v>0</v>
      </c>
      <c r="HC29" s="300">
        <v>0</v>
      </c>
      <c r="HD29" s="295">
        <v>0</v>
      </c>
      <c r="HE29" s="296">
        <v>0</v>
      </c>
      <c r="HF29" s="297">
        <v>0</v>
      </c>
      <c r="HG29" s="301"/>
      <c r="HH29" s="296">
        <v>0</v>
      </c>
      <c r="HI29" s="296">
        <v>0</v>
      </c>
      <c r="HJ29" s="296">
        <v>0</v>
      </c>
      <c r="HK29" s="296">
        <v>0</v>
      </c>
      <c r="HL29" s="296">
        <v>0</v>
      </c>
      <c r="HM29" s="299">
        <v>0</v>
      </c>
      <c r="HN29" s="300">
        <v>0</v>
      </c>
      <c r="HO29" s="295">
        <v>0</v>
      </c>
      <c r="HP29" s="296">
        <v>11774</v>
      </c>
      <c r="HQ29" s="297">
        <v>11774</v>
      </c>
      <c r="HR29" s="298">
        <v>0</v>
      </c>
      <c r="HS29" s="296">
        <v>39518</v>
      </c>
      <c r="HT29" s="296">
        <v>346334</v>
      </c>
      <c r="HU29" s="296">
        <v>914195</v>
      </c>
      <c r="HV29" s="296">
        <v>1834364</v>
      </c>
      <c r="HW29" s="296">
        <v>713442</v>
      </c>
      <c r="HX29" s="299">
        <v>3847853</v>
      </c>
      <c r="HY29" s="300">
        <v>3859627</v>
      </c>
    </row>
    <row r="30" spans="2:233" ht="16.5" customHeight="1" x14ac:dyDescent="0.2">
      <c r="B30" s="293" t="s">
        <v>27</v>
      </c>
      <c r="C30" s="295">
        <v>0</v>
      </c>
      <c r="D30" s="296">
        <v>19665</v>
      </c>
      <c r="E30" s="297">
        <v>19665</v>
      </c>
      <c r="F30" s="298">
        <v>0</v>
      </c>
      <c r="G30" s="296">
        <v>67135</v>
      </c>
      <c r="H30" s="296">
        <v>152685</v>
      </c>
      <c r="I30" s="296">
        <v>646580</v>
      </c>
      <c r="J30" s="296">
        <v>516025</v>
      </c>
      <c r="K30" s="296">
        <v>355365</v>
      </c>
      <c r="L30" s="299">
        <v>1737790</v>
      </c>
      <c r="M30" s="300">
        <v>1757455</v>
      </c>
      <c r="N30" s="295">
        <v>0</v>
      </c>
      <c r="O30" s="296">
        <v>0</v>
      </c>
      <c r="P30" s="297">
        <v>0</v>
      </c>
      <c r="Q30" s="301"/>
      <c r="R30" s="296">
        <v>35340</v>
      </c>
      <c r="S30" s="296">
        <v>32705</v>
      </c>
      <c r="T30" s="296">
        <v>418965</v>
      </c>
      <c r="U30" s="296">
        <v>359765</v>
      </c>
      <c r="V30" s="296">
        <v>299400</v>
      </c>
      <c r="W30" s="299">
        <v>1146175</v>
      </c>
      <c r="X30" s="300">
        <v>1146175</v>
      </c>
      <c r="Y30" s="295">
        <v>0</v>
      </c>
      <c r="Z30" s="296">
        <v>0</v>
      </c>
      <c r="AA30" s="297">
        <v>0</v>
      </c>
      <c r="AB30" s="301"/>
      <c r="AC30" s="296">
        <v>27280</v>
      </c>
      <c r="AD30" s="296">
        <v>119060</v>
      </c>
      <c r="AE30" s="296">
        <v>133300</v>
      </c>
      <c r="AF30" s="296">
        <v>124930</v>
      </c>
      <c r="AG30" s="296">
        <v>35340</v>
      </c>
      <c r="AH30" s="299">
        <v>439910</v>
      </c>
      <c r="AI30" s="300">
        <v>439910</v>
      </c>
      <c r="AJ30" s="295">
        <v>0</v>
      </c>
      <c r="AK30" s="296">
        <v>0</v>
      </c>
      <c r="AL30" s="297">
        <v>0</v>
      </c>
      <c r="AM30" s="301"/>
      <c r="AN30" s="296">
        <v>0</v>
      </c>
      <c r="AO30" s="296">
        <v>0</v>
      </c>
      <c r="AP30" s="296">
        <v>0</v>
      </c>
      <c r="AQ30" s="296">
        <v>0</v>
      </c>
      <c r="AR30" s="296">
        <v>0</v>
      </c>
      <c r="AS30" s="299">
        <v>0</v>
      </c>
      <c r="AT30" s="300">
        <v>0</v>
      </c>
      <c r="AU30" s="295">
        <v>0</v>
      </c>
      <c r="AV30" s="296">
        <v>0</v>
      </c>
      <c r="AW30" s="297">
        <v>0</v>
      </c>
      <c r="AX30" s="301"/>
      <c r="AY30" s="296">
        <v>0</v>
      </c>
      <c r="AZ30" s="296">
        <v>0</v>
      </c>
      <c r="BA30" s="296">
        <v>0</v>
      </c>
      <c r="BB30" s="296">
        <v>0</v>
      </c>
      <c r="BC30" s="296">
        <v>0</v>
      </c>
      <c r="BD30" s="299">
        <v>0</v>
      </c>
      <c r="BE30" s="300">
        <v>0</v>
      </c>
      <c r="BF30" s="295">
        <v>0</v>
      </c>
      <c r="BG30" s="296">
        <v>0</v>
      </c>
      <c r="BH30" s="297">
        <v>0</v>
      </c>
      <c r="BI30" s="301"/>
      <c r="BJ30" s="296">
        <v>0</v>
      </c>
      <c r="BK30" s="296">
        <v>0</v>
      </c>
      <c r="BL30" s="296">
        <v>62365</v>
      </c>
      <c r="BM30" s="296">
        <v>7905</v>
      </c>
      <c r="BN30" s="296">
        <v>0</v>
      </c>
      <c r="BO30" s="299">
        <v>70270</v>
      </c>
      <c r="BP30" s="300">
        <v>70270</v>
      </c>
      <c r="BQ30" s="295">
        <v>0</v>
      </c>
      <c r="BR30" s="296">
        <v>19665</v>
      </c>
      <c r="BS30" s="297">
        <v>19665</v>
      </c>
      <c r="BT30" s="298">
        <v>0</v>
      </c>
      <c r="BU30" s="296">
        <v>4515</v>
      </c>
      <c r="BV30" s="296">
        <v>920</v>
      </c>
      <c r="BW30" s="296">
        <v>31950</v>
      </c>
      <c r="BX30" s="296">
        <v>23280</v>
      </c>
      <c r="BY30" s="296">
        <v>20625</v>
      </c>
      <c r="BZ30" s="299">
        <v>81290</v>
      </c>
      <c r="CA30" s="300">
        <v>100955</v>
      </c>
      <c r="CB30" s="295">
        <v>0</v>
      </c>
      <c r="CC30" s="296">
        <v>0</v>
      </c>
      <c r="CD30" s="297">
        <v>0</v>
      </c>
      <c r="CE30" s="298">
        <v>0</v>
      </c>
      <c r="CF30" s="296">
        <v>0</v>
      </c>
      <c r="CG30" s="296">
        <v>0</v>
      </c>
      <c r="CH30" s="296">
        <v>0</v>
      </c>
      <c r="CI30" s="296">
        <v>145</v>
      </c>
      <c r="CJ30" s="296">
        <v>0</v>
      </c>
      <c r="CK30" s="299">
        <v>145</v>
      </c>
      <c r="CL30" s="300">
        <v>145</v>
      </c>
      <c r="CM30" s="295">
        <v>0</v>
      </c>
      <c r="CN30" s="296">
        <v>0</v>
      </c>
      <c r="CO30" s="297">
        <v>0</v>
      </c>
      <c r="CP30" s="298">
        <v>0</v>
      </c>
      <c r="CQ30" s="296">
        <v>0</v>
      </c>
      <c r="CR30" s="296">
        <v>0</v>
      </c>
      <c r="CS30" s="296">
        <v>0</v>
      </c>
      <c r="CT30" s="296">
        <v>0</v>
      </c>
      <c r="CU30" s="296">
        <v>0</v>
      </c>
      <c r="CV30" s="299">
        <v>0</v>
      </c>
      <c r="CW30" s="300">
        <v>0</v>
      </c>
      <c r="CX30" s="295">
        <v>0</v>
      </c>
      <c r="CY30" s="296">
        <v>0</v>
      </c>
      <c r="CZ30" s="297">
        <v>0</v>
      </c>
      <c r="DA30" s="301"/>
      <c r="DB30" s="296">
        <v>0</v>
      </c>
      <c r="DC30" s="296">
        <v>0</v>
      </c>
      <c r="DD30" s="296">
        <v>0</v>
      </c>
      <c r="DE30" s="296">
        <v>0</v>
      </c>
      <c r="DF30" s="296">
        <v>0</v>
      </c>
      <c r="DG30" s="299">
        <v>0</v>
      </c>
      <c r="DH30" s="300">
        <v>0</v>
      </c>
      <c r="DI30" s="295">
        <v>0</v>
      </c>
      <c r="DJ30" s="296">
        <v>15390</v>
      </c>
      <c r="DK30" s="297">
        <v>15390</v>
      </c>
      <c r="DL30" s="298">
        <v>0</v>
      </c>
      <c r="DM30" s="296">
        <v>61503</v>
      </c>
      <c r="DN30" s="296">
        <v>104319</v>
      </c>
      <c r="DO30" s="296">
        <v>587600</v>
      </c>
      <c r="DP30" s="296">
        <v>563677</v>
      </c>
      <c r="DQ30" s="296">
        <v>352962</v>
      </c>
      <c r="DR30" s="299">
        <v>1670061</v>
      </c>
      <c r="DS30" s="302">
        <v>1685451</v>
      </c>
      <c r="DT30" s="295">
        <v>0</v>
      </c>
      <c r="DU30" s="296">
        <v>0</v>
      </c>
      <c r="DV30" s="297">
        <v>0</v>
      </c>
      <c r="DW30" s="301"/>
      <c r="DX30" s="296">
        <v>30070</v>
      </c>
      <c r="DY30" s="296">
        <v>15035</v>
      </c>
      <c r="DZ30" s="296">
        <v>377208</v>
      </c>
      <c r="EA30" s="296">
        <v>418265</v>
      </c>
      <c r="EB30" s="296">
        <v>335553</v>
      </c>
      <c r="EC30" s="299">
        <v>1176131</v>
      </c>
      <c r="ED30" s="300">
        <v>1176131</v>
      </c>
      <c r="EE30" s="295">
        <v>0</v>
      </c>
      <c r="EF30" s="296">
        <v>0</v>
      </c>
      <c r="EG30" s="297">
        <v>0</v>
      </c>
      <c r="EH30" s="301"/>
      <c r="EI30" s="296">
        <v>21793</v>
      </c>
      <c r="EJ30" s="296">
        <v>85173</v>
      </c>
      <c r="EK30" s="296">
        <v>81406</v>
      </c>
      <c r="EL30" s="296">
        <v>51148</v>
      </c>
      <c r="EM30" s="296">
        <v>434</v>
      </c>
      <c r="EN30" s="299">
        <v>239954</v>
      </c>
      <c r="EO30" s="300">
        <v>239954</v>
      </c>
      <c r="EP30" s="295">
        <v>0</v>
      </c>
      <c r="EQ30" s="296">
        <v>0</v>
      </c>
      <c r="ER30" s="297">
        <v>0</v>
      </c>
      <c r="ES30" s="301"/>
      <c r="ET30" s="296">
        <v>0</v>
      </c>
      <c r="EU30" s="296">
        <v>0</v>
      </c>
      <c r="EV30" s="296">
        <v>0</v>
      </c>
      <c r="EW30" s="296">
        <v>0</v>
      </c>
      <c r="EX30" s="296">
        <v>0</v>
      </c>
      <c r="EY30" s="299">
        <v>0</v>
      </c>
      <c r="EZ30" s="300">
        <v>0</v>
      </c>
      <c r="FA30" s="295">
        <v>0</v>
      </c>
      <c r="FB30" s="296">
        <v>0</v>
      </c>
      <c r="FC30" s="297">
        <v>0</v>
      </c>
      <c r="FD30" s="301"/>
      <c r="FE30" s="296">
        <v>0</v>
      </c>
      <c r="FF30" s="296">
        <v>0</v>
      </c>
      <c r="FG30" s="296">
        <v>0</v>
      </c>
      <c r="FH30" s="296">
        <v>126</v>
      </c>
      <c r="FI30" s="296">
        <v>0</v>
      </c>
      <c r="FJ30" s="299">
        <v>126</v>
      </c>
      <c r="FK30" s="300">
        <v>126</v>
      </c>
      <c r="FL30" s="295">
        <v>0</v>
      </c>
      <c r="FM30" s="296">
        <v>0</v>
      </c>
      <c r="FN30" s="297">
        <v>0</v>
      </c>
      <c r="FO30" s="301"/>
      <c r="FP30" s="296">
        <v>0</v>
      </c>
      <c r="FQ30" s="296">
        <v>0</v>
      </c>
      <c r="FR30" s="296">
        <v>99406</v>
      </c>
      <c r="FS30" s="296">
        <v>64728</v>
      </c>
      <c r="FT30" s="296">
        <v>0</v>
      </c>
      <c r="FU30" s="299">
        <v>164134</v>
      </c>
      <c r="FV30" s="300">
        <v>164134</v>
      </c>
      <c r="FW30" s="295">
        <v>0</v>
      </c>
      <c r="FX30" s="296">
        <v>15390</v>
      </c>
      <c r="FY30" s="297">
        <v>15390</v>
      </c>
      <c r="FZ30" s="298">
        <v>0</v>
      </c>
      <c r="GA30" s="296">
        <v>9640</v>
      </c>
      <c r="GB30" s="296">
        <v>4111</v>
      </c>
      <c r="GC30" s="296">
        <v>29580</v>
      </c>
      <c r="GD30" s="296">
        <v>28694</v>
      </c>
      <c r="GE30" s="296">
        <v>16975</v>
      </c>
      <c r="GF30" s="299">
        <v>89000</v>
      </c>
      <c r="GG30" s="300">
        <v>104390</v>
      </c>
      <c r="GH30" s="295">
        <v>0</v>
      </c>
      <c r="GI30" s="296">
        <v>0</v>
      </c>
      <c r="GJ30" s="297">
        <v>0</v>
      </c>
      <c r="GK30" s="298">
        <v>0</v>
      </c>
      <c r="GL30" s="296">
        <v>0</v>
      </c>
      <c r="GM30" s="296">
        <v>0</v>
      </c>
      <c r="GN30" s="296">
        <v>0</v>
      </c>
      <c r="GO30" s="296">
        <v>716</v>
      </c>
      <c r="GP30" s="296">
        <v>0</v>
      </c>
      <c r="GQ30" s="299">
        <v>716</v>
      </c>
      <c r="GR30" s="300">
        <v>716</v>
      </c>
      <c r="GS30" s="295">
        <v>0</v>
      </c>
      <c r="GT30" s="296">
        <v>0</v>
      </c>
      <c r="GU30" s="297">
        <v>0</v>
      </c>
      <c r="GV30" s="298">
        <v>0</v>
      </c>
      <c r="GW30" s="296">
        <v>0</v>
      </c>
      <c r="GX30" s="296">
        <v>0</v>
      </c>
      <c r="GY30" s="296">
        <v>0</v>
      </c>
      <c r="GZ30" s="296">
        <v>0</v>
      </c>
      <c r="HA30" s="296">
        <v>0</v>
      </c>
      <c r="HB30" s="299">
        <v>0</v>
      </c>
      <c r="HC30" s="300">
        <v>0</v>
      </c>
      <c r="HD30" s="295">
        <v>0</v>
      </c>
      <c r="HE30" s="296">
        <v>0</v>
      </c>
      <c r="HF30" s="297">
        <v>0</v>
      </c>
      <c r="HG30" s="301"/>
      <c r="HH30" s="296">
        <v>0</v>
      </c>
      <c r="HI30" s="296">
        <v>0</v>
      </c>
      <c r="HJ30" s="296">
        <v>0</v>
      </c>
      <c r="HK30" s="296">
        <v>0</v>
      </c>
      <c r="HL30" s="296">
        <v>0</v>
      </c>
      <c r="HM30" s="299">
        <v>0</v>
      </c>
      <c r="HN30" s="300">
        <v>0</v>
      </c>
      <c r="HO30" s="295">
        <v>0</v>
      </c>
      <c r="HP30" s="296">
        <v>35055</v>
      </c>
      <c r="HQ30" s="297">
        <v>35055</v>
      </c>
      <c r="HR30" s="298">
        <v>0</v>
      </c>
      <c r="HS30" s="296">
        <v>128638</v>
      </c>
      <c r="HT30" s="296">
        <v>257004</v>
      </c>
      <c r="HU30" s="296">
        <v>1234180</v>
      </c>
      <c r="HV30" s="296">
        <v>1079702</v>
      </c>
      <c r="HW30" s="296">
        <v>708327</v>
      </c>
      <c r="HX30" s="299">
        <v>3407851</v>
      </c>
      <c r="HY30" s="300">
        <v>3442906</v>
      </c>
    </row>
    <row r="31" spans="2:233" ht="16.5" customHeight="1" x14ac:dyDescent="0.2">
      <c r="B31" s="293" t="s">
        <v>28</v>
      </c>
      <c r="C31" s="295">
        <v>0</v>
      </c>
      <c r="D31" s="296">
        <v>0</v>
      </c>
      <c r="E31" s="297">
        <v>0</v>
      </c>
      <c r="F31" s="298">
        <v>0</v>
      </c>
      <c r="G31" s="296">
        <v>0</v>
      </c>
      <c r="H31" s="296">
        <v>33325</v>
      </c>
      <c r="I31" s="296">
        <v>286220</v>
      </c>
      <c r="J31" s="296">
        <v>121014</v>
      </c>
      <c r="K31" s="296">
        <v>127290</v>
      </c>
      <c r="L31" s="299">
        <v>567849</v>
      </c>
      <c r="M31" s="300">
        <v>567849</v>
      </c>
      <c r="N31" s="295">
        <v>0</v>
      </c>
      <c r="O31" s="296">
        <v>0</v>
      </c>
      <c r="P31" s="297">
        <v>0</v>
      </c>
      <c r="Q31" s="301"/>
      <c r="R31" s="296">
        <v>0</v>
      </c>
      <c r="S31" s="296">
        <v>30690</v>
      </c>
      <c r="T31" s="296">
        <v>192975</v>
      </c>
      <c r="U31" s="296">
        <v>83380</v>
      </c>
      <c r="V31" s="296">
        <v>93445</v>
      </c>
      <c r="W31" s="299">
        <v>400490</v>
      </c>
      <c r="X31" s="300">
        <v>400490</v>
      </c>
      <c r="Y31" s="295">
        <v>0</v>
      </c>
      <c r="Z31" s="296">
        <v>0</v>
      </c>
      <c r="AA31" s="297">
        <v>0</v>
      </c>
      <c r="AB31" s="301"/>
      <c r="AC31" s="296">
        <v>0</v>
      </c>
      <c r="AD31" s="296">
        <v>2635</v>
      </c>
      <c r="AE31" s="296">
        <v>57350</v>
      </c>
      <c r="AF31" s="296">
        <v>26345</v>
      </c>
      <c r="AG31" s="296">
        <v>32705</v>
      </c>
      <c r="AH31" s="299">
        <v>119035</v>
      </c>
      <c r="AI31" s="300">
        <v>119035</v>
      </c>
      <c r="AJ31" s="295">
        <v>0</v>
      </c>
      <c r="AK31" s="296">
        <v>0</v>
      </c>
      <c r="AL31" s="297">
        <v>0</v>
      </c>
      <c r="AM31" s="301"/>
      <c r="AN31" s="296">
        <v>0</v>
      </c>
      <c r="AO31" s="296">
        <v>0</v>
      </c>
      <c r="AP31" s="296">
        <v>0</v>
      </c>
      <c r="AQ31" s="296">
        <v>0</v>
      </c>
      <c r="AR31" s="296">
        <v>0</v>
      </c>
      <c r="AS31" s="299">
        <v>0</v>
      </c>
      <c r="AT31" s="300">
        <v>0</v>
      </c>
      <c r="AU31" s="295">
        <v>0</v>
      </c>
      <c r="AV31" s="296">
        <v>0</v>
      </c>
      <c r="AW31" s="297">
        <v>0</v>
      </c>
      <c r="AX31" s="301"/>
      <c r="AY31" s="296">
        <v>0</v>
      </c>
      <c r="AZ31" s="296">
        <v>0</v>
      </c>
      <c r="BA31" s="296">
        <v>0</v>
      </c>
      <c r="BB31" s="296">
        <v>0</v>
      </c>
      <c r="BC31" s="296">
        <v>0</v>
      </c>
      <c r="BD31" s="299">
        <v>0</v>
      </c>
      <c r="BE31" s="300">
        <v>0</v>
      </c>
      <c r="BF31" s="295">
        <v>0</v>
      </c>
      <c r="BG31" s="296">
        <v>0</v>
      </c>
      <c r="BH31" s="297">
        <v>0</v>
      </c>
      <c r="BI31" s="301"/>
      <c r="BJ31" s="296">
        <v>0</v>
      </c>
      <c r="BK31" s="296">
        <v>0</v>
      </c>
      <c r="BL31" s="296">
        <v>32705</v>
      </c>
      <c r="BM31" s="296">
        <v>0</v>
      </c>
      <c r="BN31" s="296">
        <v>0</v>
      </c>
      <c r="BO31" s="299">
        <v>32705</v>
      </c>
      <c r="BP31" s="300">
        <v>32705</v>
      </c>
      <c r="BQ31" s="295">
        <v>0</v>
      </c>
      <c r="BR31" s="296">
        <v>0</v>
      </c>
      <c r="BS31" s="297">
        <v>0</v>
      </c>
      <c r="BT31" s="298">
        <v>0</v>
      </c>
      <c r="BU31" s="296">
        <v>0</v>
      </c>
      <c r="BV31" s="296">
        <v>0</v>
      </c>
      <c r="BW31" s="296">
        <v>3190</v>
      </c>
      <c r="BX31" s="296">
        <v>11289</v>
      </c>
      <c r="BY31" s="296">
        <v>0</v>
      </c>
      <c r="BZ31" s="299">
        <v>14479</v>
      </c>
      <c r="CA31" s="300">
        <v>14479</v>
      </c>
      <c r="CB31" s="295">
        <v>0</v>
      </c>
      <c r="CC31" s="296">
        <v>0</v>
      </c>
      <c r="CD31" s="297">
        <v>0</v>
      </c>
      <c r="CE31" s="298">
        <v>0</v>
      </c>
      <c r="CF31" s="296">
        <v>0</v>
      </c>
      <c r="CG31" s="296">
        <v>0</v>
      </c>
      <c r="CH31" s="296">
        <v>0</v>
      </c>
      <c r="CI31" s="296">
        <v>0</v>
      </c>
      <c r="CJ31" s="296">
        <v>1140</v>
      </c>
      <c r="CK31" s="299">
        <v>1140</v>
      </c>
      <c r="CL31" s="300">
        <v>1140</v>
      </c>
      <c r="CM31" s="295">
        <v>0</v>
      </c>
      <c r="CN31" s="296">
        <v>0</v>
      </c>
      <c r="CO31" s="297">
        <v>0</v>
      </c>
      <c r="CP31" s="298">
        <v>0</v>
      </c>
      <c r="CQ31" s="296">
        <v>0</v>
      </c>
      <c r="CR31" s="296">
        <v>0</v>
      </c>
      <c r="CS31" s="296">
        <v>0</v>
      </c>
      <c r="CT31" s="296">
        <v>0</v>
      </c>
      <c r="CU31" s="296">
        <v>0</v>
      </c>
      <c r="CV31" s="299">
        <v>0</v>
      </c>
      <c r="CW31" s="300">
        <v>0</v>
      </c>
      <c r="CX31" s="295">
        <v>0</v>
      </c>
      <c r="CY31" s="296">
        <v>0</v>
      </c>
      <c r="CZ31" s="297">
        <v>0</v>
      </c>
      <c r="DA31" s="301"/>
      <c r="DB31" s="296">
        <v>0</v>
      </c>
      <c r="DC31" s="296">
        <v>0</v>
      </c>
      <c r="DD31" s="296">
        <v>0</v>
      </c>
      <c r="DE31" s="296">
        <v>0</v>
      </c>
      <c r="DF31" s="296">
        <v>0</v>
      </c>
      <c r="DG31" s="299">
        <v>0</v>
      </c>
      <c r="DH31" s="300">
        <v>0</v>
      </c>
      <c r="DI31" s="295">
        <v>0</v>
      </c>
      <c r="DJ31" s="296">
        <v>0</v>
      </c>
      <c r="DK31" s="297">
        <v>0</v>
      </c>
      <c r="DL31" s="298">
        <v>0</v>
      </c>
      <c r="DM31" s="296">
        <v>0</v>
      </c>
      <c r="DN31" s="296">
        <v>36146</v>
      </c>
      <c r="DO31" s="296">
        <v>178916</v>
      </c>
      <c r="DP31" s="296">
        <v>159178</v>
      </c>
      <c r="DQ31" s="296">
        <v>82956</v>
      </c>
      <c r="DR31" s="299">
        <v>457196</v>
      </c>
      <c r="DS31" s="302">
        <v>457196</v>
      </c>
      <c r="DT31" s="295">
        <v>0</v>
      </c>
      <c r="DU31" s="296">
        <v>0</v>
      </c>
      <c r="DV31" s="297">
        <v>0</v>
      </c>
      <c r="DW31" s="301"/>
      <c r="DX31" s="296">
        <v>0</v>
      </c>
      <c r="DY31" s="296">
        <v>14570</v>
      </c>
      <c r="DZ31" s="296">
        <v>130076</v>
      </c>
      <c r="EA31" s="296">
        <v>125780</v>
      </c>
      <c r="EB31" s="296">
        <v>81665</v>
      </c>
      <c r="EC31" s="299">
        <v>352091</v>
      </c>
      <c r="ED31" s="300">
        <v>352091</v>
      </c>
      <c r="EE31" s="295">
        <v>0</v>
      </c>
      <c r="EF31" s="296">
        <v>0</v>
      </c>
      <c r="EG31" s="297">
        <v>0</v>
      </c>
      <c r="EH31" s="301"/>
      <c r="EI31" s="296">
        <v>0</v>
      </c>
      <c r="EJ31" s="296">
        <v>21576</v>
      </c>
      <c r="EK31" s="296">
        <v>434</v>
      </c>
      <c r="EL31" s="296">
        <v>18258</v>
      </c>
      <c r="EM31" s="296">
        <v>217</v>
      </c>
      <c r="EN31" s="299">
        <v>40485</v>
      </c>
      <c r="EO31" s="300">
        <v>40485</v>
      </c>
      <c r="EP31" s="295">
        <v>0</v>
      </c>
      <c r="EQ31" s="296">
        <v>0</v>
      </c>
      <c r="ER31" s="297">
        <v>0</v>
      </c>
      <c r="ES31" s="301"/>
      <c r="ET31" s="296">
        <v>0</v>
      </c>
      <c r="EU31" s="296">
        <v>0</v>
      </c>
      <c r="EV31" s="296">
        <v>0</v>
      </c>
      <c r="EW31" s="296">
        <v>0</v>
      </c>
      <c r="EX31" s="296">
        <v>0</v>
      </c>
      <c r="EY31" s="299">
        <v>0</v>
      </c>
      <c r="EZ31" s="300">
        <v>0</v>
      </c>
      <c r="FA31" s="295">
        <v>0</v>
      </c>
      <c r="FB31" s="296">
        <v>0</v>
      </c>
      <c r="FC31" s="297">
        <v>0</v>
      </c>
      <c r="FD31" s="301"/>
      <c r="FE31" s="296">
        <v>0</v>
      </c>
      <c r="FF31" s="296">
        <v>0</v>
      </c>
      <c r="FG31" s="296">
        <v>0</v>
      </c>
      <c r="FH31" s="296">
        <v>0</v>
      </c>
      <c r="FI31" s="296">
        <v>0</v>
      </c>
      <c r="FJ31" s="299">
        <v>0</v>
      </c>
      <c r="FK31" s="300">
        <v>0</v>
      </c>
      <c r="FL31" s="295">
        <v>0</v>
      </c>
      <c r="FM31" s="296">
        <v>0</v>
      </c>
      <c r="FN31" s="297">
        <v>0</v>
      </c>
      <c r="FO31" s="301"/>
      <c r="FP31" s="296">
        <v>0</v>
      </c>
      <c r="FQ31" s="296">
        <v>0</v>
      </c>
      <c r="FR31" s="296">
        <v>36766</v>
      </c>
      <c r="FS31" s="296">
        <v>0</v>
      </c>
      <c r="FT31" s="296">
        <v>0</v>
      </c>
      <c r="FU31" s="299">
        <v>36766</v>
      </c>
      <c r="FV31" s="300">
        <v>36766</v>
      </c>
      <c r="FW31" s="295">
        <v>0</v>
      </c>
      <c r="FX31" s="296">
        <v>0</v>
      </c>
      <c r="FY31" s="297">
        <v>0</v>
      </c>
      <c r="FZ31" s="298">
        <v>0</v>
      </c>
      <c r="GA31" s="296">
        <v>0</v>
      </c>
      <c r="GB31" s="296">
        <v>0</v>
      </c>
      <c r="GC31" s="296">
        <v>11640</v>
      </c>
      <c r="GD31" s="296">
        <v>15140</v>
      </c>
      <c r="GE31" s="296">
        <v>0</v>
      </c>
      <c r="GF31" s="299">
        <v>26780</v>
      </c>
      <c r="GG31" s="300">
        <v>26780</v>
      </c>
      <c r="GH31" s="295">
        <v>0</v>
      </c>
      <c r="GI31" s="296">
        <v>0</v>
      </c>
      <c r="GJ31" s="297">
        <v>0</v>
      </c>
      <c r="GK31" s="298">
        <v>0</v>
      </c>
      <c r="GL31" s="296">
        <v>0</v>
      </c>
      <c r="GM31" s="296">
        <v>0</v>
      </c>
      <c r="GN31" s="296">
        <v>0</v>
      </c>
      <c r="GO31" s="296">
        <v>0</v>
      </c>
      <c r="GP31" s="296">
        <v>1074</v>
      </c>
      <c r="GQ31" s="299">
        <v>1074</v>
      </c>
      <c r="GR31" s="300">
        <v>1074</v>
      </c>
      <c r="GS31" s="295">
        <v>0</v>
      </c>
      <c r="GT31" s="296">
        <v>0</v>
      </c>
      <c r="GU31" s="297">
        <v>0</v>
      </c>
      <c r="GV31" s="298">
        <v>0</v>
      </c>
      <c r="GW31" s="296">
        <v>0</v>
      </c>
      <c r="GX31" s="296">
        <v>0</v>
      </c>
      <c r="GY31" s="296">
        <v>0</v>
      </c>
      <c r="GZ31" s="296">
        <v>0</v>
      </c>
      <c r="HA31" s="296">
        <v>0</v>
      </c>
      <c r="HB31" s="299">
        <v>0</v>
      </c>
      <c r="HC31" s="300">
        <v>0</v>
      </c>
      <c r="HD31" s="295">
        <v>0</v>
      </c>
      <c r="HE31" s="296">
        <v>0</v>
      </c>
      <c r="HF31" s="297">
        <v>0</v>
      </c>
      <c r="HG31" s="301"/>
      <c r="HH31" s="296">
        <v>0</v>
      </c>
      <c r="HI31" s="296">
        <v>0</v>
      </c>
      <c r="HJ31" s="296">
        <v>0</v>
      </c>
      <c r="HK31" s="296">
        <v>0</v>
      </c>
      <c r="HL31" s="296">
        <v>0</v>
      </c>
      <c r="HM31" s="299">
        <v>0</v>
      </c>
      <c r="HN31" s="300">
        <v>0</v>
      </c>
      <c r="HO31" s="295">
        <v>0</v>
      </c>
      <c r="HP31" s="296">
        <v>0</v>
      </c>
      <c r="HQ31" s="297">
        <v>0</v>
      </c>
      <c r="HR31" s="298">
        <v>0</v>
      </c>
      <c r="HS31" s="296">
        <v>0</v>
      </c>
      <c r="HT31" s="296">
        <v>69471</v>
      </c>
      <c r="HU31" s="296">
        <v>465136</v>
      </c>
      <c r="HV31" s="296">
        <v>280192</v>
      </c>
      <c r="HW31" s="296">
        <v>210246</v>
      </c>
      <c r="HX31" s="299">
        <v>1025045</v>
      </c>
      <c r="HY31" s="300">
        <v>1025045</v>
      </c>
    </row>
    <row r="32" spans="2:233" ht="16.5" customHeight="1" x14ac:dyDescent="0.2">
      <c r="B32" s="293" t="s">
        <v>29</v>
      </c>
      <c r="C32" s="295">
        <v>0</v>
      </c>
      <c r="D32" s="296">
        <v>0</v>
      </c>
      <c r="E32" s="297">
        <v>0</v>
      </c>
      <c r="F32" s="298">
        <v>0</v>
      </c>
      <c r="G32" s="296">
        <v>7490</v>
      </c>
      <c r="H32" s="296">
        <v>215245</v>
      </c>
      <c r="I32" s="296">
        <v>260337</v>
      </c>
      <c r="J32" s="296">
        <v>475420</v>
      </c>
      <c r="K32" s="296">
        <v>256480</v>
      </c>
      <c r="L32" s="299">
        <v>1214972</v>
      </c>
      <c r="M32" s="300">
        <v>1214972</v>
      </c>
      <c r="N32" s="295">
        <v>0</v>
      </c>
      <c r="O32" s="296">
        <v>0</v>
      </c>
      <c r="P32" s="297">
        <v>0</v>
      </c>
      <c r="Q32" s="301"/>
      <c r="R32" s="296">
        <v>0</v>
      </c>
      <c r="S32" s="296">
        <v>35495</v>
      </c>
      <c r="T32" s="296">
        <v>182470</v>
      </c>
      <c r="U32" s="296">
        <v>245210</v>
      </c>
      <c r="V32" s="296">
        <v>163525</v>
      </c>
      <c r="W32" s="299">
        <v>626700</v>
      </c>
      <c r="X32" s="300">
        <v>626700</v>
      </c>
      <c r="Y32" s="295">
        <v>0</v>
      </c>
      <c r="Z32" s="296">
        <v>0</v>
      </c>
      <c r="AA32" s="297">
        <v>0</v>
      </c>
      <c r="AB32" s="301"/>
      <c r="AC32" s="296">
        <v>4590</v>
      </c>
      <c r="AD32" s="296">
        <v>142130</v>
      </c>
      <c r="AE32" s="296">
        <v>27280</v>
      </c>
      <c r="AF32" s="296">
        <v>63960</v>
      </c>
      <c r="AG32" s="296">
        <v>0</v>
      </c>
      <c r="AH32" s="299">
        <v>237960</v>
      </c>
      <c r="AI32" s="300">
        <v>237960</v>
      </c>
      <c r="AJ32" s="295">
        <v>0</v>
      </c>
      <c r="AK32" s="296">
        <v>0</v>
      </c>
      <c r="AL32" s="297">
        <v>0</v>
      </c>
      <c r="AM32" s="301"/>
      <c r="AN32" s="296">
        <v>0</v>
      </c>
      <c r="AO32" s="296">
        <v>0</v>
      </c>
      <c r="AP32" s="296">
        <v>0</v>
      </c>
      <c r="AQ32" s="296">
        <v>0</v>
      </c>
      <c r="AR32" s="296">
        <v>0</v>
      </c>
      <c r="AS32" s="299">
        <v>0</v>
      </c>
      <c r="AT32" s="300">
        <v>0</v>
      </c>
      <c r="AU32" s="295">
        <v>0</v>
      </c>
      <c r="AV32" s="296">
        <v>0</v>
      </c>
      <c r="AW32" s="297">
        <v>0</v>
      </c>
      <c r="AX32" s="301"/>
      <c r="AY32" s="296">
        <v>0</v>
      </c>
      <c r="AZ32" s="296">
        <v>0</v>
      </c>
      <c r="BA32" s="296">
        <v>0</v>
      </c>
      <c r="BB32" s="296">
        <v>0</v>
      </c>
      <c r="BC32" s="296">
        <v>0</v>
      </c>
      <c r="BD32" s="299">
        <v>0</v>
      </c>
      <c r="BE32" s="300">
        <v>0</v>
      </c>
      <c r="BF32" s="295">
        <v>0</v>
      </c>
      <c r="BG32" s="296">
        <v>0</v>
      </c>
      <c r="BH32" s="297">
        <v>0</v>
      </c>
      <c r="BI32" s="301"/>
      <c r="BJ32" s="296">
        <v>0</v>
      </c>
      <c r="BK32" s="296">
        <v>2635</v>
      </c>
      <c r="BL32" s="296">
        <v>7905</v>
      </c>
      <c r="BM32" s="296">
        <v>163525</v>
      </c>
      <c r="BN32" s="296">
        <v>90055</v>
      </c>
      <c r="BO32" s="299">
        <v>264120</v>
      </c>
      <c r="BP32" s="300">
        <v>264120</v>
      </c>
      <c r="BQ32" s="295">
        <v>0</v>
      </c>
      <c r="BR32" s="296">
        <v>0</v>
      </c>
      <c r="BS32" s="297">
        <v>0</v>
      </c>
      <c r="BT32" s="298">
        <v>0</v>
      </c>
      <c r="BU32" s="296">
        <v>0</v>
      </c>
      <c r="BV32" s="296">
        <v>32270</v>
      </c>
      <c r="BW32" s="296">
        <v>42537</v>
      </c>
      <c r="BX32" s="296">
        <v>2725</v>
      </c>
      <c r="BY32" s="296">
        <v>2900</v>
      </c>
      <c r="BZ32" s="299">
        <v>80432</v>
      </c>
      <c r="CA32" s="300">
        <v>80432</v>
      </c>
      <c r="CB32" s="295">
        <v>0</v>
      </c>
      <c r="CC32" s="296">
        <v>0</v>
      </c>
      <c r="CD32" s="297">
        <v>0</v>
      </c>
      <c r="CE32" s="298">
        <v>0</v>
      </c>
      <c r="CF32" s="296">
        <v>2900</v>
      </c>
      <c r="CG32" s="296">
        <v>2715</v>
      </c>
      <c r="CH32" s="296">
        <v>145</v>
      </c>
      <c r="CI32" s="296">
        <v>0</v>
      </c>
      <c r="CJ32" s="296">
        <v>0</v>
      </c>
      <c r="CK32" s="299">
        <v>5760</v>
      </c>
      <c r="CL32" s="300">
        <v>5760</v>
      </c>
      <c r="CM32" s="295">
        <v>0</v>
      </c>
      <c r="CN32" s="296">
        <v>0</v>
      </c>
      <c r="CO32" s="297">
        <v>0</v>
      </c>
      <c r="CP32" s="298">
        <v>0</v>
      </c>
      <c r="CQ32" s="296">
        <v>0</v>
      </c>
      <c r="CR32" s="296">
        <v>0</v>
      </c>
      <c r="CS32" s="296">
        <v>0</v>
      </c>
      <c r="CT32" s="296">
        <v>0</v>
      </c>
      <c r="CU32" s="296">
        <v>0</v>
      </c>
      <c r="CV32" s="299">
        <v>0</v>
      </c>
      <c r="CW32" s="300">
        <v>0</v>
      </c>
      <c r="CX32" s="295">
        <v>0</v>
      </c>
      <c r="CY32" s="296">
        <v>0</v>
      </c>
      <c r="CZ32" s="297">
        <v>0</v>
      </c>
      <c r="DA32" s="301"/>
      <c r="DB32" s="296">
        <v>0</v>
      </c>
      <c r="DC32" s="296">
        <v>0</v>
      </c>
      <c r="DD32" s="296">
        <v>0</v>
      </c>
      <c r="DE32" s="296">
        <v>0</v>
      </c>
      <c r="DF32" s="296">
        <v>0</v>
      </c>
      <c r="DG32" s="299">
        <v>0</v>
      </c>
      <c r="DH32" s="300">
        <v>0</v>
      </c>
      <c r="DI32" s="295">
        <v>0</v>
      </c>
      <c r="DJ32" s="296">
        <v>0</v>
      </c>
      <c r="DK32" s="297">
        <v>0</v>
      </c>
      <c r="DL32" s="298">
        <v>0</v>
      </c>
      <c r="DM32" s="296">
        <v>532</v>
      </c>
      <c r="DN32" s="296">
        <v>116050</v>
      </c>
      <c r="DO32" s="296">
        <v>232810</v>
      </c>
      <c r="DP32" s="296">
        <v>452661</v>
      </c>
      <c r="DQ32" s="296">
        <v>243835</v>
      </c>
      <c r="DR32" s="299">
        <v>1045888</v>
      </c>
      <c r="DS32" s="302">
        <v>1045888</v>
      </c>
      <c r="DT32" s="295">
        <v>0</v>
      </c>
      <c r="DU32" s="296">
        <v>0</v>
      </c>
      <c r="DV32" s="297">
        <v>0</v>
      </c>
      <c r="DW32" s="301"/>
      <c r="DX32" s="296">
        <v>0</v>
      </c>
      <c r="DY32" s="296">
        <v>26505</v>
      </c>
      <c r="DZ32" s="296">
        <v>131345</v>
      </c>
      <c r="EA32" s="296">
        <v>257269</v>
      </c>
      <c r="EB32" s="296">
        <v>138446</v>
      </c>
      <c r="EC32" s="299">
        <v>553565</v>
      </c>
      <c r="ED32" s="300">
        <v>553565</v>
      </c>
      <c r="EE32" s="295">
        <v>0</v>
      </c>
      <c r="EF32" s="296">
        <v>0</v>
      </c>
      <c r="EG32" s="297">
        <v>0</v>
      </c>
      <c r="EH32" s="301"/>
      <c r="EI32" s="296">
        <v>385</v>
      </c>
      <c r="EJ32" s="296">
        <v>42377</v>
      </c>
      <c r="EK32" s="296">
        <v>403</v>
      </c>
      <c r="EL32" s="296">
        <v>707</v>
      </c>
      <c r="EM32" s="296">
        <v>0</v>
      </c>
      <c r="EN32" s="299">
        <v>43872</v>
      </c>
      <c r="EO32" s="300">
        <v>43872</v>
      </c>
      <c r="EP32" s="295">
        <v>0</v>
      </c>
      <c r="EQ32" s="296">
        <v>0</v>
      </c>
      <c r="ER32" s="297">
        <v>0</v>
      </c>
      <c r="ES32" s="301"/>
      <c r="ET32" s="296">
        <v>0</v>
      </c>
      <c r="EU32" s="296">
        <v>0</v>
      </c>
      <c r="EV32" s="296">
        <v>0</v>
      </c>
      <c r="EW32" s="296">
        <v>0</v>
      </c>
      <c r="EX32" s="296">
        <v>0</v>
      </c>
      <c r="EY32" s="299">
        <v>0</v>
      </c>
      <c r="EZ32" s="300">
        <v>0</v>
      </c>
      <c r="FA32" s="295">
        <v>0</v>
      </c>
      <c r="FB32" s="296">
        <v>0</v>
      </c>
      <c r="FC32" s="297">
        <v>0</v>
      </c>
      <c r="FD32" s="301"/>
      <c r="FE32" s="296">
        <v>0</v>
      </c>
      <c r="FF32" s="296">
        <v>0</v>
      </c>
      <c r="FG32" s="296">
        <v>0</v>
      </c>
      <c r="FH32" s="296">
        <v>0</v>
      </c>
      <c r="FI32" s="296">
        <v>0</v>
      </c>
      <c r="FJ32" s="299">
        <v>0</v>
      </c>
      <c r="FK32" s="300">
        <v>0</v>
      </c>
      <c r="FL32" s="295">
        <v>0</v>
      </c>
      <c r="FM32" s="296">
        <v>0</v>
      </c>
      <c r="FN32" s="297">
        <v>0</v>
      </c>
      <c r="FO32" s="301"/>
      <c r="FP32" s="296">
        <v>0</v>
      </c>
      <c r="FQ32" s="296">
        <v>21576</v>
      </c>
      <c r="FR32" s="296">
        <v>64728</v>
      </c>
      <c r="FS32" s="296">
        <v>192132</v>
      </c>
      <c r="FT32" s="296">
        <v>95108</v>
      </c>
      <c r="FU32" s="299">
        <v>373544</v>
      </c>
      <c r="FV32" s="300">
        <v>373544</v>
      </c>
      <c r="FW32" s="295">
        <v>0</v>
      </c>
      <c r="FX32" s="296">
        <v>0</v>
      </c>
      <c r="FY32" s="297">
        <v>0</v>
      </c>
      <c r="FZ32" s="298">
        <v>0</v>
      </c>
      <c r="GA32" s="296">
        <v>0</v>
      </c>
      <c r="GB32" s="296">
        <v>23044</v>
      </c>
      <c r="GC32" s="296">
        <v>36320</v>
      </c>
      <c r="GD32" s="296">
        <v>2553</v>
      </c>
      <c r="GE32" s="296">
        <v>10281</v>
      </c>
      <c r="GF32" s="299">
        <v>72198</v>
      </c>
      <c r="GG32" s="300">
        <v>72198</v>
      </c>
      <c r="GH32" s="295">
        <v>0</v>
      </c>
      <c r="GI32" s="296">
        <v>0</v>
      </c>
      <c r="GJ32" s="297">
        <v>0</v>
      </c>
      <c r="GK32" s="298">
        <v>0</v>
      </c>
      <c r="GL32" s="296">
        <v>147</v>
      </c>
      <c r="GM32" s="296">
        <v>2548</v>
      </c>
      <c r="GN32" s="296">
        <v>14</v>
      </c>
      <c r="GO32" s="296">
        <v>0</v>
      </c>
      <c r="GP32" s="296">
        <v>0</v>
      </c>
      <c r="GQ32" s="299">
        <v>2709</v>
      </c>
      <c r="GR32" s="300">
        <v>2709</v>
      </c>
      <c r="GS32" s="295">
        <v>0</v>
      </c>
      <c r="GT32" s="296">
        <v>0</v>
      </c>
      <c r="GU32" s="297">
        <v>0</v>
      </c>
      <c r="GV32" s="298">
        <v>0</v>
      </c>
      <c r="GW32" s="296">
        <v>0</v>
      </c>
      <c r="GX32" s="296">
        <v>0</v>
      </c>
      <c r="GY32" s="296">
        <v>0</v>
      </c>
      <c r="GZ32" s="296">
        <v>0</v>
      </c>
      <c r="HA32" s="296">
        <v>0</v>
      </c>
      <c r="HB32" s="299">
        <v>0</v>
      </c>
      <c r="HC32" s="300">
        <v>0</v>
      </c>
      <c r="HD32" s="295">
        <v>0</v>
      </c>
      <c r="HE32" s="296">
        <v>0</v>
      </c>
      <c r="HF32" s="297">
        <v>0</v>
      </c>
      <c r="HG32" s="301"/>
      <c r="HH32" s="296">
        <v>0</v>
      </c>
      <c r="HI32" s="296">
        <v>0</v>
      </c>
      <c r="HJ32" s="296">
        <v>0</v>
      </c>
      <c r="HK32" s="296">
        <v>0</v>
      </c>
      <c r="HL32" s="296">
        <v>0</v>
      </c>
      <c r="HM32" s="299">
        <v>0</v>
      </c>
      <c r="HN32" s="300">
        <v>0</v>
      </c>
      <c r="HO32" s="295">
        <v>0</v>
      </c>
      <c r="HP32" s="296">
        <v>0</v>
      </c>
      <c r="HQ32" s="297">
        <v>0</v>
      </c>
      <c r="HR32" s="298">
        <v>0</v>
      </c>
      <c r="HS32" s="296">
        <v>8022</v>
      </c>
      <c r="HT32" s="296">
        <v>331295</v>
      </c>
      <c r="HU32" s="296">
        <v>493147</v>
      </c>
      <c r="HV32" s="296">
        <v>928081</v>
      </c>
      <c r="HW32" s="296">
        <v>500315</v>
      </c>
      <c r="HX32" s="299">
        <v>2260860</v>
      </c>
      <c r="HY32" s="300">
        <v>2260860</v>
      </c>
    </row>
    <row r="33" spans="2:233" ht="16.5" customHeight="1" x14ac:dyDescent="0.2">
      <c r="B33" s="293" t="s">
        <v>30</v>
      </c>
      <c r="C33" s="295">
        <v>0</v>
      </c>
      <c r="D33" s="296">
        <v>0</v>
      </c>
      <c r="E33" s="297">
        <v>0</v>
      </c>
      <c r="F33" s="298">
        <v>0</v>
      </c>
      <c r="G33" s="296">
        <v>63055</v>
      </c>
      <c r="H33" s="296">
        <v>50450</v>
      </c>
      <c r="I33" s="296">
        <v>241225</v>
      </c>
      <c r="J33" s="296">
        <v>281715</v>
      </c>
      <c r="K33" s="296">
        <v>253200</v>
      </c>
      <c r="L33" s="299">
        <v>889645</v>
      </c>
      <c r="M33" s="300">
        <v>889645</v>
      </c>
      <c r="N33" s="295">
        <v>0</v>
      </c>
      <c r="O33" s="296">
        <v>0</v>
      </c>
      <c r="P33" s="297">
        <v>0</v>
      </c>
      <c r="Q33" s="301"/>
      <c r="R33" s="296">
        <v>2635</v>
      </c>
      <c r="S33" s="296">
        <v>24645</v>
      </c>
      <c r="T33" s="296">
        <v>195540</v>
      </c>
      <c r="U33" s="296">
        <v>155775</v>
      </c>
      <c r="V33" s="296">
        <v>253200</v>
      </c>
      <c r="W33" s="299">
        <v>631795</v>
      </c>
      <c r="X33" s="300">
        <v>631795</v>
      </c>
      <c r="Y33" s="295">
        <v>0</v>
      </c>
      <c r="Z33" s="296">
        <v>0</v>
      </c>
      <c r="AA33" s="297">
        <v>0</v>
      </c>
      <c r="AB33" s="301"/>
      <c r="AC33" s="296">
        <v>59985</v>
      </c>
      <c r="AD33" s="296">
        <v>24645</v>
      </c>
      <c r="AE33" s="296">
        <v>45540</v>
      </c>
      <c r="AF33" s="296">
        <v>122605</v>
      </c>
      <c r="AG33" s="296">
        <v>0</v>
      </c>
      <c r="AH33" s="299">
        <v>252775</v>
      </c>
      <c r="AI33" s="300">
        <v>252775</v>
      </c>
      <c r="AJ33" s="295">
        <v>0</v>
      </c>
      <c r="AK33" s="296">
        <v>0</v>
      </c>
      <c r="AL33" s="297">
        <v>0</v>
      </c>
      <c r="AM33" s="301"/>
      <c r="AN33" s="296">
        <v>0</v>
      </c>
      <c r="AO33" s="296">
        <v>0</v>
      </c>
      <c r="AP33" s="296">
        <v>0</v>
      </c>
      <c r="AQ33" s="296">
        <v>0</v>
      </c>
      <c r="AR33" s="296">
        <v>0</v>
      </c>
      <c r="AS33" s="299">
        <v>0</v>
      </c>
      <c r="AT33" s="300">
        <v>0</v>
      </c>
      <c r="AU33" s="295">
        <v>0</v>
      </c>
      <c r="AV33" s="296">
        <v>0</v>
      </c>
      <c r="AW33" s="297">
        <v>0</v>
      </c>
      <c r="AX33" s="301"/>
      <c r="AY33" s="296">
        <v>0</v>
      </c>
      <c r="AZ33" s="296">
        <v>0</v>
      </c>
      <c r="BA33" s="296">
        <v>0</v>
      </c>
      <c r="BB33" s="296">
        <v>0</v>
      </c>
      <c r="BC33" s="296">
        <v>0</v>
      </c>
      <c r="BD33" s="299">
        <v>0</v>
      </c>
      <c r="BE33" s="300">
        <v>0</v>
      </c>
      <c r="BF33" s="295">
        <v>0</v>
      </c>
      <c r="BG33" s="296">
        <v>0</v>
      </c>
      <c r="BH33" s="297">
        <v>0</v>
      </c>
      <c r="BI33" s="301"/>
      <c r="BJ33" s="296">
        <v>0</v>
      </c>
      <c r="BK33" s="296">
        <v>0</v>
      </c>
      <c r="BL33" s="296">
        <v>0</v>
      </c>
      <c r="BM33" s="296">
        <v>0</v>
      </c>
      <c r="BN33" s="296">
        <v>0</v>
      </c>
      <c r="BO33" s="299">
        <v>0</v>
      </c>
      <c r="BP33" s="300">
        <v>0</v>
      </c>
      <c r="BQ33" s="295">
        <v>0</v>
      </c>
      <c r="BR33" s="296">
        <v>0</v>
      </c>
      <c r="BS33" s="297">
        <v>0</v>
      </c>
      <c r="BT33" s="298">
        <v>0</v>
      </c>
      <c r="BU33" s="296">
        <v>435</v>
      </c>
      <c r="BV33" s="296">
        <v>1160</v>
      </c>
      <c r="BW33" s="296">
        <v>145</v>
      </c>
      <c r="BX33" s="296">
        <v>3335</v>
      </c>
      <c r="BY33" s="296">
        <v>0</v>
      </c>
      <c r="BZ33" s="299">
        <v>5075</v>
      </c>
      <c r="CA33" s="300">
        <v>5075</v>
      </c>
      <c r="CB33" s="295">
        <v>0</v>
      </c>
      <c r="CC33" s="296">
        <v>0</v>
      </c>
      <c r="CD33" s="297">
        <v>0</v>
      </c>
      <c r="CE33" s="298">
        <v>0</v>
      </c>
      <c r="CF33" s="296">
        <v>0</v>
      </c>
      <c r="CG33" s="296">
        <v>0</v>
      </c>
      <c r="CH33" s="296">
        <v>0</v>
      </c>
      <c r="CI33" s="296">
        <v>0</v>
      </c>
      <c r="CJ33" s="296">
        <v>0</v>
      </c>
      <c r="CK33" s="299">
        <v>0</v>
      </c>
      <c r="CL33" s="300">
        <v>0</v>
      </c>
      <c r="CM33" s="295">
        <v>0</v>
      </c>
      <c r="CN33" s="296">
        <v>0</v>
      </c>
      <c r="CO33" s="297">
        <v>0</v>
      </c>
      <c r="CP33" s="298">
        <v>0</v>
      </c>
      <c r="CQ33" s="296">
        <v>0</v>
      </c>
      <c r="CR33" s="296">
        <v>0</v>
      </c>
      <c r="CS33" s="296">
        <v>0</v>
      </c>
      <c r="CT33" s="296">
        <v>0</v>
      </c>
      <c r="CU33" s="296">
        <v>0</v>
      </c>
      <c r="CV33" s="299">
        <v>0</v>
      </c>
      <c r="CW33" s="300">
        <v>0</v>
      </c>
      <c r="CX33" s="295">
        <v>0</v>
      </c>
      <c r="CY33" s="296">
        <v>0</v>
      </c>
      <c r="CZ33" s="297">
        <v>0</v>
      </c>
      <c r="DA33" s="301"/>
      <c r="DB33" s="296">
        <v>0</v>
      </c>
      <c r="DC33" s="296">
        <v>0</v>
      </c>
      <c r="DD33" s="296">
        <v>0</v>
      </c>
      <c r="DE33" s="296">
        <v>0</v>
      </c>
      <c r="DF33" s="296">
        <v>0</v>
      </c>
      <c r="DG33" s="299">
        <v>0</v>
      </c>
      <c r="DH33" s="300">
        <v>0</v>
      </c>
      <c r="DI33" s="295">
        <v>0</v>
      </c>
      <c r="DJ33" s="296">
        <v>0</v>
      </c>
      <c r="DK33" s="297">
        <v>0</v>
      </c>
      <c r="DL33" s="298">
        <v>0</v>
      </c>
      <c r="DM33" s="296">
        <v>60634</v>
      </c>
      <c r="DN33" s="296">
        <v>22272</v>
      </c>
      <c r="DO33" s="296">
        <v>333282</v>
      </c>
      <c r="DP33" s="296">
        <v>226137</v>
      </c>
      <c r="DQ33" s="296">
        <v>263290</v>
      </c>
      <c r="DR33" s="299">
        <v>905615</v>
      </c>
      <c r="DS33" s="302">
        <v>905615</v>
      </c>
      <c r="DT33" s="295">
        <v>0</v>
      </c>
      <c r="DU33" s="296">
        <v>0</v>
      </c>
      <c r="DV33" s="297">
        <v>0</v>
      </c>
      <c r="DW33" s="301"/>
      <c r="DX33" s="296">
        <v>21576</v>
      </c>
      <c r="DY33" s="296">
        <v>15035</v>
      </c>
      <c r="DZ33" s="296">
        <v>300202</v>
      </c>
      <c r="EA33" s="296">
        <v>205313</v>
      </c>
      <c r="EB33" s="296">
        <v>263290</v>
      </c>
      <c r="EC33" s="299">
        <v>805416</v>
      </c>
      <c r="ED33" s="300">
        <v>805416</v>
      </c>
      <c r="EE33" s="295">
        <v>0</v>
      </c>
      <c r="EF33" s="296">
        <v>0</v>
      </c>
      <c r="EG33" s="297">
        <v>0</v>
      </c>
      <c r="EH33" s="301"/>
      <c r="EI33" s="296">
        <v>36952</v>
      </c>
      <c r="EJ33" s="296">
        <v>217</v>
      </c>
      <c r="EK33" s="296">
        <v>32110</v>
      </c>
      <c r="EL33" s="296">
        <v>12400</v>
      </c>
      <c r="EM33" s="296">
        <v>0</v>
      </c>
      <c r="EN33" s="299">
        <v>81679</v>
      </c>
      <c r="EO33" s="300">
        <v>81679</v>
      </c>
      <c r="EP33" s="295">
        <v>0</v>
      </c>
      <c r="EQ33" s="296">
        <v>0</v>
      </c>
      <c r="ER33" s="297">
        <v>0</v>
      </c>
      <c r="ES33" s="301"/>
      <c r="ET33" s="296">
        <v>0</v>
      </c>
      <c r="EU33" s="296">
        <v>0</v>
      </c>
      <c r="EV33" s="296">
        <v>0</v>
      </c>
      <c r="EW33" s="296">
        <v>0</v>
      </c>
      <c r="EX33" s="296">
        <v>0</v>
      </c>
      <c r="EY33" s="299">
        <v>0</v>
      </c>
      <c r="EZ33" s="300">
        <v>0</v>
      </c>
      <c r="FA33" s="295">
        <v>0</v>
      </c>
      <c r="FB33" s="296">
        <v>0</v>
      </c>
      <c r="FC33" s="297">
        <v>0</v>
      </c>
      <c r="FD33" s="301"/>
      <c r="FE33" s="296">
        <v>0</v>
      </c>
      <c r="FF33" s="296">
        <v>0</v>
      </c>
      <c r="FG33" s="296">
        <v>0</v>
      </c>
      <c r="FH33" s="296">
        <v>0</v>
      </c>
      <c r="FI33" s="296">
        <v>0</v>
      </c>
      <c r="FJ33" s="299">
        <v>0</v>
      </c>
      <c r="FK33" s="300">
        <v>0</v>
      </c>
      <c r="FL33" s="295">
        <v>0</v>
      </c>
      <c r="FM33" s="296">
        <v>0</v>
      </c>
      <c r="FN33" s="297">
        <v>0</v>
      </c>
      <c r="FO33" s="301"/>
      <c r="FP33" s="296">
        <v>0</v>
      </c>
      <c r="FQ33" s="296">
        <v>0</v>
      </c>
      <c r="FR33" s="296">
        <v>0</v>
      </c>
      <c r="FS33" s="296">
        <v>0</v>
      </c>
      <c r="FT33" s="296">
        <v>0</v>
      </c>
      <c r="FU33" s="299">
        <v>0</v>
      </c>
      <c r="FV33" s="300">
        <v>0</v>
      </c>
      <c r="FW33" s="295">
        <v>0</v>
      </c>
      <c r="FX33" s="296">
        <v>0</v>
      </c>
      <c r="FY33" s="297">
        <v>0</v>
      </c>
      <c r="FZ33" s="298">
        <v>0</v>
      </c>
      <c r="GA33" s="296">
        <v>2106</v>
      </c>
      <c r="GB33" s="296">
        <v>7020</v>
      </c>
      <c r="GC33" s="296">
        <v>970</v>
      </c>
      <c r="GD33" s="296">
        <v>8424</v>
      </c>
      <c r="GE33" s="296">
        <v>0</v>
      </c>
      <c r="GF33" s="299">
        <v>18520</v>
      </c>
      <c r="GG33" s="300">
        <v>18520</v>
      </c>
      <c r="GH33" s="295">
        <v>0</v>
      </c>
      <c r="GI33" s="296">
        <v>0</v>
      </c>
      <c r="GJ33" s="297">
        <v>0</v>
      </c>
      <c r="GK33" s="298">
        <v>0</v>
      </c>
      <c r="GL33" s="296">
        <v>0</v>
      </c>
      <c r="GM33" s="296">
        <v>0</v>
      </c>
      <c r="GN33" s="296">
        <v>0</v>
      </c>
      <c r="GO33" s="296">
        <v>0</v>
      </c>
      <c r="GP33" s="296">
        <v>0</v>
      </c>
      <c r="GQ33" s="299">
        <v>0</v>
      </c>
      <c r="GR33" s="300">
        <v>0</v>
      </c>
      <c r="GS33" s="295">
        <v>0</v>
      </c>
      <c r="GT33" s="296">
        <v>0</v>
      </c>
      <c r="GU33" s="297">
        <v>0</v>
      </c>
      <c r="GV33" s="298">
        <v>0</v>
      </c>
      <c r="GW33" s="296">
        <v>0</v>
      </c>
      <c r="GX33" s="296">
        <v>0</v>
      </c>
      <c r="GY33" s="296">
        <v>0</v>
      </c>
      <c r="GZ33" s="296">
        <v>0</v>
      </c>
      <c r="HA33" s="296">
        <v>0</v>
      </c>
      <c r="HB33" s="299">
        <v>0</v>
      </c>
      <c r="HC33" s="300">
        <v>0</v>
      </c>
      <c r="HD33" s="295">
        <v>0</v>
      </c>
      <c r="HE33" s="296">
        <v>0</v>
      </c>
      <c r="HF33" s="297">
        <v>0</v>
      </c>
      <c r="HG33" s="301"/>
      <c r="HH33" s="296">
        <v>0</v>
      </c>
      <c r="HI33" s="296">
        <v>0</v>
      </c>
      <c r="HJ33" s="296">
        <v>0</v>
      </c>
      <c r="HK33" s="296">
        <v>0</v>
      </c>
      <c r="HL33" s="296">
        <v>0</v>
      </c>
      <c r="HM33" s="299">
        <v>0</v>
      </c>
      <c r="HN33" s="300">
        <v>0</v>
      </c>
      <c r="HO33" s="295">
        <v>0</v>
      </c>
      <c r="HP33" s="296">
        <v>0</v>
      </c>
      <c r="HQ33" s="297">
        <v>0</v>
      </c>
      <c r="HR33" s="298">
        <v>0</v>
      </c>
      <c r="HS33" s="296">
        <v>123689</v>
      </c>
      <c r="HT33" s="296">
        <v>72722</v>
      </c>
      <c r="HU33" s="296">
        <v>574507</v>
      </c>
      <c r="HV33" s="296">
        <v>507852</v>
      </c>
      <c r="HW33" s="296">
        <v>516490</v>
      </c>
      <c r="HX33" s="299">
        <v>1795260</v>
      </c>
      <c r="HY33" s="300">
        <v>1795260</v>
      </c>
    </row>
    <row r="34" spans="2:233" ht="16.5" customHeight="1" x14ac:dyDescent="0.2">
      <c r="B34" s="293" t="s">
        <v>31</v>
      </c>
      <c r="C34" s="295">
        <v>0</v>
      </c>
      <c r="D34" s="296">
        <v>0</v>
      </c>
      <c r="E34" s="297">
        <v>0</v>
      </c>
      <c r="F34" s="298">
        <v>0</v>
      </c>
      <c r="G34" s="296">
        <v>1015</v>
      </c>
      <c r="H34" s="296">
        <v>102570</v>
      </c>
      <c r="I34" s="296">
        <v>278945</v>
      </c>
      <c r="J34" s="296">
        <v>145875</v>
      </c>
      <c r="K34" s="296">
        <v>190480</v>
      </c>
      <c r="L34" s="299">
        <v>718885</v>
      </c>
      <c r="M34" s="300">
        <v>718885</v>
      </c>
      <c r="N34" s="295">
        <v>0</v>
      </c>
      <c r="O34" s="296">
        <v>0</v>
      </c>
      <c r="P34" s="297">
        <v>0</v>
      </c>
      <c r="Q34" s="301"/>
      <c r="R34" s="296">
        <v>0</v>
      </c>
      <c r="S34" s="296">
        <v>0</v>
      </c>
      <c r="T34" s="296">
        <v>224885</v>
      </c>
      <c r="U34" s="296">
        <v>121985</v>
      </c>
      <c r="V34" s="296">
        <v>186075</v>
      </c>
      <c r="W34" s="299">
        <v>532945</v>
      </c>
      <c r="X34" s="300">
        <v>532945</v>
      </c>
      <c r="Y34" s="295">
        <v>0</v>
      </c>
      <c r="Z34" s="296">
        <v>0</v>
      </c>
      <c r="AA34" s="297">
        <v>0</v>
      </c>
      <c r="AB34" s="301"/>
      <c r="AC34" s="296">
        <v>0</v>
      </c>
      <c r="AD34" s="296">
        <v>97960</v>
      </c>
      <c r="AE34" s="296">
        <v>40610</v>
      </c>
      <c r="AF34" s="296">
        <v>10540</v>
      </c>
      <c r="AG34" s="296">
        <v>0</v>
      </c>
      <c r="AH34" s="299">
        <v>149110</v>
      </c>
      <c r="AI34" s="300">
        <v>149110</v>
      </c>
      <c r="AJ34" s="295">
        <v>0</v>
      </c>
      <c r="AK34" s="296">
        <v>0</v>
      </c>
      <c r="AL34" s="297">
        <v>0</v>
      </c>
      <c r="AM34" s="301"/>
      <c r="AN34" s="296">
        <v>0</v>
      </c>
      <c r="AO34" s="296">
        <v>0</v>
      </c>
      <c r="AP34" s="296">
        <v>0</v>
      </c>
      <c r="AQ34" s="296">
        <v>0</v>
      </c>
      <c r="AR34" s="296">
        <v>0</v>
      </c>
      <c r="AS34" s="299">
        <v>0</v>
      </c>
      <c r="AT34" s="300">
        <v>0</v>
      </c>
      <c r="AU34" s="295">
        <v>0</v>
      </c>
      <c r="AV34" s="296">
        <v>0</v>
      </c>
      <c r="AW34" s="297">
        <v>0</v>
      </c>
      <c r="AX34" s="301"/>
      <c r="AY34" s="296">
        <v>0</v>
      </c>
      <c r="AZ34" s="296">
        <v>0</v>
      </c>
      <c r="BA34" s="296">
        <v>0</v>
      </c>
      <c r="BB34" s="296">
        <v>0</v>
      </c>
      <c r="BC34" s="296">
        <v>0</v>
      </c>
      <c r="BD34" s="299">
        <v>0</v>
      </c>
      <c r="BE34" s="300">
        <v>0</v>
      </c>
      <c r="BF34" s="295">
        <v>0</v>
      </c>
      <c r="BG34" s="296">
        <v>0</v>
      </c>
      <c r="BH34" s="297">
        <v>0</v>
      </c>
      <c r="BI34" s="301"/>
      <c r="BJ34" s="296">
        <v>0</v>
      </c>
      <c r="BK34" s="296">
        <v>0</v>
      </c>
      <c r="BL34" s="296">
        <v>0</v>
      </c>
      <c r="BM34" s="296">
        <v>0</v>
      </c>
      <c r="BN34" s="296">
        <v>0</v>
      </c>
      <c r="BO34" s="299">
        <v>0</v>
      </c>
      <c r="BP34" s="300">
        <v>0</v>
      </c>
      <c r="BQ34" s="295">
        <v>0</v>
      </c>
      <c r="BR34" s="296">
        <v>0</v>
      </c>
      <c r="BS34" s="297">
        <v>0</v>
      </c>
      <c r="BT34" s="298">
        <v>0</v>
      </c>
      <c r="BU34" s="296">
        <v>1015</v>
      </c>
      <c r="BV34" s="296">
        <v>3740</v>
      </c>
      <c r="BW34" s="296">
        <v>13450</v>
      </c>
      <c r="BX34" s="296">
        <v>13350</v>
      </c>
      <c r="BY34" s="296">
        <v>4405</v>
      </c>
      <c r="BZ34" s="299">
        <v>35960</v>
      </c>
      <c r="CA34" s="300">
        <v>35960</v>
      </c>
      <c r="CB34" s="295">
        <v>0</v>
      </c>
      <c r="CC34" s="296">
        <v>0</v>
      </c>
      <c r="CD34" s="297">
        <v>0</v>
      </c>
      <c r="CE34" s="298">
        <v>0</v>
      </c>
      <c r="CF34" s="296">
        <v>0</v>
      </c>
      <c r="CG34" s="296">
        <v>870</v>
      </c>
      <c r="CH34" s="296">
        <v>0</v>
      </c>
      <c r="CI34" s="296">
        <v>0</v>
      </c>
      <c r="CJ34" s="296">
        <v>0</v>
      </c>
      <c r="CK34" s="299">
        <v>870</v>
      </c>
      <c r="CL34" s="300">
        <v>870</v>
      </c>
      <c r="CM34" s="295">
        <v>0</v>
      </c>
      <c r="CN34" s="296">
        <v>0</v>
      </c>
      <c r="CO34" s="297">
        <v>0</v>
      </c>
      <c r="CP34" s="298">
        <v>0</v>
      </c>
      <c r="CQ34" s="296">
        <v>0</v>
      </c>
      <c r="CR34" s="296">
        <v>0</v>
      </c>
      <c r="CS34" s="296">
        <v>0</v>
      </c>
      <c r="CT34" s="296">
        <v>0</v>
      </c>
      <c r="CU34" s="296">
        <v>0</v>
      </c>
      <c r="CV34" s="299">
        <v>0</v>
      </c>
      <c r="CW34" s="300">
        <v>0</v>
      </c>
      <c r="CX34" s="295">
        <v>0</v>
      </c>
      <c r="CY34" s="296">
        <v>0</v>
      </c>
      <c r="CZ34" s="297">
        <v>0</v>
      </c>
      <c r="DA34" s="301"/>
      <c r="DB34" s="296">
        <v>0</v>
      </c>
      <c r="DC34" s="296">
        <v>0</v>
      </c>
      <c r="DD34" s="296">
        <v>0</v>
      </c>
      <c r="DE34" s="296">
        <v>0</v>
      </c>
      <c r="DF34" s="296">
        <v>0</v>
      </c>
      <c r="DG34" s="299">
        <v>0</v>
      </c>
      <c r="DH34" s="300">
        <v>0</v>
      </c>
      <c r="DI34" s="295">
        <v>0</v>
      </c>
      <c r="DJ34" s="296">
        <v>0</v>
      </c>
      <c r="DK34" s="297">
        <v>0</v>
      </c>
      <c r="DL34" s="298">
        <v>0</v>
      </c>
      <c r="DM34" s="296">
        <v>3159</v>
      </c>
      <c r="DN34" s="296">
        <v>9596</v>
      </c>
      <c r="DO34" s="296">
        <v>301005</v>
      </c>
      <c r="DP34" s="296">
        <v>231808</v>
      </c>
      <c r="DQ34" s="296">
        <v>225348</v>
      </c>
      <c r="DR34" s="299">
        <v>770916</v>
      </c>
      <c r="DS34" s="302">
        <v>770916</v>
      </c>
      <c r="DT34" s="295">
        <v>0</v>
      </c>
      <c r="DU34" s="296">
        <v>0</v>
      </c>
      <c r="DV34" s="297">
        <v>0</v>
      </c>
      <c r="DW34" s="301"/>
      <c r="DX34" s="296">
        <v>0</v>
      </c>
      <c r="DY34" s="296">
        <v>0</v>
      </c>
      <c r="DZ34" s="296">
        <v>285148</v>
      </c>
      <c r="EA34" s="296">
        <v>220410</v>
      </c>
      <c r="EB34" s="296">
        <v>203004</v>
      </c>
      <c r="EC34" s="299">
        <v>708562</v>
      </c>
      <c r="ED34" s="300">
        <v>708562</v>
      </c>
      <c r="EE34" s="295">
        <v>0</v>
      </c>
      <c r="EF34" s="296">
        <v>0</v>
      </c>
      <c r="EG34" s="297">
        <v>0</v>
      </c>
      <c r="EH34" s="301"/>
      <c r="EI34" s="296">
        <v>0</v>
      </c>
      <c r="EJ34" s="296">
        <v>1271</v>
      </c>
      <c r="EK34" s="296">
        <v>837</v>
      </c>
      <c r="EL34" s="296">
        <v>868</v>
      </c>
      <c r="EM34" s="296">
        <v>0</v>
      </c>
      <c r="EN34" s="299">
        <v>2976</v>
      </c>
      <c r="EO34" s="300">
        <v>2976</v>
      </c>
      <c r="EP34" s="295">
        <v>0</v>
      </c>
      <c r="EQ34" s="296">
        <v>0</v>
      </c>
      <c r="ER34" s="297">
        <v>0</v>
      </c>
      <c r="ES34" s="301"/>
      <c r="ET34" s="296">
        <v>0</v>
      </c>
      <c r="EU34" s="296">
        <v>0</v>
      </c>
      <c r="EV34" s="296">
        <v>0</v>
      </c>
      <c r="EW34" s="296">
        <v>0</v>
      </c>
      <c r="EX34" s="296">
        <v>0</v>
      </c>
      <c r="EY34" s="299">
        <v>0</v>
      </c>
      <c r="EZ34" s="300">
        <v>0</v>
      </c>
      <c r="FA34" s="295">
        <v>0</v>
      </c>
      <c r="FB34" s="296">
        <v>0</v>
      </c>
      <c r="FC34" s="297">
        <v>0</v>
      </c>
      <c r="FD34" s="301"/>
      <c r="FE34" s="296">
        <v>0</v>
      </c>
      <c r="FF34" s="296">
        <v>0</v>
      </c>
      <c r="FG34" s="296">
        <v>0</v>
      </c>
      <c r="FH34" s="296">
        <v>0</v>
      </c>
      <c r="FI34" s="296">
        <v>16492</v>
      </c>
      <c r="FJ34" s="299">
        <v>16492</v>
      </c>
      <c r="FK34" s="300">
        <v>16492</v>
      </c>
      <c r="FL34" s="295">
        <v>0</v>
      </c>
      <c r="FM34" s="296">
        <v>0</v>
      </c>
      <c r="FN34" s="297">
        <v>0</v>
      </c>
      <c r="FO34" s="301"/>
      <c r="FP34" s="296">
        <v>0</v>
      </c>
      <c r="FQ34" s="296">
        <v>0</v>
      </c>
      <c r="FR34" s="296">
        <v>0</v>
      </c>
      <c r="FS34" s="296">
        <v>0</v>
      </c>
      <c r="FT34" s="296">
        <v>0</v>
      </c>
      <c r="FU34" s="299">
        <v>0</v>
      </c>
      <c r="FV34" s="300">
        <v>0</v>
      </c>
      <c r="FW34" s="295">
        <v>0</v>
      </c>
      <c r="FX34" s="296">
        <v>0</v>
      </c>
      <c r="FY34" s="297">
        <v>0</v>
      </c>
      <c r="FZ34" s="298">
        <v>0</v>
      </c>
      <c r="GA34" s="296">
        <v>3159</v>
      </c>
      <c r="GB34" s="296">
        <v>5461</v>
      </c>
      <c r="GC34" s="296">
        <v>15020</v>
      </c>
      <c r="GD34" s="296">
        <v>10530</v>
      </c>
      <c r="GE34" s="296">
        <v>5852</v>
      </c>
      <c r="GF34" s="299">
        <v>40022</v>
      </c>
      <c r="GG34" s="300">
        <v>40022</v>
      </c>
      <c r="GH34" s="295">
        <v>0</v>
      </c>
      <c r="GI34" s="296">
        <v>0</v>
      </c>
      <c r="GJ34" s="297">
        <v>0</v>
      </c>
      <c r="GK34" s="298">
        <v>0</v>
      </c>
      <c r="GL34" s="296">
        <v>0</v>
      </c>
      <c r="GM34" s="296">
        <v>2864</v>
      </c>
      <c r="GN34" s="296">
        <v>0</v>
      </c>
      <c r="GO34" s="296">
        <v>0</v>
      </c>
      <c r="GP34" s="296">
        <v>0</v>
      </c>
      <c r="GQ34" s="299">
        <v>2864</v>
      </c>
      <c r="GR34" s="300">
        <v>2864</v>
      </c>
      <c r="GS34" s="295">
        <v>0</v>
      </c>
      <c r="GT34" s="296">
        <v>0</v>
      </c>
      <c r="GU34" s="297">
        <v>0</v>
      </c>
      <c r="GV34" s="298">
        <v>0</v>
      </c>
      <c r="GW34" s="296">
        <v>0</v>
      </c>
      <c r="GX34" s="296">
        <v>0</v>
      </c>
      <c r="GY34" s="296">
        <v>0</v>
      </c>
      <c r="GZ34" s="296">
        <v>0</v>
      </c>
      <c r="HA34" s="296">
        <v>0</v>
      </c>
      <c r="HB34" s="299">
        <v>0</v>
      </c>
      <c r="HC34" s="300">
        <v>0</v>
      </c>
      <c r="HD34" s="295">
        <v>0</v>
      </c>
      <c r="HE34" s="296">
        <v>0</v>
      </c>
      <c r="HF34" s="297">
        <v>0</v>
      </c>
      <c r="HG34" s="301"/>
      <c r="HH34" s="296">
        <v>0</v>
      </c>
      <c r="HI34" s="296">
        <v>0</v>
      </c>
      <c r="HJ34" s="296">
        <v>0</v>
      </c>
      <c r="HK34" s="296">
        <v>0</v>
      </c>
      <c r="HL34" s="296">
        <v>0</v>
      </c>
      <c r="HM34" s="299">
        <v>0</v>
      </c>
      <c r="HN34" s="300">
        <v>0</v>
      </c>
      <c r="HO34" s="295">
        <v>0</v>
      </c>
      <c r="HP34" s="296">
        <v>0</v>
      </c>
      <c r="HQ34" s="297">
        <v>0</v>
      </c>
      <c r="HR34" s="298">
        <v>0</v>
      </c>
      <c r="HS34" s="296">
        <v>4174</v>
      </c>
      <c r="HT34" s="296">
        <v>112166</v>
      </c>
      <c r="HU34" s="296">
        <v>579950</v>
      </c>
      <c r="HV34" s="296">
        <v>377683</v>
      </c>
      <c r="HW34" s="296">
        <v>415828</v>
      </c>
      <c r="HX34" s="299">
        <v>1489801</v>
      </c>
      <c r="HY34" s="300">
        <v>1489801</v>
      </c>
    </row>
    <row r="35" spans="2:233" ht="16.5" customHeight="1" x14ac:dyDescent="0.2">
      <c r="B35" s="293" t="s">
        <v>32</v>
      </c>
      <c r="C35" s="295">
        <v>0</v>
      </c>
      <c r="D35" s="296">
        <v>0</v>
      </c>
      <c r="E35" s="297">
        <v>0</v>
      </c>
      <c r="F35" s="298">
        <v>0</v>
      </c>
      <c r="G35" s="296">
        <v>3795</v>
      </c>
      <c r="H35" s="296">
        <v>125935</v>
      </c>
      <c r="I35" s="296">
        <v>496440</v>
      </c>
      <c r="J35" s="296">
        <v>340880</v>
      </c>
      <c r="K35" s="296">
        <v>150485</v>
      </c>
      <c r="L35" s="299">
        <v>1117535</v>
      </c>
      <c r="M35" s="300">
        <v>1117535</v>
      </c>
      <c r="N35" s="295">
        <v>0</v>
      </c>
      <c r="O35" s="296">
        <v>0</v>
      </c>
      <c r="P35" s="297">
        <v>0</v>
      </c>
      <c r="Q35" s="301"/>
      <c r="R35" s="296">
        <v>0</v>
      </c>
      <c r="S35" s="296">
        <v>35495</v>
      </c>
      <c r="T35" s="296">
        <v>140285</v>
      </c>
      <c r="U35" s="296">
        <v>229710</v>
      </c>
      <c r="V35" s="296">
        <v>29915</v>
      </c>
      <c r="W35" s="299">
        <v>435405</v>
      </c>
      <c r="X35" s="300">
        <v>435405</v>
      </c>
      <c r="Y35" s="295">
        <v>0</v>
      </c>
      <c r="Z35" s="296">
        <v>0</v>
      </c>
      <c r="AA35" s="297">
        <v>0</v>
      </c>
      <c r="AB35" s="301"/>
      <c r="AC35" s="296">
        <v>2635</v>
      </c>
      <c r="AD35" s="296">
        <v>82130</v>
      </c>
      <c r="AE35" s="296">
        <v>32550</v>
      </c>
      <c r="AF35" s="296">
        <v>95170</v>
      </c>
      <c r="AG35" s="296">
        <v>70990</v>
      </c>
      <c r="AH35" s="299">
        <v>283475</v>
      </c>
      <c r="AI35" s="300">
        <v>283475</v>
      </c>
      <c r="AJ35" s="295">
        <v>0</v>
      </c>
      <c r="AK35" s="296">
        <v>0</v>
      </c>
      <c r="AL35" s="297">
        <v>0</v>
      </c>
      <c r="AM35" s="301"/>
      <c r="AN35" s="296">
        <v>0</v>
      </c>
      <c r="AO35" s="296">
        <v>0</v>
      </c>
      <c r="AP35" s="296">
        <v>0</v>
      </c>
      <c r="AQ35" s="296">
        <v>0</v>
      </c>
      <c r="AR35" s="296">
        <v>0</v>
      </c>
      <c r="AS35" s="299">
        <v>0</v>
      </c>
      <c r="AT35" s="300">
        <v>0</v>
      </c>
      <c r="AU35" s="295">
        <v>0</v>
      </c>
      <c r="AV35" s="296">
        <v>0</v>
      </c>
      <c r="AW35" s="297">
        <v>0</v>
      </c>
      <c r="AX35" s="301"/>
      <c r="AY35" s="296">
        <v>0</v>
      </c>
      <c r="AZ35" s="296">
        <v>0</v>
      </c>
      <c r="BA35" s="296">
        <v>0</v>
      </c>
      <c r="BB35" s="296">
        <v>0</v>
      </c>
      <c r="BC35" s="296">
        <v>0</v>
      </c>
      <c r="BD35" s="299">
        <v>0</v>
      </c>
      <c r="BE35" s="300">
        <v>0</v>
      </c>
      <c r="BF35" s="295">
        <v>0</v>
      </c>
      <c r="BG35" s="296">
        <v>0</v>
      </c>
      <c r="BH35" s="297">
        <v>0</v>
      </c>
      <c r="BI35" s="301"/>
      <c r="BJ35" s="296">
        <v>0</v>
      </c>
      <c r="BK35" s="296">
        <v>0</v>
      </c>
      <c r="BL35" s="296">
        <v>288920</v>
      </c>
      <c r="BM35" s="296">
        <v>7905</v>
      </c>
      <c r="BN35" s="296">
        <v>49290</v>
      </c>
      <c r="BO35" s="299">
        <v>346115</v>
      </c>
      <c r="BP35" s="300">
        <v>346115</v>
      </c>
      <c r="BQ35" s="295">
        <v>0</v>
      </c>
      <c r="BR35" s="296">
        <v>0</v>
      </c>
      <c r="BS35" s="297">
        <v>0</v>
      </c>
      <c r="BT35" s="298">
        <v>0</v>
      </c>
      <c r="BU35" s="296">
        <v>1160</v>
      </c>
      <c r="BV35" s="296">
        <v>8310</v>
      </c>
      <c r="BW35" s="296">
        <v>32705</v>
      </c>
      <c r="BX35" s="296">
        <v>7830</v>
      </c>
      <c r="BY35" s="296">
        <v>290</v>
      </c>
      <c r="BZ35" s="299">
        <v>50295</v>
      </c>
      <c r="CA35" s="300">
        <v>50295</v>
      </c>
      <c r="CB35" s="295">
        <v>0</v>
      </c>
      <c r="CC35" s="296">
        <v>0</v>
      </c>
      <c r="CD35" s="297">
        <v>0</v>
      </c>
      <c r="CE35" s="298">
        <v>0</v>
      </c>
      <c r="CF35" s="296">
        <v>0</v>
      </c>
      <c r="CG35" s="296">
        <v>0</v>
      </c>
      <c r="CH35" s="296">
        <v>1980</v>
      </c>
      <c r="CI35" s="296">
        <v>265</v>
      </c>
      <c r="CJ35" s="296">
        <v>0</v>
      </c>
      <c r="CK35" s="299">
        <v>2245</v>
      </c>
      <c r="CL35" s="300">
        <v>2245</v>
      </c>
      <c r="CM35" s="295">
        <v>0</v>
      </c>
      <c r="CN35" s="296">
        <v>0</v>
      </c>
      <c r="CO35" s="297">
        <v>0</v>
      </c>
      <c r="CP35" s="298">
        <v>0</v>
      </c>
      <c r="CQ35" s="296">
        <v>0</v>
      </c>
      <c r="CR35" s="296">
        <v>0</v>
      </c>
      <c r="CS35" s="296">
        <v>0</v>
      </c>
      <c r="CT35" s="296">
        <v>0</v>
      </c>
      <c r="CU35" s="296">
        <v>0</v>
      </c>
      <c r="CV35" s="299">
        <v>0</v>
      </c>
      <c r="CW35" s="300">
        <v>0</v>
      </c>
      <c r="CX35" s="295">
        <v>0</v>
      </c>
      <c r="CY35" s="296">
        <v>0</v>
      </c>
      <c r="CZ35" s="297">
        <v>0</v>
      </c>
      <c r="DA35" s="301"/>
      <c r="DB35" s="296">
        <v>0</v>
      </c>
      <c r="DC35" s="296">
        <v>0</v>
      </c>
      <c r="DD35" s="296">
        <v>0</v>
      </c>
      <c r="DE35" s="296">
        <v>0</v>
      </c>
      <c r="DF35" s="296">
        <v>0</v>
      </c>
      <c r="DG35" s="299">
        <v>0</v>
      </c>
      <c r="DH35" s="300">
        <v>0</v>
      </c>
      <c r="DI35" s="295">
        <v>0</v>
      </c>
      <c r="DJ35" s="296">
        <v>0</v>
      </c>
      <c r="DK35" s="297">
        <v>0</v>
      </c>
      <c r="DL35" s="298">
        <v>0</v>
      </c>
      <c r="DM35" s="296">
        <v>4429</v>
      </c>
      <c r="DN35" s="296">
        <v>37386</v>
      </c>
      <c r="DO35" s="296">
        <v>439895</v>
      </c>
      <c r="DP35" s="296">
        <v>326680</v>
      </c>
      <c r="DQ35" s="296">
        <v>112372</v>
      </c>
      <c r="DR35" s="299">
        <v>920762</v>
      </c>
      <c r="DS35" s="302">
        <v>920762</v>
      </c>
      <c r="DT35" s="295">
        <v>0</v>
      </c>
      <c r="DU35" s="296">
        <v>0</v>
      </c>
      <c r="DV35" s="297">
        <v>0</v>
      </c>
      <c r="DW35" s="301"/>
      <c r="DX35" s="296">
        <v>0</v>
      </c>
      <c r="DY35" s="296">
        <v>26505</v>
      </c>
      <c r="DZ35" s="296">
        <v>172993</v>
      </c>
      <c r="EA35" s="296">
        <v>251999</v>
      </c>
      <c r="EB35" s="296">
        <v>64728</v>
      </c>
      <c r="EC35" s="299">
        <v>516225</v>
      </c>
      <c r="ED35" s="300">
        <v>516225</v>
      </c>
      <c r="EE35" s="295">
        <v>0</v>
      </c>
      <c r="EF35" s="296">
        <v>0</v>
      </c>
      <c r="EG35" s="297">
        <v>0</v>
      </c>
      <c r="EH35" s="301"/>
      <c r="EI35" s="296">
        <v>217</v>
      </c>
      <c r="EJ35" s="296">
        <v>4576</v>
      </c>
      <c r="EK35" s="296">
        <v>22599</v>
      </c>
      <c r="EL35" s="296">
        <v>12617</v>
      </c>
      <c r="EM35" s="296">
        <v>23374</v>
      </c>
      <c r="EN35" s="299">
        <v>63383</v>
      </c>
      <c r="EO35" s="300">
        <v>63383</v>
      </c>
      <c r="EP35" s="295">
        <v>0</v>
      </c>
      <c r="EQ35" s="296">
        <v>0</v>
      </c>
      <c r="ER35" s="297">
        <v>0</v>
      </c>
      <c r="ES35" s="301"/>
      <c r="ET35" s="296">
        <v>0</v>
      </c>
      <c r="EU35" s="296">
        <v>0</v>
      </c>
      <c r="EV35" s="296">
        <v>0</v>
      </c>
      <c r="EW35" s="296">
        <v>0</v>
      </c>
      <c r="EX35" s="296">
        <v>0</v>
      </c>
      <c r="EY35" s="299">
        <v>0</v>
      </c>
      <c r="EZ35" s="300">
        <v>0</v>
      </c>
      <c r="FA35" s="295">
        <v>0</v>
      </c>
      <c r="FB35" s="296">
        <v>0</v>
      </c>
      <c r="FC35" s="297">
        <v>0</v>
      </c>
      <c r="FD35" s="301"/>
      <c r="FE35" s="296">
        <v>0</v>
      </c>
      <c r="FF35" s="296">
        <v>0</v>
      </c>
      <c r="FG35" s="296">
        <v>0</v>
      </c>
      <c r="FH35" s="296">
        <v>0</v>
      </c>
      <c r="FI35" s="296">
        <v>0</v>
      </c>
      <c r="FJ35" s="299">
        <v>0</v>
      </c>
      <c r="FK35" s="300">
        <v>0</v>
      </c>
      <c r="FL35" s="295">
        <v>0</v>
      </c>
      <c r="FM35" s="296">
        <v>0</v>
      </c>
      <c r="FN35" s="297">
        <v>0</v>
      </c>
      <c r="FO35" s="301"/>
      <c r="FP35" s="296">
        <v>0</v>
      </c>
      <c r="FQ35" s="296">
        <v>0</v>
      </c>
      <c r="FR35" s="296">
        <v>204786</v>
      </c>
      <c r="FS35" s="296">
        <v>32643</v>
      </c>
      <c r="FT35" s="296">
        <v>21762</v>
      </c>
      <c r="FU35" s="299">
        <v>259191</v>
      </c>
      <c r="FV35" s="300">
        <v>259191</v>
      </c>
      <c r="FW35" s="295">
        <v>0</v>
      </c>
      <c r="FX35" s="296">
        <v>0</v>
      </c>
      <c r="FY35" s="297">
        <v>0</v>
      </c>
      <c r="FZ35" s="298">
        <v>0</v>
      </c>
      <c r="GA35" s="296">
        <v>4212</v>
      </c>
      <c r="GB35" s="296">
        <v>6305</v>
      </c>
      <c r="GC35" s="296">
        <v>35729</v>
      </c>
      <c r="GD35" s="296">
        <v>28347</v>
      </c>
      <c r="GE35" s="296">
        <v>2508</v>
      </c>
      <c r="GF35" s="299">
        <v>77101</v>
      </c>
      <c r="GG35" s="300">
        <v>77101</v>
      </c>
      <c r="GH35" s="295">
        <v>0</v>
      </c>
      <c r="GI35" s="296">
        <v>0</v>
      </c>
      <c r="GJ35" s="297">
        <v>0</v>
      </c>
      <c r="GK35" s="298">
        <v>0</v>
      </c>
      <c r="GL35" s="296">
        <v>0</v>
      </c>
      <c r="GM35" s="296">
        <v>0</v>
      </c>
      <c r="GN35" s="296">
        <v>3788</v>
      </c>
      <c r="GO35" s="296">
        <v>1074</v>
      </c>
      <c r="GP35" s="296">
        <v>0</v>
      </c>
      <c r="GQ35" s="299">
        <v>4862</v>
      </c>
      <c r="GR35" s="300">
        <v>4862</v>
      </c>
      <c r="GS35" s="295">
        <v>0</v>
      </c>
      <c r="GT35" s="296">
        <v>0</v>
      </c>
      <c r="GU35" s="297">
        <v>0</v>
      </c>
      <c r="GV35" s="298">
        <v>0</v>
      </c>
      <c r="GW35" s="296">
        <v>0</v>
      </c>
      <c r="GX35" s="296">
        <v>0</v>
      </c>
      <c r="GY35" s="296">
        <v>0</v>
      </c>
      <c r="GZ35" s="296">
        <v>0</v>
      </c>
      <c r="HA35" s="296">
        <v>0</v>
      </c>
      <c r="HB35" s="299">
        <v>0</v>
      </c>
      <c r="HC35" s="300">
        <v>0</v>
      </c>
      <c r="HD35" s="295">
        <v>0</v>
      </c>
      <c r="HE35" s="296">
        <v>0</v>
      </c>
      <c r="HF35" s="297">
        <v>0</v>
      </c>
      <c r="HG35" s="301"/>
      <c r="HH35" s="296">
        <v>0</v>
      </c>
      <c r="HI35" s="296">
        <v>0</v>
      </c>
      <c r="HJ35" s="296">
        <v>0</v>
      </c>
      <c r="HK35" s="296">
        <v>0</v>
      </c>
      <c r="HL35" s="296">
        <v>0</v>
      </c>
      <c r="HM35" s="299">
        <v>0</v>
      </c>
      <c r="HN35" s="300">
        <v>0</v>
      </c>
      <c r="HO35" s="295">
        <v>0</v>
      </c>
      <c r="HP35" s="296">
        <v>0</v>
      </c>
      <c r="HQ35" s="297">
        <v>0</v>
      </c>
      <c r="HR35" s="298">
        <v>0</v>
      </c>
      <c r="HS35" s="296">
        <v>8224</v>
      </c>
      <c r="HT35" s="296">
        <v>163321</v>
      </c>
      <c r="HU35" s="296">
        <v>936335</v>
      </c>
      <c r="HV35" s="296">
        <v>667560</v>
      </c>
      <c r="HW35" s="296">
        <v>262857</v>
      </c>
      <c r="HX35" s="299">
        <v>2038297</v>
      </c>
      <c r="HY35" s="300">
        <v>2038297</v>
      </c>
    </row>
    <row r="36" spans="2:233" ht="16.5" customHeight="1" x14ac:dyDescent="0.2">
      <c r="B36" s="293" t="s">
        <v>33</v>
      </c>
      <c r="C36" s="295">
        <v>0</v>
      </c>
      <c r="D36" s="296">
        <v>0</v>
      </c>
      <c r="E36" s="297">
        <v>0</v>
      </c>
      <c r="F36" s="298">
        <v>0</v>
      </c>
      <c r="G36" s="296">
        <v>68620</v>
      </c>
      <c r="H36" s="296">
        <v>133600</v>
      </c>
      <c r="I36" s="296">
        <v>490100</v>
      </c>
      <c r="J36" s="296">
        <v>610600</v>
      </c>
      <c r="K36" s="296">
        <v>394610</v>
      </c>
      <c r="L36" s="299">
        <v>1697530</v>
      </c>
      <c r="M36" s="300">
        <v>1697530</v>
      </c>
      <c r="N36" s="295">
        <v>0</v>
      </c>
      <c r="O36" s="296">
        <v>0</v>
      </c>
      <c r="P36" s="297">
        <v>0</v>
      </c>
      <c r="Q36" s="301"/>
      <c r="R36" s="296">
        <v>0</v>
      </c>
      <c r="S36" s="296">
        <v>27280</v>
      </c>
      <c r="T36" s="296">
        <v>258890</v>
      </c>
      <c r="U36" s="296">
        <v>375950</v>
      </c>
      <c r="V36" s="296">
        <v>272230</v>
      </c>
      <c r="W36" s="299">
        <v>934350</v>
      </c>
      <c r="X36" s="300">
        <v>934350</v>
      </c>
      <c r="Y36" s="295">
        <v>0</v>
      </c>
      <c r="Z36" s="296">
        <v>0</v>
      </c>
      <c r="AA36" s="297">
        <v>0</v>
      </c>
      <c r="AB36" s="301"/>
      <c r="AC36" s="296">
        <v>40610</v>
      </c>
      <c r="AD36" s="296">
        <v>61630</v>
      </c>
      <c r="AE36" s="296">
        <v>179955</v>
      </c>
      <c r="AF36" s="296">
        <v>143995</v>
      </c>
      <c r="AG36" s="296">
        <v>26900</v>
      </c>
      <c r="AH36" s="299">
        <v>453090</v>
      </c>
      <c r="AI36" s="300">
        <v>453090</v>
      </c>
      <c r="AJ36" s="295">
        <v>0</v>
      </c>
      <c r="AK36" s="296">
        <v>0</v>
      </c>
      <c r="AL36" s="297">
        <v>0</v>
      </c>
      <c r="AM36" s="301"/>
      <c r="AN36" s="296">
        <v>0</v>
      </c>
      <c r="AO36" s="296">
        <v>0</v>
      </c>
      <c r="AP36" s="296">
        <v>0</v>
      </c>
      <c r="AQ36" s="296">
        <v>0</v>
      </c>
      <c r="AR36" s="296">
        <v>0</v>
      </c>
      <c r="AS36" s="299">
        <v>0</v>
      </c>
      <c r="AT36" s="300">
        <v>0</v>
      </c>
      <c r="AU36" s="295">
        <v>0</v>
      </c>
      <c r="AV36" s="296">
        <v>0</v>
      </c>
      <c r="AW36" s="297">
        <v>0</v>
      </c>
      <c r="AX36" s="301"/>
      <c r="AY36" s="296">
        <v>24645</v>
      </c>
      <c r="AZ36" s="296">
        <v>44545</v>
      </c>
      <c r="BA36" s="296">
        <v>31255</v>
      </c>
      <c r="BB36" s="296">
        <v>70990</v>
      </c>
      <c r="BC36" s="296">
        <v>95480</v>
      </c>
      <c r="BD36" s="299">
        <v>266915</v>
      </c>
      <c r="BE36" s="300">
        <v>266915</v>
      </c>
      <c r="BF36" s="295">
        <v>0</v>
      </c>
      <c r="BG36" s="296">
        <v>0</v>
      </c>
      <c r="BH36" s="297">
        <v>0</v>
      </c>
      <c r="BI36" s="301"/>
      <c r="BJ36" s="296">
        <v>0</v>
      </c>
      <c r="BK36" s="296">
        <v>0</v>
      </c>
      <c r="BL36" s="296">
        <v>0</v>
      </c>
      <c r="BM36" s="296">
        <v>0</v>
      </c>
      <c r="BN36" s="296">
        <v>0</v>
      </c>
      <c r="BO36" s="299">
        <v>0</v>
      </c>
      <c r="BP36" s="300">
        <v>0</v>
      </c>
      <c r="BQ36" s="295">
        <v>0</v>
      </c>
      <c r="BR36" s="296">
        <v>0</v>
      </c>
      <c r="BS36" s="297">
        <v>0</v>
      </c>
      <c r="BT36" s="298">
        <v>0</v>
      </c>
      <c r="BU36" s="296">
        <v>0</v>
      </c>
      <c r="BV36" s="296">
        <v>145</v>
      </c>
      <c r="BW36" s="296">
        <v>17440</v>
      </c>
      <c r="BX36" s="296">
        <v>19665</v>
      </c>
      <c r="BY36" s="296">
        <v>0</v>
      </c>
      <c r="BZ36" s="299">
        <v>37250</v>
      </c>
      <c r="CA36" s="300">
        <v>37250</v>
      </c>
      <c r="CB36" s="295">
        <v>0</v>
      </c>
      <c r="CC36" s="296">
        <v>0</v>
      </c>
      <c r="CD36" s="297">
        <v>0</v>
      </c>
      <c r="CE36" s="298">
        <v>0</v>
      </c>
      <c r="CF36" s="296">
        <v>925</v>
      </c>
      <c r="CG36" s="296">
        <v>0</v>
      </c>
      <c r="CH36" s="296">
        <v>2560</v>
      </c>
      <c r="CI36" s="296">
        <v>0</v>
      </c>
      <c r="CJ36" s="296">
        <v>0</v>
      </c>
      <c r="CK36" s="299">
        <v>3485</v>
      </c>
      <c r="CL36" s="300">
        <v>3485</v>
      </c>
      <c r="CM36" s="295">
        <v>0</v>
      </c>
      <c r="CN36" s="296">
        <v>0</v>
      </c>
      <c r="CO36" s="297">
        <v>0</v>
      </c>
      <c r="CP36" s="298">
        <v>0</v>
      </c>
      <c r="CQ36" s="296">
        <v>0</v>
      </c>
      <c r="CR36" s="296">
        <v>0</v>
      </c>
      <c r="CS36" s="296">
        <v>0</v>
      </c>
      <c r="CT36" s="296">
        <v>0</v>
      </c>
      <c r="CU36" s="296">
        <v>0</v>
      </c>
      <c r="CV36" s="299">
        <v>0</v>
      </c>
      <c r="CW36" s="300">
        <v>0</v>
      </c>
      <c r="CX36" s="295">
        <v>0</v>
      </c>
      <c r="CY36" s="296">
        <v>0</v>
      </c>
      <c r="CZ36" s="297">
        <v>0</v>
      </c>
      <c r="DA36" s="301"/>
      <c r="DB36" s="296">
        <v>2440</v>
      </c>
      <c r="DC36" s="296">
        <v>0</v>
      </c>
      <c r="DD36" s="296">
        <v>0</v>
      </c>
      <c r="DE36" s="296">
        <v>0</v>
      </c>
      <c r="DF36" s="296">
        <v>0</v>
      </c>
      <c r="DG36" s="299">
        <v>2440</v>
      </c>
      <c r="DH36" s="300">
        <v>2440</v>
      </c>
      <c r="DI36" s="295">
        <v>0</v>
      </c>
      <c r="DJ36" s="296">
        <v>0</v>
      </c>
      <c r="DK36" s="297">
        <v>0</v>
      </c>
      <c r="DL36" s="298">
        <v>0</v>
      </c>
      <c r="DM36" s="296">
        <v>1225</v>
      </c>
      <c r="DN36" s="296">
        <v>62525</v>
      </c>
      <c r="DO36" s="296">
        <v>346289</v>
      </c>
      <c r="DP36" s="296">
        <v>488311</v>
      </c>
      <c r="DQ36" s="296">
        <v>216677</v>
      </c>
      <c r="DR36" s="299">
        <v>1115027</v>
      </c>
      <c r="DS36" s="302">
        <v>1115027</v>
      </c>
      <c r="DT36" s="295">
        <v>0</v>
      </c>
      <c r="DU36" s="296">
        <v>0</v>
      </c>
      <c r="DV36" s="297">
        <v>0</v>
      </c>
      <c r="DW36" s="301"/>
      <c r="DX36" s="296">
        <v>0</v>
      </c>
      <c r="DY36" s="296">
        <v>36611</v>
      </c>
      <c r="DZ36" s="296">
        <v>267902</v>
      </c>
      <c r="EA36" s="296">
        <v>426618</v>
      </c>
      <c r="EB36" s="296">
        <v>203968</v>
      </c>
      <c r="EC36" s="299">
        <v>935099</v>
      </c>
      <c r="ED36" s="300">
        <v>935099</v>
      </c>
      <c r="EE36" s="295">
        <v>0</v>
      </c>
      <c r="EF36" s="296">
        <v>0</v>
      </c>
      <c r="EG36" s="297">
        <v>0</v>
      </c>
      <c r="EH36" s="301"/>
      <c r="EI36" s="296">
        <v>868</v>
      </c>
      <c r="EJ36" s="296">
        <v>11744</v>
      </c>
      <c r="EK36" s="296">
        <v>47182</v>
      </c>
      <c r="EL36" s="296">
        <v>1953</v>
      </c>
      <c r="EM36" s="296">
        <v>217</v>
      </c>
      <c r="EN36" s="299">
        <v>61964</v>
      </c>
      <c r="EO36" s="300">
        <v>61964</v>
      </c>
      <c r="EP36" s="295">
        <v>0</v>
      </c>
      <c r="EQ36" s="296">
        <v>0</v>
      </c>
      <c r="ER36" s="297">
        <v>0</v>
      </c>
      <c r="ES36" s="301"/>
      <c r="ET36" s="296">
        <v>0</v>
      </c>
      <c r="EU36" s="296">
        <v>0</v>
      </c>
      <c r="EV36" s="296">
        <v>0</v>
      </c>
      <c r="EW36" s="296">
        <v>0</v>
      </c>
      <c r="EX36" s="296">
        <v>0</v>
      </c>
      <c r="EY36" s="299">
        <v>0</v>
      </c>
      <c r="EZ36" s="300">
        <v>0</v>
      </c>
      <c r="FA36" s="295">
        <v>0</v>
      </c>
      <c r="FB36" s="296">
        <v>0</v>
      </c>
      <c r="FC36" s="297">
        <v>0</v>
      </c>
      <c r="FD36" s="301"/>
      <c r="FE36" s="296">
        <v>217</v>
      </c>
      <c r="FF36" s="296">
        <v>12715</v>
      </c>
      <c r="FG36" s="296">
        <v>12121</v>
      </c>
      <c r="FH36" s="296">
        <v>23374</v>
      </c>
      <c r="FI36" s="296">
        <v>12492</v>
      </c>
      <c r="FJ36" s="299">
        <v>60919</v>
      </c>
      <c r="FK36" s="300">
        <v>60919</v>
      </c>
      <c r="FL36" s="295">
        <v>0</v>
      </c>
      <c r="FM36" s="296">
        <v>0</v>
      </c>
      <c r="FN36" s="297">
        <v>0</v>
      </c>
      <c r="FO36" s="301"/>
      <c r="FP36" s="296">
        <v>0</v>
      </c>
      <c r="FQ36" s="296">
        <v>0</v>
      </c>
      <c r="FR36" s="296">
        <v>0</v>
      </c>
      <c r="FS36" s="296">
        <v>0</v>
      </c>
      <c r="FT36" s="296">
        <v>0</v>
      </c>
      <c r="FU36" s="299">
        <v>0</v>
      </c>
      <c r="FV36" s="300">
        <v>0</v>
      </c>
      <c r="FW36" s="295">
        <v>0</v>
      </c>
      <c r="FX36" s="296">
        <v>0</v>
      </c>
      <c r="FY36" s="297">
        <v>0</v>
      </c>
      <c r="FZ36" s="298">
        <v>0</v>
      </c>
      <c r="GA36" s="296">
        <v>0</v>
      </c>
      <c r="GB36" s="296">
        <v>1455</v>
      </c>
      <c r="GC36" s="296">
        <v>19056</v>
      </c>
      <c r="GD36" s="296">
        <v>36366</v>
      </c>
      <c r="GE36" s="296">
        <v>0</v>
      </c>
      <c r="GF36" s="299">
        <v>56877</v>
      </c>
      <c r="GG36" s="300">
        <v>56877</v>
      </c>
      <c r="GH36" s="295">
        <v>0</v>
      </c>
      <c r="GI36" s="296">
        <v>0</v>
      </c>
      <c r="GJ36" s="297">
        <v>0</v>
      </c>
      <c r="GK36" s="298">
        <v>0</v>
      </c>
      <c r="GL36" s="296">
        <v>21</v>
      </c>
      <c r="GM36" s="296">
        <v>0</v>
      </c>
      <c r="GN36" s="296">
        <v>28</v>
      </c>
      <c r="GO36" s="296">
        <v>0</v>
      </c>
      <c r="GP36" s="296">
        <v>0</v>
      </c>
      <c r="GQ36" s="299">
        <v>49</v>
      </c>
      <c r="GR36" s="300">
        <v>49</v>
      </c>
      <c r="GS36" s="295">
        <v>0</v>
      </c>
      <c r="GT36" s="296">
        <v>0</v>
      </c>
      <c r="GU36" s="297">
        <v>0</v>
      </c>
      <c r="GV36" s="298">
        <v>0</v>
      </c>
      <c r="GW36" s="296">
        <v>0</v>
      </c>
      <c r="GX36" s="296">
        <v>0</v>
      </c>
      <c r="GY36" s="296">
        <v>0</v>
      </c>
      <c r="GZ36" s="296">
        <v>0</v>
      </c>
      <c r="HA36" s="296">
        <v>0</v>
      </c>
      <c r="HB36" s="299">
        <v>0</v>
      </c>
      <c r="HC36" s="300">
        <v>0</v>
      </c>
      <c r="HD36" s="295">
        <v>0</v>
      </c>
      <c r="HE36" s="296">
        <v>0</v>
      </c>
      <c r="HF36" s="297">
        <v>0</v>
      </c>
      <c r="HG36" s="301"/>
      <c r="HH36" s="296">
        <v>119</v>
      </c>
      <c r="HI36" s="296">
        <v>0</v>
      </c>
      <c r="HJ36" s="296">
        <v>0</v>
      </c>
      <c r="HK36" s="296">
        <v>0</v>
      </c>
      <c r="HL36" s="296">
        <v>0</v>
      </c>
      <c r="HM36" s="299">
        <v>119</v>
      </c>
      <c r="HN36" s="300">
        <v>119</v>
      </c>
      <c r="HO36" s="295">
        <v>0</v>
      </c>
      <c r="HP36" s="296">
        <v>0</v>
      </c>
      <c r="HQ36" s="297">
        <v>0</v>
      </c>
      <c r="HR36" s="298">
        <v>0</v>
      </c>
      <c r="HS36" s="296">
        <v>69845</v>
      </c>
      <c r="HT36" s="296">
        <v>196125</v>
      </c>
      <c r="HU36" s="296">
        <v>836389</v>
      </c>
      <c r="HV36" s="296">
        <v>1098911</v>
      </c>
      <c r="HW36" s="296">
        <v>611287</v>
      </c>
      <c r="HX36" s="299">
        <v>2812557</v>
      </c>
      <c r="HY36" s="300">
        <v>2812557</v>
      </c>
    </row>
    <row r="37" spans="2:233" ht="16.5" customHeight="1" x14ac:dyDescent="0.2">
      <c r="B37" s="293" t="s">
        <v>34</v>
      </c>
      <c r="C37" s="295">
        <v>0</v>
      </c>
      <c r="D37" s="296">
        <v>0</v>
      </c>
      <c r="E37" s="297">
        <v>0</v>
      </c>
      <c r="F37" s="298">
        <v>0</v>
      </c>
      <c r="G37" s="296">
        <v>37459</v>
      </c>
      <c r="H37" s="296">
        <v>123015</v>
      </c>
      <c r="I37" s="296">
        <v>161700</v>
      </c>
      <c r="J37" s="296">
        <v>299200</v>
      </c>
      <c r="K37" s="296">
        <v>202280</v>
      </c>
      <c r="L37" s="299">
        <v>823654</v>
      </c>
      <c r="M37" s="300">
        <v>823654</v>
      </c>
      <c r="N37" s="295">
        <v>0</v>
      </c>
      <c r="O37" s="296">
        <v>0</v>
      </c>
      <c r="P37" s="297">
        <v>0</v>
      </c>
      <c r="Q37" s="301"/>
      <c r="R37" s="296">
        <v>0</v>
      </c>
      <c r="S37" s="296">
        <v>0</v>
      </c>
      <c r="T37" s="296">
        <v>37975</v>
      </c>
      <c r="U37" s="296">
        <v>204385</v>
      </c>
      <c r="V37" s="296">
        <v>175000</v>
      </c>
      <c r="W37" s="299">
        <v>417360</v>
      </c>
      <c r="X37" s="300">
        <v>417360</v>
      </c>
      <c r="Y37" s="295">
        <v>0</v>
      </c>
      <c r="Z37" s="296">
        <v>0</v>
      </c>
      <c r="AA37" s="297">
        <v>0</v>
      </c>
      <c r="AB37" s="301"/>
      <c r="AC37" s="296">
        <v>27280</v>
      </c>
      <c r="AD37" s="296">
        <v>87520</v>
      </c>
      <c r="AE37" s="296">
        <v>121115</v>
      </c>
      <c r="AF37" s="296">
        <v>65410</v>
      </c>
      <c r="AG37" s="296">
        <v>27280</v>
      </c>
      <c r="AH37" s="299">
        <v>328605</v>
      </c>
      <c r="AI37" s="300">
        <v>328605</v>
      </c>
      <c r="AJ37" s="295">
        <v>0</v>
      </c>
      <c r="AK37" s="296">
        <v>0</v>
      </c>
      <c r="AL37" s="297">
        <v>0</v>
      </c>
      <c r="AM37" s="301"/>
      <c r="AN37" s="296">
        <v>0</v>
      </c>
      <c r="AO37" s="296">
        <v>0</v>
      </c>
      <c r="AP37" s="296">
        <v>0</v>
      </c>
      <c r="AQ37" s="296">
        <v>0</v>
      </c>
      <c r="AR37" s="296">
        <v>0</v>
      </c>
      <c r="AS37" s="299">
        <v>0</v>
      </c>
      <c r="AT37" s="300">
        <v>0</v>
      </c>
      <c r="AU37" s="295">
        <v>0</v>
      </c>
      <c r="AV37" s="296">
        <v>0</v>
      </c>
      <c r="AW37" s="297">
        <v>0</v>
      </c>
      <c r="AX37" s="301"/>
      <c r="AY37" s="296">
        <v>0</v>
      </c>
      <c r="AZ37" s="296">
        <v>35495</v>
      </c>
      <c r="BA37" s="296">
        <v>0</v>
      </c>
      <c r="BB37" s="296">
        <v>0</v>
      </c>
      <c r="BC37" s="296">
        <v>0</v>
      </c>
      <c r="BD37" s="299">
        <v>35495</v>
      </c>
      <c r="BE37" s="300">
        <v>35495</v>
      </c>
      <c r="BF37" s="295">
        <v>0</v>
      </c>
      <c r="BG37" s="296">
        <v>0</v>
      </c>
      <c r="BH37" s="297">
        <v>0</v>
      </c>
      <c r="BI37" s="301"/>
      <c r="BJ37" s="296">
        <v>0</v>
      </c>
      <c r="BK37" s="296">
        <v>0</v>
      </c>
      <c r="BL37" s="296">
        <v>0</v>
      </c>
      <c r="BM37" s="296">
        <v>0</v>
      </c>
      <c r="BN37" s="296">
        <v>0</v>
      </c>
      <c r="BO37" s="299">
        <v>0</v>
      </c>
      <c r="BP37" s="300">
        <v>0</v>
      </c>
      <c r="BQ37" s="295">
        <v>0</v>
      </c>
      <c r="BR37" s="296">
        <v>0</v>
      </c>
      <c r="BS37" s="297">
        <v>0</v>
      </c>
      <c r="BT37" s="298">
        <v>0</v>
      </c>
      <c r="BU37" s="296">
        <v>10179</v>
      </c>
      <c r="BV37" s="296">
        <v>0</v>
      </c>
      <c r="BW37" s="296">
        <v>1450</v>
      </c>
      <c r="BX37" s="296">
        <v>24020</v>
      </c>
      <c r="BY37" s="296">
        <v>0</v>
      </c>
      <c r="BZ37" s="299">
        <v>35649</v>
      </c>
      <c r="CA37" s="300">
        <v>35649</v>
      </c>
      <c r="CB37" s="295">
        <v>0</v>
      </c>
      <c r="CC37" s="296">
        <v>0</v>
      </c>
      <c r="CD37" s="297">
        <v>0</v>
      </c>
      <c r="CE37" s="298">
        <v>0</v>
      </c>
      <c r="CF37" s="296">
        <v>0</v>
      </c>
      <c r="CG37" s="296">
        <v>0</v>
      </c>
      <c r="CH37" s="296">
        <v>1160</v>
      </c>
      <c r="CI37" s="296">
        <v>5385</v>
      </c>
      <c r="CJ37" s="296">
        <v>0</v>
      </c>
      <c r="CK37" s="299">
        <v>6545</v>
      </c>
      <c r="CL37" s="300">
        <v>6545</v>
      </c>
      <c r="CM37" s="295">
        <v>0</v>
      </c>
      <c r="CN37" s="296">
        <v>0</v>
      </c>
      <c r="CO37" s="297">
        <v>0</v>
      </c>
      <c r="CP37" s="298">
        <v>0</v>
      </c>
      <c r="CQ37" s="296">
        <v>0</v>
      </c>
      <c r="CR37" s="296">
        <v>0</v>
      </c>
      <c r="CS37" s="296">
        <v>0</v>
      </c>
      <c r="CT37" s="296">
        <v>0</v>
      </c>
      <c r="CU37" s="296">
        <v>0</v>
      </c>
      <c r="CV37" s="299">
        <v>0</v>
      </c>
      <c r="CW37" s="300">
        <v>0</v>
      </c>
      <c r="CX37" s="295">
        <v>0</v>
      </c>
      <c r="CY37" s="296">
        <v>0</v>
      </c>
      <c r="CZ37" s="297">
        <v>0</v>
      </c>
      <c r="DA37" s="301"/>
      <c r="DB37" s="296">
        <v>0</v>
      </c>
      <c r="DC37" s="296">
        <v>0</v>
      </c>
      <c r="DD37" s="296">
        <v>0</v>
      </c>
      <c r="DE37" s="296">
        <v>0</v>
      </c>
      <c r="DF37" s="296">
        <v>0</v>
      </c>
      <c r="DG37" s="299">
        <v>0</v>
      </c>
      <c r="DH37" s="300">
        <v>0</v>
      </c>
      <c r="DI37" s="295">
        <v>0</v>
      </c>
      <c r="DJ37" s="296">
        <v>0</v>
      </c>
      <c r="DK37" s="297">
        <v>0</v>
      </c>
      <c r="DL37" s="298">
        <v>0</v>
      </c>
      <c r="DM37" s="296">
        <v>15821</v>
      </c>
      <c r="DN37" s="296">
        <v>12800</v>
      </c>
      <c r="DO37" s="296">
        <v>91153</v>
      </c>
      <c r="DP37" s="296">
        <v>280171</v>
      </c>
      <c r="DQ37" s="296">
        <v>228299</v>
      </c>
      <c r="DR37" s="299">
        <v>628244</v>
      </c>
      <c r="DS37" s="302">
        <v>628244</v>
      </c>
      <c r="DT37" s="295">
        <v>0</v>
      </c>
      <c r="DU37" s="296">
        <v>0</v>
      </c>
      <c r="DV37" s="297">
        <v>0</v>
      </c>
      <c r="DW37" s="301"/>
      <c r="DX37" s="296">
        <v>0</v>
      </c>
      <c r="DY37" s="296">
        <v>0</v>
      </c>
      <c r="DZ37" s="296">
        <v>79918</v>
      </c>
      <c r="EA37" s="296">
        <v>253234</v>
      </c>
      <c r="EB37" s="296">
        <v>227865</v>
      </c>
      <c r="EC37" s="299">
        <v>561017</v>
      </c>
      <c r="ED37" s="300">
        <v>561017</v>
      </c>
      <c r="EE37" s="295">
        <v>0</v>
      </c>
      <c r="EF37" s="296">
        <v>0</v>
      </c>
      <c r="EG37" s="297">
        <v>0</v>
      </c>
      <c r="EH37" s="301"/>
      <c r="EI37" s="296">
        <v>403</v>
      </c>
      <c r="EJ37" s="296">
        <v>1113</v>
      </c>
      <c r="EK37" s="296">
        <v>1428</v>
      </c>
      <c r="EL37" s="296">
        <v>12338</v>
      </c>
      <c r="EM37" s="296">
        <v>434</v>
      </c>
      <c r="EN37" s="299">
        <v>15716</v>
      </c>
      <c r="EO37" s="300">
        <v>15716</v>
      </c>
      <c r="EP37" s="295">
        <v>0</v>
      </c>
      <c r="EQ37" s="296">
        <v>0</v>
      </c>
      <c r="ER37" s="297">
        <v>0</v>
      </c>
      <c r="ES37" s="301"/>
      <c r="ET37" s="296">
        <v>0</v>
      </c>
      <c r="EU37" s="296">
        <v>0</v>
      </c>
      <c r="EV37" s="296">
        <v>0</v>
      </c>
      <c r="EW37" s="296">
        <v>0</v>
      </c>
      <c r="EX37" s="296">
        <v>0</v>
      </c>
      <c r="EY37" s="299">
        <v>0</v>
      </c>
      <c r="EZ37" s="300">
        <v>0</v>
      </c>
      <c r="FA37" s="295">
        <v>0</v>
      </c>
      <c r="FB37" s="296">
        <v>0</v>
      </c>
      <c r="FC37" s="297">
        <v>0</v>
      </c>
      <c r="FD37" s="301"/>
      <c r="FE37" s="296">
        <v>0</v>
      </c>
      <c r="FF37" s="296">
        <v>11687</v>
      </c>
      <c r="FG37" s="296">
        <v>0</v>
      </c>
      <c r="FH37" s="296">
        <v>0</v>
      </c>
      <c r="FI37" s="296">
        <v>0</v>
      </c>
      <c r="FJ37" s="299">
        <v>11687</v>
      </c>
      <c r="FK37" s="300">
        <v>11687</v>
      </c>
      <c r="FL37" s="295">
        <v>0</v>
      </c>
      <c r="FM37" s="296">
        <v>0</v>
      </c>
      <c r="FN37" s="297">
        <v>0</v>
      </c>
      <c r="FO37" s="301"/>
      <c r="FP37" s="296">
        <v>0</v>
      </c>
      <c r="FQ37" s="296">
        <v>0</v>
      </c>
      <c r="FR37" s="296">
        <v>0</v>
      </c>
      <c r="FS37" s="296">
        <v>0</v>
      </c>
      <c r="FT37" s="296">
        <v>0</v>
      </c>
      <c r="FU37" s="299">
        <v>0</v>
      </c>
      <c r="FV37" s="300">
        <v>0</v>
      </c>
      <c r="FW37" s="295">
        <v>0</v>
      </c>
      <c r="FX37" s="296">
        <v>0</v>
      </c>
      <c r="FY37" s="297">
        <v>0</v>
      </c>
      <c r="FZ37" s="298">
        <v>0</v>
      </c>
      <c r="GA37" s="296">
        <v>15418</v>
      </c>
      <c r="GB37" s="296">
        <v>0</v>
      </c>
      <c r="GC37" s="296">
        <v>9744</v>
      </c>
      <c r="GD37" s="296">
        <v>14550</v>
      </c>
      <c r="GE37" s="296">
        <v>0</v>
      </c>
      <c r="GF37" s="299">
        <v>39712</v>
      </c>
      <c r="GG37" s="300">
        <v>39712</v>
      </c>
      <c r="GH37" s="295">
        <v>0</v>
      </c>
      <c r="GI37" s="296">
        <v>0</v>
      </c>
      <c r="GJ37" s="297">
        <v>0</v>
      </c>
      <c r="GK37" s="298">
        <v>0</v>
      </c>
      <c r="GL37" s="296">
        <v>0</v>
      </c>
      <c r="GM37" s="296">
        <v>0</v>
      </c>
      <c r="GN37" s="296">
        <v>63</v>
      </c>
      <c r="GO37" s="296">
        <v>49</v>
      </c>
      <c r="GP37" s="296">
        <v>0</v>
      </c>
      <c r="GQ37" s="299">
        <v>112</v>
      </c>
      <c r="GR37" s="300">
        <v>112</v>
      </c>
      <c r="GS37" s="295">
        <v>0</v>
      </c>
      <c r="GT37" s="296">
        <v>0</v>
      </c>
      <c r="GU37" s="297">
        <v>0</v>
      </c>
      <c r="GV37" s="298">
        <v>0</v>
      </c>
      <c r="GW37" s="296">
        <v>0</v>
      </c>
      <c r="GX37" s="296">
        <v>0</v>
      </c>
      <c r="GY37" s="296">
        <v>0</v>
      </c>
      <c r="GZ37" s="296">
        <v>0</v>
      </c>
      <c r="HA37" s="296">
        <v>0</v>
      </c>
      <c r="HB37" s="299">
        <v>0</v>
      </c>
      <c r="HC37" s="300">
        <v>0</v>
      </c>
      <c r="HD37" s="295">
        <v>0</v>
      </c>
      <c r="HE37" s="296">
        <v>0</v>
      </c>
      <c r="HF37" s="297">
        <v>0</v>
      </c>
      <c r="HG37" s="301"/>
      <c r="HH37" s="296">
        <v>0</v>
      </c>
      <c r="HI37" s="296">
        <v>0</v>
      </c>
      <c r="HJ37" s="296">
        <v>0</v>
      </c>
      <c r="HK37" s="296">
        <v>0</v>
      </c>
      <c r="HL37" s="296">
        <v>0</v>
      </c>
      <c r="HM37" s="299">
        <v>0</v>
      </c>
      <c r="HN37" s="300">
        <v>0</v>
      </c>
      <c r="HO37" s="295">
        <v>0</v>
      </c>
      <c r="HP37" s="296">
        <v>0</v>
      </c>
      <c r="HQ37" s="297">
        <v>0</v>
      </c>
      <c r="HR37" s="298">
        <v>0</v>
      </c>
      <c r="HS37" s="296">
        <v>53280</v>
      </c>
      <c r="HT37" s="296">
        <v>135815</v>
      </c>
      <c r="HU37" s="296">
        <v>252853</v>
      </c>
      <c r="HV37" s="296">
        <v>579371</v>
      </c>
      <c r="HW37" s="296">
        <v>430579</v>
      </c>
      <c r="HX37" s="299">
        <v>1451898</v>
      </c>
      <c r="HY37" s="300">
        <v>1451898</v>
      </c>
    </row>
    <row r="38" spans="2:233" ht="16.5" customHeight="1" x14ac:dyDescent="0.2">
      <c r="B38" s="293" t="s">
        <v>35</v>
      </c>
      <c r="C38" s="295">
        <v>0</v>
      </c>
      <c r="D38" s="296">
        <v>0</v>
      </c>
      <c r="E38" s="297">
        <v>0</v>
      </c>
      <c r="F38" s="298">
        <v>0</v>
      </c>
      <c r="G38" s="296">
        <v>321215</v>
      </c>
      <c r="H38" s="296">
        <v>435079</v>
      </c>
      <c r="I38" s="296">
        <v>638497</v>
      </c>
      <c r="J38" s="296">
        <v>838203</v>
      </c>
      <c r="K38" s="296">
        <v>483745</v>
      </c>
      <c r="L38" s="299">
        <v>2716739</v>
      </c>
      <c r="M38" s="300">
        <v>2716739</v>
      </c>
      <c r="N38" s="295">
        <v>0</v>
      </c>
      <c r="O38" s="296">
        <v>0</v>
      </c>
      <c r="P38" s="297">
        <v>0</v>
      </c>
      <c r="Q38" s="301"/>
      <c r="R38" s="296">
        <v>59210</v>
      </c>
      <c r="S38" s="296">
        <v>34410</v>
      </c>
      <c r="T38" s="296">
        <v>290750</v>
      </c>
      <c r="U38" s="296">
        <v>544090</v>
      </c>
      <c r="V38" s="296">
        <v>314485</v>
      </c>
      <c r="W38" s="299">
        <v>1242945</v>
      </c>
      <c r="X38" s="300">
        <v>1242945</v>
      </c>
      <c r="Y38" s="295">
        <v>0</v>
      </c>
      <c r="Z38" s="296">
        <v>0</v>
      </c>
      <c r="AA38" s="297">
        <v>0</v>
      </c>
      <c r="AB38" s="301"/>
      <c r="AC38" s="296">
        <v>188535</v>
      </c>
      <c r="AD38" s="296">
        <v>388667</v>
      </c>
      <c r="AE38" s="296">
        <v>220045</v>
      </c>
      <c r="AF38" s="296">
        <v>172890</v>
      </c>
      <c r="AG38" s="296">
        <v>0</v>
      </c>
      <c r="AH38" s="299">
        <v>970137</v>
      </c>
      <c r="AI38" s="300">
        <v>970137</v>
      </c>
      <c r="AJ38" s="295">
        <v>0</v>
      </c>
      <c r="AK38" s="296">
        <v>0</v>
      </c>
      <c r="AL38" s="297">
        <v>0</v>
      </c>
      <c r="AM38" s="301"/>
      <c r="AN38" s="296">
        <v>0</v>
      </c>
      <c r="AO38" s="296">
        <v>0</v>
      </c>
      <c r="AP38" s="296">
        <v>0</v>
      </c>
      <c r="AQ38" s="296">
        <v>0</v>
      </c>
      <c r="AR38" s="296">
        <v>0</v>
      </c>
      <c r="AS38" s="299">
        <v>0</v>
      </c>
      <c r="AT38" s="300">
        <v>0</v>
      </c>
      <c r="AU38" s="295">
        <v>0</v>
      </c>
      <c r="AV38" s="296">
        <v>0</v>
      </c>
      <c r="AW38" s="297">
        <v>0</v>
      </c>
      <c r="AX38" s="301"/>
      <c r="AY38" s="296">
        <v>73470</v>
      </c>
      <c r="AZ38" s="296">
        <v>0</v>
      </c>
      <c r="BA38" s="296">
        <v>73625</v>
      </c>
      <c r="BB38" s="296">
        <v>79605</v>
      </c>
      <c r="BC38" s="296">
        <v>169260</v>
      </c>
      <c r="BD38" s="299">
        <v>395960</v>
      </c>
      <c r="BE38" s="300">
        <v>395960</v>
      </c>
      <c r="BF38" s="295">
        <v>0</v>
      </c>
      <c r="BG38" s="296">
        <v>0</v>
      </c>
      <c r="BH38" s="297">
        <v>0</v>
      </c>
      <c r="BI38" s="301"/>
      <c r="BJ38" s="296">
        <v>0</v>
      </c>
      <c r="BK38" s="296">
        <v>0</v>
      </c>
      <c r="BL38" s="296">
        <v>0</v>
      </c>
      <c r="BM38" s="296">
        <v>0</v>
      </c>
      <c r="BN38" s="296">
        <v>0</v>
      </c>
      <c r="BO38" s="299">
        <v>0</v>
      </c>
      <c r="BP38" s="300">
        <v>0</v>
      </c>
      <c r="BQ38" s="295">
        <v>0</v>
      </c>
      <c r="BR38" s="296">
        <v>0</v>
      </c>
      <c r="BS38" s="297">
        <v>0</v>
      </c>
      <c r="BT38" s="298">
        <v>0</v>
      </c>
      <c r="BU38" s="296">
        <v>0</v>
      </c>
      <c r="BV38" s="296">
        <v>12002</v>
      </c>
      <c r="BW38" s="296">
        <v>52827</v>
      </c>
      <c r="BX38" s="296">
        <v>41618</v>
      </c>
      <c r="BY38" s="296">
        <v>0</v>
      </c>
      <c r="BZ38" s="299">
        <v>106447</v>
      </c>
      <c r="CA38" s="300">
        <v>106447</v>
      </c>
      <c r="CB38" s="295">
        <v>0</v>
      </c>
      <c r="CC38" s="296">
        <v>0</v>
      </c>
      <c r="CD38" s="297">
        <v>0</v>
      </c>
      <c r="CE38" s="298">
        <v>0</v>
      </c>
      <c r="CF38" s="296">
        <v>0</v>
      </c>
      <c r="CG38" s="296">
        <v>0</v>
      </c>
      <c r="CH38" s="296">
        <v>1250</v>
      </c>
      <c r="CI38" s="296">
        <v>0</v>
      </c>
      <c r="CJ38" s="296">
        <v>0</v>
      </c>
      <c r="CK38" s="299">
        <v>1250</v>
      </c>
      <c r="CL38" s="300">
        <v>1250</v>
      </c>
      <c r="CM38" s="295">
        <v>0</v>
      </c>
      <c r="CN38" s="296">
        <v>0</v>
      </c>
      <c r="CO38" s="297">
        <v>0</v>
      </c>
      <c r="CP38" s="298">
        <v>0</v>
      </c>
      <c r="CQ38" s="296">
        <v>0</v>
      </c>
      <c r="CR38" s="296">
        <v>0</v>
      </c>
      <c r="CS38" s="296">
        <v>0</v>
      </c>
      <c r="CT38" s="296">
        <v>0</v>
      </c>
      <c r="CU38" s="296">
        <v>0</v>
      </c>
      <c r="CV38" s="299">
        <v>0</v>
      </c>
      <c r="CW38" s="300">
        <v>0</v>
      </c>
      <c r="CX38" s="295">
        <v>0</v>
      </c>
      <c r="CY38" s="296">
        <v>0</v>
      </c>
      <c r="CZ38" s="297">
        <v>0</v>
      </c>
      <c r="DA38" s="301"/>
      <c r="DB38" s="296">
        <v>0</v>
      </c>
      <c r="DC38" s="296">
        <v>0</v>
      </c>
      <c r="DD38" s="296">
        <v>0</v>
      </c>
      <c r="DE38" s="296">
        <v>0</v>
      </c>
      <c r="DF38" s="296">
        <v>0</v>
      </c>
      <c r="DG38" s="299">
        <v>0</v>
      </c>
      <c r="DH38" s="300">
        <v>0</v>
      </c>
      <c r="DI38" s="295">
        <v>0</v>
      </c>
      <c r="DJ38" s="296">
        <v>0</v>
      </c>
      <c r="DK38" s="297">
        <v>0</v>
      </c>
      <c r="DL38" s="298">
        <v>0</v>
      </c>
      <c r="DM38" s="296">
        <v>65963</v>
      </c>
      <c r="DN38" s="296">
        <v>106931</v>
      </c>
      <c r="DO38" s="296">
        <v>440675</v>
      </c>
      <c r="DP38" s="296">
        <v>628743</v>
      </c>
      <c r="DQ38" s="296">
        <v>365170</v>
      </c>
      <c r="DR38" s="299">
        <v>1607482</v>
      </c>
      <c r="DS38" s="302">
        <v>1607482</v>
      </c>
      <c r="DT38" s="295">
        <v>0</v>
      </c>
      <c r="DU38" s="296">
        <v>0</v>
      </c>
      <c r="DV38" s="297">
        <v>0</v>
      </c>
      <c r="DW38" s="301"/>
      <c r="DX38" s="296">
        <v>41540</v>
      </c>
      <c r="DY38" s="296">
        <v>30070</v>
      </c>
      <c r="DZ38" s="296">
        <v>346577</v>
      </c>
      <c r="EA38" s="296">
        <v>522821</v>
      </c>
      <c r="EB38" s="296">
        <v>317988</v>
      </c>
      <c r="EC38" s="299">
        <v>1258996</v>
      </c>
      <c r="ED38" s="300">
        <v>1258996</v>
      </c>
      <c r="EE38" s="295">
        <v>0</v>
      </c>
      <c r="EF38" s="296">
        <v>0</v>
      </c>
      <c r="EG38" s="297">
        <v>0</v>
      </c>
      <c r="EH38" s="301"/>
      <c r="EI38" s="296">
        <v>12085</v>
      </c>
      <c r="EJ38" s="296">
        <v>49970</v>
      </c>
      <c r="EK38" s="296">
        <v>1953</v>
      </c>
      <c r="EL38" s="296">
        <v>1330</v>
      </c>
      <c r="EM38" s="296">
        <v>0</v>
      </c>
      <c r="EN38" s="299">
        <v>65338</v>
      </c>
      <c r="EO38" s="300">
        <v>65338</v>
      </c>
      <c r="EP38" s="295">
        <v>0</v>
      </c>
      <c r="EQ38" s="296">
        <v>0</v>
      </c>
      <c r="ER38" s="297">
        <v>0</v>
      </c>
      <c r="ES38" s="301"/>
      <c r="ET38" s="296">
        <v>0</v>
      </c>
      <c r="EU38" s="296">
        <v>0</v>
      </c>
      <c r="EV38" s="296">
        <v>0</v>
      </c>
      <c r="EW38" s="296">
        <v>0</v>
      </c>
      <c r="EX38" s="296">
        <v>0</v>
      </c>
      <c r="EY38" s="299">
        <v>0</v>
      </c>
      <c r="EZ38" s="300">
        <v>0</v>
      </c>
      <c r="FA38" s="295">
        <v>0</v>
      </c>
      <c r="FB38" s="296">
        <v>0</v>
      </c>
      <c r="FC38" s="297">
        <v>0</v>
      </c>
      <c r="FD38" s="301"/>
      <c r="FE38" s="296">
        <v>12338</v>
      </c>
      <c r="FF38" s="296">
        <v>0</v>
      </c>
      <c r="FG38" s="296">
        <v>23591</v>
      </c>
      <c r="FH38" s="296">
        <v>23591</v>
      </c>
      <c r="FI38" s="296">
        <v>47182</v>
      </c>
      <c r="FJ38" s="299">
        <v>106702</v>
      </c>
      <c r="FK38" s="300">
        <v>106702</v>
      </c>
      <c r="FL38" s="295">
        <v>0</v>
      </c>
      <c r="FM38" s="296">
        <v>0</v>
      </c>
      <c r="FN38" s="297">
        <v>0</v>
      </c>
      <c r="FO38" s="301"/>
      <c r="FP38" s="296">
        <v>0</v>
      </c>
      <c r="FQ38" s="296">
        <v>0</v>
      </c>
      <c r="FR38" s="296">
        <v>0</v>
      </c>
      <c r="FS38" s="296">
        <v>0</v>
      </c>
      <c r="FT38" s="296">
        <v>0</v>
      </c>
      <c r="FU38" s="299">
        <v>0</v>
      </c>
      <c r="FV38" s="300">
        <v>0</v>
      </c>
      <c r="FW38" s="295">
        <v>0</v>
      </c>
      <c r="FX38" s="296">
        <v>0</v>
      </c>
      <c r="FY38" s="297">
        <v>0</v>
      </c>
      <c r="FZ38" s="298">
        <v>0</v>
      </c>
      <c r="GA38" s="296">
        <v>0</v>
      </c>
      <c r="GB38" s="296">
        <v>26891</v>
      </c>
      <c r="GC38" s="296">
        <v>68526</v>
      </c>
      <c r="GD38" s="296">
        <v>81001</v>
      </c>
      <c r="GE38" s="296">
        <v>0</v>
      </c>
      <c r="GF38" s="299">
        <v>176418</v>
      </c>
      <c r="GG38" s="300">
        <v>176418</v>
      </c>
      <c r="GH38" s="295">
        <v>0</v>
      </c>
      <c r="GI38" s="296">
        <v>0</v>
      </c>
      <c r="GJ38" s="297">
        <v>0</v>
      </c>
      <c r="GK38" s="298">
        <v>0</v>
      </c>
      <c r="GL38" s="296">
        <v>0</v>
      </c>
      <c r="GM38" s="296">
        <v>0</v>
      </c>
      <c r="GN38" s="296">
        <v>28</v>
      </c>
      <c r="GO38" s="296">
        <v>0</v>
      </c>
      <c r="GP38" s="296">
        <v>0</v>
      </c>
      <c r="GQ38" s="299">
        <v>28</v>
      </c>
      <c r="GR38" s="300">
        <v>28</v>
      </c>
      <c r="GS38" s="295">
        <v>0</v>
      </c>
      <c r="GT38" s="296">
        <v>0</v>
      </c>
      <c r="GU38" s="297">
        <v>0</v>
      </c>
      <c r="GV38" s="298">
        <v>0</v>
      </c>
      <c r="GW38" s="296">
        <v>0</v>
      </c>
      <c r="GX38" s="296">
        <v>0</v>
      </c>
      <c r="GY38" s="296">
        <v>0</v>
      </c>
      <c r="GZ38" s="296">
        <v>0</v>
      </c>
      <c r="HA38" s="296">
        <v>0</v>
      </c>
      <c r="HB38" s="299">
        <v>0</v>
      </c>
      <c r="HC38" s="300">
        <v>0</v>
      </c>
      <c r="HD38" s="295">
        <v>0</v>
      </c>
      <c r="HE38" s="296">
        <v>0</v>
      </c>
      <c r="HF38" s="297">
        <v>0</v>
      </c>
      <c r="HG38" s="301"/>
      <c r="HH38" s="296">
        <v>0</v>
      </c>
      <c r="HI38" s="296">
        <v>0</v>
      </c>
      <c r="HJ38" s="296">
        <v>0</v>
      </c>
      <c r="HK38" s="296">
        <v>0</v>
      </c>
      <c r="HL38" s="296">
        <v>0</v>
      </c>
      <c r="HM38" s="299">
        <v>0</v>
      </c>
      <c r="HN38" s="300">
        <v>0</v>
      </c>
      <c r="HO38" s="295">
        <v>0</v>
      </c>
      <c r="HP38" s="296">
        <v>0</v>
      </c>
      <c r="HQ38" s="297">
        <v>0</v>
      </c>
      <c r="HR38" s="298">
        <v>0</v>
      </c>
      <c r="HS38" s="296">
        <v>387178</v>
      </c>
      <c r="HT38" s="296">
        <v>542010</v>
      </c>
      <c r="HU38" s="296">
        <v>1079172</v>
      </c>
      <c r="HV38" s="296">
        <v>1466946</v>
      </c>
      <c r="HW38" s="296">
        <v>848915</v>
      </c>
      <c r="HX38" s="299">
        <v>4324221</v>
      </c>
      <c r="HY38" s="300">
        <v>4324221</v>
      </c>
    </row>
    <row r="39" spans="2:233" ht="16.5" customHeight="1" x14ac:dyDescent="0.2">
      <c r="B39" s="293" t="s">
        <v>36</v>
      </c>
      <c r="C39" s="295">
        <v>0</v>
      </c>
      <c r="D39" s="296">
        <v>0</v>
      </c>
      <c r="E39" s="297">
        <v>0</v>
      </c>
      <c r="F39" s="298">
        <v>0</v>
      </c>
      <c r="G39" s="296">
        <v>153275</v>
      </c>
      <c r="H39" s="296">
        <v>252570</v>
      </c>
      <c r="I39" s="296">
        <v>812525</v>
      </c>
      <c r="J39" s="296">
        <v>1020907</v>
      </c>
      <c r="K39" s="296">
        <v>615692</v>
      </c>
      <c r="L39" s="299">
        <v>2854969</v>
      </c>
      <c r="M39" s="300">
        <v>2854969</v>
      </c>
      <c r="N39" s="295">
        <v>0</v>
      </c>
      <c r="O39" s="296">
        <v>0</v>
      </c>
      <c r="P39" s="297">
        <v>0</v>
      </c>
      <c r="Q39" s="301"/>
      <c r="R39" s="296">
        <v>0</v>
      </c>
      <c r="S39" s="296">
        <v>32705</v>
      </c>
      <c r="T39" s="296">
        <v>541310</v>
      </c>
      <c r="U39" s="296">
        <v>653390</v>
      </c>
      <c r="V39" s="296">
        <v>490865</v>
      </c>
      <c r="W39" s="299">
        <v>1718270</v>
      </c>
      <c r="X39" s="300">
        <v>1718270</v>
      </c>
      <c r="Y39" s="295">
        <v>0</v>
      </c>
      <c r="Z39" s="296">
        <v>0</v>
      </c>
      <c r="AA39" s="297">
        <v>0</v>
      </c>
      <c r="AB39" s="301"/>
      <c r="AC39" s="296">
        <v>144595</v>
      </c>
      <c r="AD39" s="296">
        <v>171585</v>
      </c>
      <c r="AE39" s="296">
        <v>249705</v>
      </c>
      <c r="AF39" s="296">
        <v>333252</v>
      </c>
      <c r="AG39" s="296">
        <v>93442</v>
      </c>
      <c r="AH39" s="299">
        <v>992579</v>
      </c>
      <c r="AI39" s="300">
        <v>992579</v>
      </c>
      <c r="AJ39" s="295">
        <v>0</v>
      </c>
      <c r="AK39" s="296">
        <v>0</v>
      </c>
      <c r="AL39" s="297">
        <v>0</v>
      </c>
      <c r="AM39" s="301"/>
      <c r="AN39" s="296">
        <v>0</v>
      </c>
      <c r="AO39" s="296">
        <v>0</v>
      </c>
      <c r="AP39" s="296">
        <v>0</v>
      </c>
      <c r="AQ39" s="296">
        <v>0</v>
      </c>
      <c r="AR39" s="296">
        <v>0</v>
      </c>
      <c r="AS39" s="299">
        <v>0</v>
      </c>
      <c r="AT39" s="300">
        <v>0</v>
      </c>
      <c r="AU39" s="295">
        <v>0</v>
      </c>
      <c r="AV39" s="296">
        <v>0</v>
      </c>
      <c r="AW39" s="297">
        <v>0</v>
      </c>
      <c r="AX39" s="301"/>
      <c r="AY39" s="296">
        <v>0</v>
      </c>
      <c r="AZ39" s="296">
        <v>0</v>
      </c>
      <c r="BA39" s="296">
        <v>0</v>
      </c>
      <c r="BB39" s="296">
        <v>29915</v>
      </c>
      <c r="BC39" s="296">
        <v>0</v>
      </c>
      <c r="BD39" s="299">
        <v>29915</v>
      </c>
      <c r="BE39" s="300">
        <v>29915</v>
      </c>
      <c r="BF39" s="295">
        <v>0</v>
      </c>
      <c r="BG39" s="296">
        <v>0</v>
      </c>
      <c r="BH39" s="297">
        <v>0</v>
      </c>
      <c r="BI39" s="301"/>
      <c r="BJ39" s="296">
        <v>0</v>
      </c>
      <c r="BK39" s="296">
        <v>0</v>
      </c>
      <c r="BL39" s="296">
        <v>0</v>
      </c>
      <c r="BM39" s="296">
        <v>0</v>
      </c>
      <c r="BN39" s="296">
        <v>0</v>
      </c>
      <c r="BO39" s="299">
        <v>0</v>
      </c>
      <c r="BP39" s="300">
        <v>0</v>
      </c>
      <c r="BQ39" s="295">
        <v>0</v>
      </c>
      <c r="BR39" s="296">
        <v>0</v>
      </c>
      <c r="BS39" s="297">
        <v>0</v>
      </c>
      <c r="BT39" s="298">
        <v>0</v>
      </c>
      <c r="BU39" s="296">
        <v>8680</v>
      </c>
      <c r="BV39" s="296">
        <v>48280</v>
      </c>
      <c r="BW39" s="296">
        <v>21510</v>
      </c>
      <c r="BX39" s="296">
        <v>4350</v>
      </c>
      <c r="BY39" s="296">
        <v>31385</v>
      </c>
      <c r="BZ39" s="299">
        <v>114205</v>
      </c>
      <c r="CA39" s="300">
        <v>114205</v>
      </c>
      <c r="CB39" s="295">
        <v>0</v>
      </c>
      <c r="CC39" s="296">
        <v>0</v>
      </c>
      <c r="CD39" s="297">
        <v>0</v>
      </c>
      <c r="CE39" s="298">
        <v>0</v>
      </c>
      <c r="CF39" s="296">
        <v>0</v>
      </c>
      <c r="CG39" s="296">
        <v>0</v>
      </c>
      <c r="CH39" s="296">
        <v>0</v>
      </c>
      <c r="CI39" s="296">
        <v>0</v>
      </c>
      <c r="CJ39" s="296">
        <v>0</v>
      </c>
      <c r="CK39" s="299">
        <v>0</v>
      </c>
      <c r="CL39" s="300">
        <v>0</v>
      </c>
      <c r="CM39" s="295">
        <v>0</v>
      </c>
      <c r="CN39" s="296">
        <v>0</v>
      </c>
      <c r="CO39" s="297">
        <v>0</v>
      </c>
      <c r="CP39" s="298">
        <v>0</v>
      </c>
      <c r="CQ39" s="296">
        <v>0</v>
      </c>
      <c r="CR39" s="296">
        <v>0</v>
      </c>
      <c r="CS39" s="296">
        <v>0</v>
      </c>
      <c r="CT39" s="296">
        <v>0</v>
      </c>
      <c r="CU39" s="296">
        <v>0</v>
      </c>
      <c r="CV39" s="299">
        <v>0</v>
      </c>
      <c r="CW39" s="300">
        <v>0</v>
      </c>
      <c r="CX39" s="295">
        <v>0</v>
      </c>
      <c r="CY39" s="296">
        <v>0</v>
      </c>
      <c r="CZ39" s="297">
        <v>0</v>
      </c>
      <c r="DA39" s="301"/>
      <c r="DB39" s="296">
        <v>0</v>
      </c>
      <c r="DC39" s="296">
        <v>0</v>
      </c>
      <c r="DD39" s="296">
        <v>0</v>
      </c>
      <c r="DE39" s="296">
        <v>0</v>
      </c>
      <c r="DF39" s="296">
        <v>0</v>
      </c>
      <c r="DG39" s="299">
        <v>0</v>
      </c>
      <c r="DH39" s="300">
        <v>0</v>
      </c>
      <c r="DI39" s="295">
        <v>0</v>
      </c>
      <c r="DJ39" s="296">
        <v>0</v>
      </c>
      <c r="DK39" s="297">
        <v>0</v>
      </c>
      <c r="DL39" s="298">
        <v>0</v>
      </c>
      <c r="DM39" s="296">
        <v>8531</v>
      </c>
      <c r="DN39" s="296">
        <v>95546</v>
      </c>
      <c r="DO39" s="296">
        <v>661150</v>
      </c>
      <c r="DP39" s="296">
        <v>905164</v>
      </c>
      <c r="DQ39" s="296">
        <v>746235</v>
      </c>
      <c r="DR39" s="299">
        <v>2416626</v>
      </c>
      <c r="DS39" s="302">
        <v>2416626</v>
      </c>
      <c r="DT39" s="295">
        <v>0</v>
      </c>
      <c r="DU39" s="296">
        <v>0</v>
      </c>
      <c r="DV39" s="297">
        <v>0</v>
      </c>
      <c r="DW39" s="301"/>
      <c r="DX39" s="296">
        <v>0</v>
      </c>
      <c r="DY39" s="296">
        <v>15035</v>
      </c>
      <c r="DZ39" s="296">
        <v>592287</v>
      </c>
      <c r="EA39" s="296">
        <v>851597</v>
      </c>
      <c r="EB39" s="296">
        <v>706638</v>
      </c>
      <c r="EC39" s="299">
        <v>2165557</v>
      </c>
      <c r="ED39" s="300">
        <v>2165557</v>
      </c>
      <c r="EE39" s="295">
        <v>0</v>
      </c>
      <c r="EF39" s="296">
        <v>0</v>
      </c>
      <c r="EG39" s="297">
        <v>0</v>
      </c>
      <c r="EH39" s="301"/>
      <c r="EI39" s="296">
        <v>2226</v>
      </c>
      <c r="EJ39" s="296">
        <v>24893</v>
      </c>
      <c r="EK39" s="296">
        <v>4557</v>
      </c>
      <c r="EL39" s="296">
        <v>25076</v>
      </c>
      <c r="EM39" s="296">
        <v>1729</v>
      </c>
      <c r="EN39" s="299">
        <v>58481</v>
      </c>
      <c r="EO39" s="300">
        <v>58481</v>
      </c>
      <c r="EP39" s="295">
        <v>0</v>
      </c>
      <c r="EQ39" s="296">
        <v>0</v>
      </c>
      <c r="ER39" s="297">
        <v>0</v>
      </c>
      <c r="ES39" s="301"/>
      <c r="ET39" s="296">
        <v>0</v>
      </c>
      <c r="EU39" s="296">
        <v>0</v>
      </c>
      <c r="EV39" s="296">
        <v>0</v>
      </c>
      <c r="EW39" s="296">
        <v>0</v>
      </c>
      <c r="EX39" s="296">
        <v>0</v>
      </c>
      <c r="EY39" s="299">
        <v>0</v>
      </c>
      <c r="EZ39" s="300">
        <v>0</v>
      </c>
      <c r="FA39" s="295">
        <v>0</v>
      </c>
      <c r="FB39" s="296">
        <v>0</v>
      </c>
      <c r="FC39" s="297">
        <v>0</v>
      </c>
      <c r="FD39" s="301"/>
      <c r="FE39" s="296">
        <v>0</v>
      </c>
      <c r="FF39" s="296">
        <v>0</v>
      </c>
      <c r="FG39" s="296">
        <v>0</v>
      </c>
      <c r="FH39" s="296">
        <v>651</v>
      </c>
      <c r="FI39" s="296">
        <v>0</v>
      </c>
      <c r="FJ39" s="299">
        <v>651</v>
      </c>
      <c r="FK39" s="300">
        <v>651</v>
      </c>
      <c r="FL39" s="295">
        <v>0</v>
      </c>
      <c r="FM39" s="296">
        <v>0</v>
      </c>
      <c r="FN39" s="297">
        <v>0</v>
      </c>
      <c r="FO39" s="301"/>
      <c r="FP39" s="296">
        <v>0</v>
      </c>
      <c r="FQ39" s="296">
        <v>0</v>
      </c>
      <c r="FR39" s="296">
        <v>0</v>
      </c>
      <c r="FS39" s="296">
        <v>0</v>
      </c>
      <c r="FT39" s="296">
        <v>0</v>
      </c>
      <c r="FU39" s="299">
        <v>0</v>
      </c>
      <c r="FV39" s="300">
        <v>0</v>
      </c>
      <c r="FW39" s="295">
        <v>0</v>
      </c>
      <c r="FX39" s="296">
        <v>0</v>
      </c>
      <c r="FY39" s="297">
        <v>0</v>
      </c>
      <c r="FZ39" s="298">
        <v>0</v>
      </c>
      <c r="GA39" s="296">
        <v>6305</v>
      </c>
      <c r="GB39" s="296">
        <v>55618</v>
      </c>
      <c r="GC39" s="296">
        <v>64306</v>
      </c>
      <c r="GD39" s="296">
        <v>27840</v>
      </c>
      <c r="GE39" s="296">
        <v>37868</v>
      </c>
      <c r="GF39" s="299">
        <v>191937</v>
      </c>
      <c r="GG39" s="300">
        <v>191937</v>
      </c>
      <c r="GH39" s="295">
        <v>0</v>
      </c>
      <c r="GI39" s="296">
        <v>0</v>
      </c>
      <c r="GJ39" s="297">
        <v>0</v>
      </c>
      <c r="GK39" s="298">
        <v>0</v>
      </c>
      <c r="GL39" s="296">
        <v>0</v>
      </c>
      <c r="GM39" s="296">
        <v>0</v>
      </c>
      <c r="GN39" s="296">
        <v>0</v>
      </c>
      <c r="GO39" s="296">
        <v>0</v>
      </c>
      <c r="GP39" s="296">
        <v>0</v>
      </c>
      <c r="GQ39" s="299">
        <v>0</v>
      </c>
      <c r="GR39" s="300">
        <v>0</v>
      </c>
      <c r="GS39" s="295">
        <v>0</v>
      </c>
      <c r="GT39" s="296">
        <v>0</v>
      </c>
      <c r="GU39" s="297">
        <v>0</v>
      </c>
      <c r="GV39" s="298">
        <v>0</v>
      </c>
      <c r="GW39" s="296">
        <v>0</v>
      </c>
      <c r="GX39" s="296">
        <v>0</v>
      </c>
      <c r="GY39" s="296">
        <v>0</v>
      </c>
      <c r="GZ39" s="296">
        <v>0</v>
      </c>
      <c r="HA39" s="296">
        <v>0</v>
      </c>
      <c r="HB39" s="299">
        <v>0</v>
      </c>
      <c r="HC39" s="300">
        <v>0</v>
      </c>
      <c r="HD39" s="295">
        <v>0</v>
      </c>
      <c r="HE39" s="296">
        <v>0</v>
      </c>
      <c r="HF39" s="297">
        <v>0</v>
      </c>
      <c r="HG39" s="301"/>
      <c r="HH39" s="296">
        <v>0</v>
      </c>
      <c r="HI39" s="296">
        <v>0</v>
      </c>
      <c r="HJ39" s="296">
        <v>0</v>
      </c>
      <c r="HK39" s="296">
        <v>0</v>
      </c>
      <c r="HL39" s="296">
        <v>0</v>
      </c>
      <c r="HM39" s="299">
        <v>0</v>
      </c>
      <c r="HN39" s="300">
        <v>0</v>
      </c>
      <c r="HO39" s="295">
        <v>0</v>
      </c>
      <c r="HP39" s="296">
        <v>0</v>
      </c>
      <c r="HQ39" s="297">
        <v>0</v>
      </c>
      <c r="HR39" s="298">
        <v>0</v>
      </c>
      <c r="HS39" s="296">
        <v>161806</v>
      </c>
      <c r="HT39" s="296">
        <v>348116</v>
      </c>
      <c r="HU39" s="296">
        <v>1473675</v>
      </c>
      <c r="HV39" s="296">
        <v>1926071</v>
      </c>
      <c r="HW39" s="296">
        <v>1361927</v>
      </c>
      <c r="HX39" s="299">
        <v>5271595</v>
      </c>
      <c r="HY39" s="300">
        <v>5271595</v>
      </c>
    </row>
    <row r="40" spans="2:233" ht="16.5" customHeight="1" thickBot="1" x14ac:dyDescent="0.25">
      <c r="B40" s="294" t="s">
        <v>37</v>
      </c>
      <c r="C40" s="303">
        <v>0</v>
      </c>
      <c r="D40" s="304">
        <v>0</v>
      </c>
      <c r="E40" s="305">
        <v>0</v>
      </c>
      <c r="F40" s="306">
        <v>0</v>
      </c>
      <c r="G40" s="304">
        <v>2535</v>
      </c>
      <c r="H40" s="304">
        <v>2890</v>
      </c>
      <c r="I40" s="304">
        <v>49185</v>
      </c>
      <c r="J40" s="304">
        <v>37975</v>
      </c>
      <c r="K40" s="304">
        <v>35340</v>
      </c>
      <c r="L40" s="307">
        <v>127925</v>
      </c>
      <c r="M40" s="308">
        <v>127925</v>
      </c>
      <c r="N40" s="303">
        <v>0</v>
      </c>
      <c r="O40" s="304">
        <v>0</v>
      </c>
      <c r="P40" s="305">
        <v>0</v>
      </c>
      <c r="Q40" s="309"/>
      <c r="R40" s="304">
        <v>0</v>
      </c>
      <c r="S40" s="304">
        <v>0</v>
      </c>
      <c r="T40" s="304">
        <v>40610</v>
      </c>
      <c r="U40" s="304">
        <v>36105</v>
      </c>
      <c r="V40" s="304">
        <v>35340</v>
      </c>
      <c r="W40" s="307">
        <v>112055</v>
      </c>
      <c r="X40" s="308">
        <v>112055</v>
      </c>
      <c r="Y40" s="303">
        <v>0</v>
      </c>
      <c r="Z40" s="304">
        <v>0</v>
      </c>
      <c r="AA40" s="305">
        <v>0</v>
      </c>
      <c r="AB40" s="309"/>
      <c r="AC40" s="304">
        <v>0</v>
      </c>
      <c r="AD40" s="304">
        <v>2635</v>
      </c>
      <c r="AE40" s="304">
        <v>2635</v>
      </c>
      <c r="AF40" s="304">
        <v>1870</v>
      </c>
      <c r="AG40" s="304">
        <v>0</v>
      </c>
      <c r="AH40" s="307">
        <v>7140</v>
      </c>
      <c r="AI40" s="308">
        <v>7140</v>
      </c>
      <c r="AJ40" s="303">
        <v>0</v>
      </c>
      <c r="AK40" s="304">
        <v>0</v>
      </c>
      <c r="AL40" s="305">
        <v>0</v>
      </c>
      <c r="AM40" s="309"/>
      <c r="AN40" s="304">
        <v>0</v>
      </c>
      <c r="AO40" s="304">
        <v>0</v>
      </c>
      <c r="AP40" s="304">
        <v>0</v>
      </c>
      <c r="AQ40" s="304">
        <v>0</v>
      </c>
      <c r="AR40" s="304">
        <v>0</v>
      </c>
      <c r="AS40" s="307">
        <v>0</v>
      </c>
      <c r="AT40" s="308">
        <v>0</v>
      </c>
      <c r="AU40" s="303">
        <v>0</v>
      </c>
      <c r="AV40" s="304">
        <v>0</v>
      </c>
      <c r="AW40" s="305">
        <v>0</v>
      </c>
      <c r="AX40" s="309"/>
      <c r="AY40" s="304">
        <v>0</v>
      </c>
      <c r="AZ40" s="304">
        <v>0</v>
      </c>
      <c r="BA40" s="304">
        <v>0</v>
      </c>
      <c r="BB40" s="304">
        <v>0</v>
      </c>
      <c r="BC40" s="304">
        <v>0</v>
      </c>
      <c r="BD40" s="307">
        <v>0</v>
      </c>
      <c r="BE40" s="308">
        <v>0</v>
      </c>
      <c r="BF40" s="303">
        <v>0</v>
      </c>
      <c r="BG40" s="304">
        <v>0</v>
      </c>
      <c r="BH40" s="305">
        <v>0</v>
      </c>
      <c r="BI40" s="309"/>
      <c r="BJ40" s="304">
        <v>0</v>
      </c>
      <c r="BK40" s="304">
        <v>0</v>
      </c>
      <c r="BL40" s="304">
        <v>0</v>
      </c>
      <c r="BM40" s="304">
        <v>0</v>
      </c>
      <c r="BN40" s="304">
        <v>0</v>
      </c>
      <c r="BO40" s="307">
        <v>0</v>
      </c>
      <c r="BP40" s="308">
        <v>0</v>
      </c>
      <c r="BQ40" s="303">
        <v>0</v>
      </c>
      <c r="BR40" s="304">
        <v>0</v>
      </c>
      <c r="BS40" s="305">
        <v>0</v>
      </c>
      <c r="BT40" s="306">
        <v>0</v>
      </c>
      <c r="BU40" s="304">
        <v>0</v>
      </c>
      <c r="BV40" s="304">
        <v>255</v>
      </c>
      <c r="BW40" s="304">
        <v>5940</v>
      </c>
      <c r="BX40" s="304">
        <v>0</v>
      </c>
      <c r="BY40" s="304">
        <v>0</v>
      </c>
      <c r="BZ40" s="307">
        <v>6195</v>
      </c>
      <c r="CA40" s="308">
        <v>6195</v>
      </c>
      <c r="CB40" s="303">
        <v>0</v>
      </c>
      <c r="CC40" s="304">
        <v>0</v>
      </c>
      <c r="CD40" s="305">
        <v>0</v>
      </c>
      <c r="CE40" s="306">
        <v>0</v>
      </c>
      <c r="CF40" s="304">
        <v>2535</v>
      </c>
      <c r="CG40" s="304">
        <v>0</v>
      </c>
      <c r="CH40" s="304">
        <v>0</v>
      </c>
      <c r="CI40" s="304">
        <v>0</v>
      </c>
      <c r="CJ40" s="304">
        <v>0</v>
      </c>
      <c r="CK40" s="307">
        <v>2535</v>
      </c>
      <c r="CL40" s="308">
        <v>2535</v>
      </c>
      <c r="CM40" s="303">
        <v>0</v>
      </c>
      <c r="CN40" s="304">
        <v>0</v>
      </c>
      <c r="CO40" s="305">
        <v>0</v>
      </c>
      <c r="CP40" s="306">
        <v>0</v>
      </c>
      <c r="CQ40" s="304">
        <v>0</v>
      </c>
      <c r="CR40" s="304">
        <v>0</v>
      </c>
      <c r="CS40" s="304">
        <v>0</v>
      </c>
      <c r="CT40" s="304">
        <v>0</v>
      </c>
      <c r="CU40" s="304">
        <v>0</v>
      </c>
      <c r="CV40" s="307">
        <v>0</v>
      </c>
      <c r="CW40" s="308">
        <v>0</v>
      </c>
      <c r="CX40" s="303">
        <v>0</v>
      </c>
      <c r="CY40" s="304">
        <v>0</v>
      </c>
      <c r="CZ40" s="305">
        <v>0</v>
      </c>
      <c r="DA40" s="309"/>
      <c r="DB40" s="304">
        <v>0</v>
      </c>
      <c r="DC40" s="304">
        <v>0</v>
      </c>
      <c r="DD40" s="304">
        <v>0</v>
      </c>
      <c r="DE40" s="304">
        <v>0</v>
      </c>
      <c r="DF40" s="304">
        <v>0</v>
      </c>
      <c r="DG40" s="307">
        <v>0</v>
      </c>
      <c r="DH40" s="308">
        <v>0</v>
      </c>
      <c r="DI40" s="303">
        <v>0</v>
      </c>
      <c r="DJ40" s="304">
        <v>0</v>
      </c>
      <c r="DK40" s="305">
        <v>0</v>
      </c>
      <c r="DL40" s="306">
        <v>0</v>
      </c>
      <c r="DM40" s="304">
        <v>21</v>
      </c>
      <c r="DN40" s="304">
        <v>1270</v>
      </c>
      <c r="DO40" s="304">
        <v>96259</v>
      </c>
      <c r="DP40" s="304">
        <v>58226</v>
      </c>
      <c r="DQ40" s="304">
        <v>30070</v>
      </c>
      <c r="DR40" s="307">
        <v>185846</v>
      </c>
      <c r="DS40" s="310">
        <v>185846</v>
      </c>
      <c r="DT40" s="303">
        <v>0</v>
      </c>
      <c r="DU40" s="304">
        <v>0</v>
      </c>
      <c r="DV40" s="305">
        <v>0</v>
      </c>
      <c r="DW40" s="309"/>
      <c r="DX40" s="304">
        <v>0</v>
      </c>
      <c r="DY40" s="304">
        <v>0</v>
      </c>
      <c r="DZ40" s="304">
        <v>73222</v>
      </c>
      <c r="EA40" s="304">
        <v>58065</v>
      </c>
      <c r="EB40" s="304">
        <v>30070</v>
      </c>
      <c r="EC40" s="307">
        <v>161357</v>
      </c>
      <c r="ED40" s="308">
        <v>161357</v>
      </c>
      <c r="EE40" s="303">
        <v>0</v>
      </c>
      <c r="EF40" s="304">
        <v>0</v>
      </c>
      <c r="EG40" s="305">
        <v>0</v>
      </c>
      <c r="EH40" s="309"/>
      <c r="EI40" s="304">
        <v>0</v>
      </c>
      <c r="EJ40" s="304">
        <v>217</v>
      </c>
      <c r="EK40" s="304">
        <v>217</v>
      </c>
      <c r="EL40" s="304">
        <v>161</v>
      </c>
      <c r="EM40" s="304">
        <v>0</v>
      </c>
      <c r="EN40" s="307">
        <v>595</v>
      </c>
      <c r="EO40" s="308">
        <v>595</v>
      </c>
      <c r="EP40" s="303">
        <v>0</v>
      </c>
      <c r="EQ40" s="304">
        <v>0</v>
      </c>
      <c r="ER40" s="305">
        <v>0</v>
      </c>
      <c r="ES40" s="309"/>
      <c r="ET40" s="304">
        <v>0</v>
      </c>
      <c r="EU40" s="304">
        <v>0</v>
      </c>
      <c r="EV40" s="304">
        <v>0</v>
      </c>
      <c r="EW40" s="304">
        <v>0</v>
      </c>
      <c r="EX40" s="304">
        <v>0</v>
      </c>
      <c r="EY40" s="307">
        <v>0</v>
      </c>
      <c r="EZ40" s="308">
        <v>0</v>
      </c>
      <c r="FA40" s="303">
        <v>0</v>
      </c>
      <c r="FB40" s="304">
        <v>0</v>
      </c>
      <c r="FC40" s="305">
        <v>0</v>
      </c>
      <c r="FD40" s="309"/>
      <c r="FE40" s="304">
        <v>0</v>
      </c>
      <c r="FF40" s="304">
        <v>0</v>
      </c>
      <c r="FG40" s="304">
        <v>0</v>
      </c>
      <c r="FH40" s="304">
        <v>0</v>
      </c>
      <c r="FI40" s="304">
        <v>0</v>
      </c>
      <c r="FJ40" s="307">
        <v>0</v>
      </c>
      <c r="FK40" s="308">
        <v>0</v>
      </c>
      <c r="FL40" s="303">
        <v>0</v>
      </c>
      <c r="FM40" s="304">
        <v>0</v>
      </c>
      <c r="FN40" s="305">
        <v>0</v>
      </c>
      <c r="FO40" s="309"/>
      <c r="FP40" s="304">
        <v>0</v>
      </c>
      <c r="FQ40" s="304">
        <v>0</v>
      </c>
      <c r="FR40" s="304">
        <v>0</v>
      </c>
      <c r="FS40" s="304">
        <v>0</v>
      </c>
      <c r="FT40" s="304">
        <v>0</v>
      </c>
      <c r="FU40" s="307">
        <v>0</v>
      </c>
      <c r="FV40" s="308">
        <v>0</v>
      </c>
      <c r="FW40" s="303">
        <v>0</v>
      </c>
      <c r="FX40" s="304">
        <v>0</v>
      </c>
      <c r="FY40" s="305">
        <v>0</v>
      </c>
      <c r="FZ40" s="306">
        <v>0</v>
      </c>
      <c r="GA40" s="304">
        <v>0</v>
      </c>
      <c r="GB40" s="304">
        <v>1053</v>
      </c>
      <c r="GC40" s="304">
        <v>22820</v>
      </c>
      <c r="GD40" s="304">
        <v>0</v>
      </c>
      <c r="GE40" s="304">
        <v>0</v>
      </c>
      <c r="GF40" s="307">
        <v>23873</v>
      </c>
      <c r="GG40" s="308">
        <v>23873</v>
      </c>
      <c r="GH40" s="303">
        <v>0</v>
      </c>
      <c r="GI40" s="304">
        <v>0</v>
      </c>
      <c r="GJ40" s="305">
        <v>0</v>
      </c>
      <c r="GK40" s="306">
        <v>0</v>
      </c>
      <c r="GL40" s="304">
        <v>21</v>
      </c>
      <c r="GM40" s="304">
        <v>0</v>
      </c>
      <c r="GN40" s="304">
        <v>0</v>
      </c>
      <c r="GO40" s="304">
        <v>0</v>
      </c>
      <c r="GP40" s="304">
        <v>0</v>
      </c>
      <c r="GQ40" s="307">
        <v>21</v>
      </c>
      <c r="GR40" s="308">
        <v>21</v>
      </c>
      <c r="GS40" s="303">
        <v>0</v>
      </c>
      <c r="GT40" s="304">
        <v>0</v>
      </c>
      <c r="GU40" s="305">
        <v>0</v>
      </c>
      <c r="GV40" s="306">
        <v>0</v>
      </c>
      <c r="GW40" s="304">
        <v>0</v>
      </c>
      <c r="GX40" s="304">
        <v>0</v>
      </c>
      <c r="GY40" s="304">
        <v>0</v>
      </c>
      <c r="GZ40" s="304">
        <v>0</v>
      </c>
      <c r="HA40" s="304">
        <v>0</v>
      </c>
      <c r="HB40" s="307">
        <v>0</v>
      </c>
      <c r="HC40" s="308">
        <v>0</v>
      </c>
      <c r="HD40" s="303">
        <v>0</v>
      </c>
      <c r="HE40" s="304">
        <v>0</v>
      </c>
      <c r="HF40" s="305">
        <v>0</v>
      </c>
      <c r="HG40" s="309"/>
      <c r="HH40" s="304">
        <v>0</v>
      </c>
      <c r="HI40" s="304">
        <v>0</v>
      </c>
      <c r="HJ40" s="304">
        <v>0</v>
      </c>
      <c r="HK40" s="304">
        <v>0</v>
      </c>
      <c r="HL40" s="304">
        <v>0</v>
      </c>
      <c r="HM40" s="307">
        <v>0</v>
      </c>
      <c r="HN40" s="308">
        <v>0</v>
      </c>
      <c r="HO40" s="303">
        <v>0</v>
      </c>
      <c r="HP40" s="304">
        <v>0</v>
      </c>
      <c r="HQ40" s="305">
        <v>0</v>
      </c>
      <c r="HR40" s="306">
        <v>0</v>
      </c>
      <c r="HS40" s="304">
        <v>2556</v>
      </c>
      <c r="HT40" s="304">
        <v>4160</v>
      </c>
      <c r="HU40" s="304">
        <v>145444</v>
      </c>
      <c r="HV40" s="304">
        <v>96201</v>
      </c>
      <c r="HW40" s="304">
        <v>65410</v>
      </c>
      <c r="HX40" s="307">
        <v>313771</v>
      </c>
      <c r="HY40" s="308">
        <v>313771</v>
      </c>
    </row>
    <row r="41" spans="2:233" x14ac:dyDescent="0.2">
      <c r="B41" s="1" t="s">
        <v>84</v>
      </c>
    </row>
  </sheetData>
  <mergeCells count="88">
    <mergeCell ref="HY5:HY6"/>
    <mergeCell ref="GG5:GG6"/>
    <mergeCell ref="GH5:GJ5"/>
    <mergeCell ref="GK5:GQ5"/>
    <mergeCell ref="GR5:GR6"/>
    <mergeCell ref="GS5:GU5"/>
    <mergeCell ref="GV5:HB5"/>
    <mergeCell ref="HD5:HF5"/>
    <mergeCell ref="HG5:HM5"/>
    <mergeCell ref="HN5:HN6"/>
    <mergeCell ref="FD5:FJ5"/>
    <mergeCell ref="FK5:FK6"/>
    <mergeCell ref="HC5:HC6"/>
    <mergeCell ref="HO5:HQ5"/>
    <mergeCell ref="HR5:HX5"/>
    <mergeCell ref="CX5:CZ5"/>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BQ5:BS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G1:H1"/>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C5:E5"/>
    <mergeCell ref="F5:L5"/>
    <mergeCell ref="M5:M6"/>
    <mergeCell ref="N5:P5"/>
    <mergeCell ref="Q5:W5"/>
    <mergeCell ref="CX4:DH4"/>
    <mergeCell ref="C3:DH3"/>
    <mergeCell ref="FA4:FK4"/>
    <mergeCell ref="DI4:DS4"/>
    <mergeCell ref="DT4:ED4"/>
    <mergeCell ref="C4:M4"/>
    <mergeCell ref="N4:X4"/>
    <mergeCell ref="Y4:AI4"/>
    <mergeCell ref="AJ4:AT4"/>
    <mergeCell ref="BF4:BP4"/>
    <mergeCell ref="AU4:BE4"/>
    <mergeCell ref="HD4:HN4"/>
    <mergeCell ref="DI3:HN3"/>
    <mergeCell ref="EP4:EZ4"/>
    <mergeCell ref="FL4:FV4"/>
    <mergeCell ref="HO3:HY4"/>
    <mergeCell ref="EE4:EO4"/>
    <mergeCell ref="FW4:GG4"/>
    <mergeCell ref="GH4:GR4"/>
    <mergeCell ref="GS4:HC4"/>
  </mergeCells>
  <phoneticPr fontId="4"/>
  <pageMargins left="0.70866141732283472" right="0.70866141732283472" top="0.74803149606299213" bottom="0.74803149606299213" header="0.31496062992125984" footer="0.31496062992125984"/>
  <pageSetup paperSize="9" scale="54" orientation="landscape" r:id="rId1"/>
  <headerFooter>
    <oddFooter>&amp;L&amp;20&amp;A&amp;C&amp;P/&amp;N</oddFooter>
  </headerFooter>
  <colBreaks count="8" manualBreakCount="8">
    <brk id="24" max="1048575" man="1"/>
    <brk id="57" max="1048575" man="1"/>
    <brk id="79" max="1048575" man="1"/>
    <brk id="112" max="1048575" man="1"/>
    <brk id="134" max="1048575" man="1"/>
    <brk id="167" max="1048575" man="1"/>
    <brk id="189" max="1048575" man="1"/>
    <brk id="222"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23">
        <f>第１表!F2</f>
        <v>4</v>
      </c>
      <c r="G1" s="523"/>
      <c r="H1" s="248">
        <f>第１表!G2</f>
        <v>9</v>
      </c>
      <c r="I1" s="505">
        <f>H1</f>
        <v>9</v>
      </c>
      <c r="J1" s="505"/>
    </row>
    <row r="2" spans="2:299" ht="24" customHeight="1" thickBot="1" x14ac:dyDescent="0.25">
      <c r="B2" s="20" t="s">
        <v>132</v>
      </c>
    </row>
    <row r="3" spans="2:299" ht="22.5" customHeight="1" thickBot="1" x14ac:dyDescent="0.25">
      <c r="B3" s="506" t="s">
        <v>38</v>
      </c>
      <c r="C3" s="518" t="s">
        <v>96</v>
      </c>
      <c r="D3" s="518"/>
      <c r="E3" s="518"/>
      <c r="F3" s="518"/>
      <c r="G3" s="518"/>
      <c r="H3" s="518"/>
      <c r="I3" s="518"/>
      <c r="J3" s="518"/>
      <c r="K3" s="518"/>
      <c r="L3" s="518"/>
      <c r="M3" s="518"/>
      <c r="N3" s="518"/>
      <c r="O3" s="518"/>
      <c r="P3" s="518"/>
      <c r="Q3" s="518"/>
      <c r="R3" s="518"/>
      <c r="S3" s="518"/>
      <c r="T3" s="518"/>
      <c r="U3" s="518"/>
      <c r="V3" s="518"/>
      <c r="W3" s="518"/>
      <c r="X3" s="518"/>
      <c r="Y3" s="518"/>
      <c r="Z3" s="518"/>
      <c r="AA3" s="518"/>
      <c r="AB3" s="518"/>
      <c r="AC3" s="518"/>
      <c r="AD3" s="518"/>
      <c r="AE3" s="518"/>
      <c r="AF3" s="518"/>
      <c r="AG3" s="518"/>
      <c r="AH3" s="518"/>
      <c r="AI3" s="518"/>
      <c r="AJ3" s="518"/>
      <c r="AK3" s="518"/>
      <c r="AL3" s="518"/>
      <c r="AM3" s="518"/>
      <c r="AN3" s="518"/>
      <c r="AO3" s="518"/>
      <c r="AP3" s="518"/>
      <c r="AQ3" s="518"/>
      <c r="AR3" s="518"/>
      <c r="AS3" s="518"/>
      <c r="AT3" s="518"/>
      <c r="AU3" s="518"/>
      <c r="AV3" s="518"/>
      <c r="AW3" s="518"/>
      <c r="AX3" s="518"/>
      <c r="AY3" s="518"/>
      <c r="AZ3" s="518"/>
      <c r="BA3" s="518"/>
      <c r="BB3" s="518"/>
      <c r="BC3" s="518"/>
      <c r="BD3" s="518"/>
      <c r="BE3" s="518"/>
      <c r="BF3" s="518"/>
      <c r="BG3" s="518"/>
      <c r="BH3" s="518"/>
      <c r="BI3" s="518"/>
      <c r="BJ3" s="518"/>
      <c r="BK3" s="518"/>
      <c r="BL3" s="518"/>
      <c r="BM3" s="518"/>
      <c r="BN3" s="518"/>
      <c r="BO3" s="518"/>
      <c r="BP3" s="518"/>
      <c r="BQ3" s="518"/>
      <c r="BR3" s="518"/>
      <c r="BS3" s="518"/>
      <c r="BT3" s="518"/>
      <c r="BU3" s="518"/>
      <c r="BV3" s="518"/>
      <c r="BW3" s="518"/>
      <c r="BX3" s="518"/>
      <c r="BY3" s="518"/>
      <c r="BZ3" s="518"/>
      <c r="CA3" s="518"/>
      <c r="CB3" s="518"/>
      <c r="CC3" s="518"/>
      <c r="CD3" s="518"/>
      <c r="CE3" s="518"/>
      <c r="CF3" s="518"/>
      <c r="CG3" s="518"/>
      <c r="CH3" s="518"/>
      <c r="CI3" s="518"/>
      <c r="CJ3" s="518"/>
      <c r="CK3" s="518"/>
      <c r="CL3" s="518"/>
      <c r="CM3" s="518"/>
      <c r="CN3" s="518"/>
      <c r="CO3" s="518"/>
      <c r="CP3" s="518"/>
      <c r="CQ3" s="518"/>
      <c r="CR3" s="518"/>
      <c r="CS3" s="518"/>
      <c r="CT3" s="518"/>
      <c r="CU3" s="518"/>
      <c r="CV3" s="518"/>
      <c r="CW3" s="519"/>
      <c r="CX3" s="518" t="s">
        <v>103</v>
      </c>
      <c r="CY3" s="518"/>
      <c r="CZ3" s="518"/>
      <c r="DA3" s="518"/>
      <c r="DB3" s="518"/>
      <c r="DC3" s="518"/>
      <c r="DD3" s="518"/>
      <c r="DE3" s="518"/>
      <c r="DF3" s="518"/>
      <c r="DG3" s="518"/>
      <c r="DH3" s="518"/>
      <c r="DI3" s="518"/>
      <c r="DJ3" s="518"/>
      <c r="DK3" s="518"/>
      <c r="DL3" s="518"/>
      <c r="DM3" s="518"/>
      <c r="DN3" s="518"/>
      <c r="DO3" s="518"/>
      <c r="DP3" s="518"/>
      <c r="DQ3" s="518"/>
      <c r="DR3" s="518"/>
      <c r="DS3" s="518"/>
      <c r="DT3" s="518"/>
      <c r="DU3" s="518"/>
      <c r="DV3" s="518"/>
      <c r="DW3" s="518"/>
      <c r="DX3" s="518"/>
      <c r="DY3" s="518"/>
      <c r="DZ3" s="518"/>
      <c r="EA3" s="518"/>
      <c r="EB3" s="518"/>
      <c r="EC3" s="518"/>
      <c r="ED3" s="518"/>
      <c r="EE3" s="518"/>
      <c r="EF3" s="518"/>
      <c r="EG3" s="518"/>
      <c r="EH3" s="518"/>
      <c r="EI3" s="518"/>
      <c r="EJ3" s="518"/>
      <c r="EK3" s="518"/>
      <c r="EL3" s="518"/>
      <c r="EM3" s="518"/>
      <c r="EN3" s="518"/>
      <c r="EO3" s="518"/>
      <c r="EP3" s="518"/>
      <c r="EQ3" s="518"/>
      <c r="ER3" s="518"/>
      <c r="ES3" s="518"/>
      <c r="ET3" s="518"/>
      <c r="EU3" s="518"/>
      <c r="EV3" s="518"/>
      <c r="EW3" s="518"/>
      <c r="EX3" s="518"/>
      <c r="EY3" s="518"/>
      <c r="EZ3" s="518"/>
      <c r="FA3" s="518"/>
      <c r="FB3" s="518"/>
      <c r="FC3" s="518"/>
      <c r="FD3" s="518"/>
      <c r="FE3" s="518"/>
      <c r="FF3" s="518"/>
      <c r="FG3" s="518"/>
      <c r="FH3" s="518"/>
      <c r="FI3" s="518"/>
      <c r="FJ3" s="518"/>
      <c r="FK3" s="518"/>
      <c r="FL3" s="518"/>
      <c r="FM3" s="518"/>
      <c r="FN3" s="518"/>
      <c r="FO3" s="518"/>
      <c r="FP3" s="518"/>
      <c r="FQ3" s="518"/>
      <c r="FR3" s="518"/>
      <c r="FS3" s="518"/>
      <c r="FT3" s="518"/>
      <c r="FU3" s="518"/>
      <c r="FV3" s="518"/>
      <c r="FW3" s="518"/>
      <c r="FX3" s="518"/>
      <c r="FY3" s="518"/>
      <c r="FZ3" s="518"/>
      <c r="GA3" s="518"/>
      <c r="GB3" s="518"/>
      <c r="GC3" s="518"/>
      <c r="GD3" s="518"/>
      <c r="GE3" s="518"/>
      <c r="GF3" s="518"/>
      <c r="GG3" s="518"/>
      <c r="GH3" s="518"/>
      <c r="GI3" s="518"/>
      <c r="GJ3" s="518"/>
      <c r="GK3" s="518"/>
      <c r="GL3" s="518"/>
      <c r="GM3" s="518"/>
      <c r="GN3" s="518"/>
      <c r="GO3" s="518"/>
      <c r="GP3" s="518"/>
      <c r="GQ3" s="518"/>
      <c r="GR3" s="519"/>
      <c r="GS3" s="518" t="s">
        <v>104</v>
      </c>
      <c r="GT3" s="518"/>
      <c r="GU3" s="518"/>
      <c r="GV3" s="518"/>
      <c r="GW3" s="518"/>
      <c r="GX3" s="518"/>
      <c r="GY3" s="518"/>
      <c r="GZ3" s="518"/>
      <c r="HA3" s="518"/>
      <c r="HB3" s="518"/>
      <c r="HC3" s="518"/>
      <c r="HD3" s="518"/>
      <c r="HE3" s="518"/>
      <c r="HF3" s="518"/>
      <c r="HG3" s="518"/>
      <c r="HH3" s="518"/>
      <c r="HI3" s="518"/>
      <c r="HJ3" s="518"/>
      <c r="HK3" s="518"/>
      <c r="HL3" s="518"/>
      <c r="HM3" s="518"/>
      <c r="HN3" s="518"/>
      <c r="HO3" s="518"/>
      <c r="HP3" s="518"/>
      <c r="HQ3" s="518"/>
      <c r="HR3" s="518"/>
      <c r="HS3" s="518"/>
      <c r="HT3" s="518"/>
      <c r="HU3" s="518"/>
      <c r="HV3" s="518"/>
      <c r="HW3" s="518"/>
      <c r="HX3" s="518"/>
      <c r="HY3" s="518"/>
      <c r="HZ3" s="518"/>
      <c r="IA3" s="518"/>
      <c r="IB3" s="518"/>
      <c r="IC3" s="518"/>
      <c r="ID3" s="518"/>
      <c r="IE3" s="518"/>
      <c r="IF3" s="518"/>
      <c r="IG3" s="518"/>
      <c r="IH3" s="518"/>
      <c r="II3" s="518"/>
      <c r="IJ3" s="518"/>
      <c r="IK3" s="518"/>
      <c r="IL3" s="518"/>
      <c r="IM3" s="518"/>
      <c r="IN3" s="518"/>
      <c r="IO3" s="518"/>
      <c r="IP3" s="518"/>
      <c r="IQ3" s="518"/>
      <c r="IR3" s="518"/>
      <c r="IS3" s="518"/>
      <c r="IT3" s="518"/>
      <c r="IU3" s="518"/>
      <c r="IV3" s="518"/>
      <c r="IW3" s="518"/>
      <c r="IX3" s="518"/>
      <c r="IY3" s="518"/>
      <c r="IZ3" s="518"/>
      <c r="JA3" s="518"/>
      <c r="JB3" s="518"/>
      <c r="JC3" s="518"/>
      <c r="JD3" s="518"/>
      <c r="JE3" s="518"/>
      <c r="JF3" s="518"/>
      <c r="JG3" s="518"/>
      <c r="JH3" s="518"/>
      <c r="JI3" s="518"/>
      <c r="JJ3" s="518"/>
      <c r="JK3" s="518"/>
      <c r="JL3" s="518"/>
      <c r="JM3" s="518"/>
      <c r="JN3" s="518"/>
      <c r="JO3" s="518"/>
      <c r="JP3" s="518"/>
      <c r="JQ3" s="518"/>
      <c r="JR3" s="518"/>
      <c r="JS3" s="518"/>
      <c r="JT3" s="518"/>
      <c r="JU3" s="518"/>
      <c r="JV3" s="518"/>
      <c r="JW3" s="518"/>
      <c r="JX3" s="518"/>
      <c r="JY3" s="518"/>
      <c r="JZ3" s="518"/>
      <c r="KA3" s="518"/>
      <c r="KB3" s="518"/>
      <c r="KC3" s="518"/>
      <c r="KD3" s="518"/>
      <c r="KE3" s="518"/>
      <c r="KF3" s="518"/>
      <c r="KG3" s="518"/>
      <c r="KH3" s="518"/>
      <c r="KI3" s="518"/>
      <c r="KJ3" s="518"/>
      <c r="KK3" s="518"/>
      <c r="KL3" s="518"/>
      <c r="KM3" s="519"/>
    </row>
    <row r="4" spans="2:299" ht="27.75" customHeight="1" thickBot="1" x14ac:dyDescent="0.25">
      <c r="B4" s="524"/>
      <c r="C4" s="520" t="s">
        <v>39</v>
      </c>
      <c r="D4" s="521"/>
      <c r="E4" s="521"/>
      <c r="F4" s="521"/>
      <c r="G4" s="521"/>
      <c r="H4" s="521"/>
      <c r="I4" s="521"/>
      <c r="J4" s="521"/>
      <c r="K4" s="521"/>
      <c r="L4" s="521"/>
      <c r="M4" s="521"/>
      <c r="N4" s="521"/>
      <c r="O4" s="521"/>
      <c r="P4" s="521"/>
      <c r="Q4" s="521"/>
      <c r="R4" s="521"/>
      <c r="S4" s="521"/>
      <c r="T4" s="521"/>
      <c r="U4" s="521"/>
      <c r="V4" s="521"/>
      <c r="W4" s="521"/>
      <c r="X4" s="521"/>
      <c r="Y4" s="521"/>
      <c r="Z4" s="521"/>
      <c r="AA4" s="521"/>
      <c r="AB4" s="521"/>
      <c r="AC4" s="521"/>
      <c r="AD4" s="521"/>
      <c r="AE4" s="521"/>
      <c r="AF4" s="521"/>
      <c r="AG4" s="521"/>
      <c r="AH4" s="521"/>
      <c r="AI4" s="521"/>
      <c r="AJ4" s="521"/>
      <c r="AK4" s="521"/>
      <c r="AL4" s="521"/>
      <c r="AM4" s="521"/>
      <c r="AN4" s="521"/>
      <c r="AO4" s="521"/>
      <c r="AP4" s="521"/>
      <c r="AQ4" s="521"/>
      <c r="AR4" s="521"/>
      <c r="AS4" s="521"/>
      <c r="AT4" s="521"/>
      <c r="AU4" s="521"/>
      <c r="AV4" s="521"/>
      <c r="AW4" s="521"/>
      <c r="AX4" s="521"/>
      <c r="AY4" s="521"/>
      <c r="AZ4" s="521"/>
      <c r="BA4" s="521"/>
      <c r="BB4" s="521"/>
      <c r="BC4" s="521"/>
      <c r="BD4" s="521"/>
      <c r="BE4" s="521"/>
      <c r="BF4" s="521"/>
      <c r="BG4" s="521"/>
      <c r="BH4" s="521"/>
      <c r="BI4" s="521"/>
      <c r="BJ4" s="521"/>
      <c r="BK4" s="521"/>
      <c r="BL4" s="521"/>
      <c r="BM4" s="521"/>
      <c r="BN4" s="521"/>
      <c r="BO4" s="521"/>
      <c r="BP4" s="521"/>
      <c r="BQ4" s="521"/>
      <c r="BR4" s="521"/>
      <c r="BS4" s="521"/>
      <c r="BT4" s="521"/>
      <c r="BU4" s="521"/>
      <c r="BV4" s="521"/>
      <c r="BW4" s="521"/>
      <c r="BX4" s="521"/>
      <c r="BY4" s="521"/>
      <c r="BZ4" s="521"/>
      <c r="CA4" s="522"/>
      <c r="CB4" s="506" t="s">
        <v>40</v>
      </c>
      <c r="CC4" s="507"/>
      <c r="CD4" s="507"/>
      <c r="CE4" s="507"/>
      <c r="CF4" s="507"/>
      <c r="CG4" s="507"/>
      <c r="CH4" s="507"/>
      <c r="CI4" s="507"/>
      <c r="CJ4" s="507"/>
      <c r="CK4" s="507"/>
      <c r="CL4" s="508"/>
      <c r="CM4" s="506" t="s">
        <v>41</v>
      </c>
      <c r="CN4" s="507"/>
      <c r="CO4" s="507"/>
      <c r="CP4" s="507"/>
      <c r="CQ4" s="507"/>
      <c r="CR4" s="507"/>
      <c r="CS4" s="507"/>
      <c r="CT4" s="507"/>
      <c r="CU4" s="507"/>
      <c r="CV4" s="507"/>
      <c r="CW4" s="508"/>
      <c r="CX4" s="520" t="s">
        <v>39</v>
      </c>
      <c r="CY4" s="521"/>
      <c r="CZ4" s="521"/>
      <c r="DA4" s="521"/>
      <c r="DB4" s="521"/>
      <c r="DC4" s="521"/>
      <c r="DD4" s="521"/>
      <c r="DE4" s="521"/>
      <c r="DF4" s="521"/>
      <c r="DG4" s="521"/>
      <c r="DH4" s="521"/>
      <c r="DI4" s="521"/>
      <c r="DJ4" s="521"/>
      <c r="DK4" s="521"/>
      <c r="DL4" s="521"/>
      <c r="DM4" s="521"/>
      <c r="DN4" s="521"/>
      <c r="DO4" s="521"/>
      <c r="DP4" s="521"/>
      <c r="DQ4" s="521"/>
      <c r="DR4" s="521"/>
      <c r="DS4" s="521"/>
      <c r="DT4" s="521"/>
      <c r="DU4" s="521"/>
      <c r="DV4" s="521"/>
      <c r="DW4" s="521"/>
      <c r="DX4" s="521"/>
      <c r="DY4" s="521"/>
      <c r="DZ4" s="521"/>
      <c r="EA4" s="521"/>
      <c r="EB4" s="521"/>
      <c r="EC4" s="521"/>
      <c r="ED4" s="521"/>
      <c r="EE4" s="521"/>
      <c r="EF4" s="521"/>
      <c r="EG4" s="521"/>
      <c r="EH4" s="521"/>
      <c r="EI4" s="521"/>
      <c r="EJ4" s="521"/>
      <c r="EK4" s="521"/>
      <c r="EL4" s="521"/>
      <c r="EM4" s="521"/>
      <c r="EN4" s="521"/>
      <c r="EO4" s="521"/>
      <c r="EP4" s="521"/>
      <c r="EQ4" s="521"/>
      <c r="ER4" s="521"/>
      <c r="ES4" s="521"/>
      <c r="ET4" s="521"/>
      <c r="EU4" s="521"/>
      <c r="EV4" s="521"/>
      <c r="EW4" s="521"/>
      <c r="EX4" s="521"/>
      <c r="EY4" s="521"/>
      <c r="EZ4" s="521"/>
      <c r="FA4" s="521"/>
      <c r="FB4" s="521"/>
      <c r="FC4" s="521"/>
      <c r="FD4" s="521"/>
      <c r="FE4" s="521"/>
      <c r="FF4" s="521"/>
      <c r="FG4" s="521"/>
      <c r="FH4" s="521"/>
      <c r="FI4" s="521"/>
      <c r="FJ4" s="521"/>
      <c r="FK4" s="521"/>
      <c r="FL4" s="521"/>
      <c r="FM4" s="521"/>
      <c r="FN4" s="521"/>
      <c r="FO4" s="521"/>
      <c r="FP4" s="521"/>
      <c r="FQ4" s="521"/>
      <c r="FR4" s="521"/>
      <c r="FS4" s="521"/>
      <c r="FT4" s="521"/>
      <c r="FU4" s="521"/>
      <c r="FV4" s="522"/>
      <c r="FW4" s="506" t="s">
        <v>40</v>
      </c>
      <c r="FX4" s="507"/>
      <c r="FY4" s="507"/>
      <c r="FZ4" s="507"/>
      <c r="GA4" s="507"/>
      <c r="GB4" s="507"/>
      <c r="GC4" s="507"/>
      <c r="GD4" s="507"/>
      <c r="GE4" s="507"/>
      <c r="GF4" s="507"/>
      <c r="GG4" s="508"/>
      <c r="GH4" s="506" t="s">
        <v>41</v>
      </c>
      <c r="GI4" s="507"/>
      <c r="GJ4" s="507"/>
      <c r="GK4" s="507"/>
      <c r="GL4" s="507"/>
      <c r="GM4" s="507"/>
      <c r="GN4" s="507"/>
      <c r="GO4" s="507"/>
      <c r="GP4" s="507"/>
      <c r="GQ4" s="507"/>
      <c r="GR4" s="508"/>
      <c r="GS4" s="520" t="s">
        <v>39</v>
      </c>
      <c r="GT4" s="521"/>
      <c r="GU4" s="521"/>
      <c r="GV4" s="521"/>
      <c r="GW4" s="521"/>
      <c r="GX4" s="521"/>
      <c r="GY4" s="521"/>
      <c r="GZ4" s="521"/>
      <c r="HA4" s="521"/>
      <c r="HB4" s="521"/>
      <c r="HC4" s="521"/>
      <c r="HD4" s="521"/>
      <c r="HE4" s="521"/>
      <c r="HF4" s="521"/>
      <c r="HG4" s="521"/>
      <c r="HH4" s="521"/>
      <c r="HI4" s="521"/>
      <c r="HJ4" s="521"/>
      <c r="HK4" s="521"/>
      <c r="HL4" s="521"/>
      <c r="HM4" s="521"/>
      <c r="HN4" s="521"/>
      <c r="HO4" s="521"/>
      <c r="HP4" s="521"/>
      <c r="HQ4" s="521"/>
      <c r="HR4" s="521"/>
      <c r="HS4" s="521"/>
      <c r="HT4" s="521"/>
      <c r="HU4" s="521"/>
      <c r="HV4" s="521"/>
      <c r="HW4" s="521"/>
      <c r="HX4" s="521"/>
      <c r="HY4" s="521"/>
      <c r="HZ4" s="521"/>
      <c r="IA4" s="521"/>
      <c r="IB4" s="521"/>
      <c r="IC4" s="521"/>
      <c r="ID4" s="521"/>
      <c r="IE4" s="521"/>
      <c r="IF4" s="521"/>
      <c r="IG4" s="521"/>
      <c r="IH4" s="521"/>
      <c r="II4" s="521"/>
      <c r="IJ4" s="521"/>
      <c r="IK4" s="521"/>
      <c r="IL4" s="521"/>
      <c r="IM4" s="521"/>
      <c r="IN4" s="521"/>
      <c r="IO4" s="521"/>
      <c r="IP4" s="521"/>
      <c r="IQ4" s="521"/>
      <c r="IR4" s="521"/>
      <c r="IS4" s="521"/>
      <c r="IT4" s="521"/>
      <c r="IU4" s="521"/>
      <c r="IV4" s="521"/>
      <c r="IW4" s="521"/>
      <c r="IX4" s="521"/>
      <c r="IY4" s="521"/>
      <c r="IZ4" s="521"/>
      <c r="JA4" s="521"/>
      <c r="JB4" s="521"/>
      <c r="JC4" s="521"/>
      <c r="JD4" s="521"/>
      <c r="JE4" s="521"/>
      <c r="JF4" s="521"/>
      <c r="JG4" s="521"/>
      <c r="JH4" s="521"/>
      <c r="JI4" s="521"/>
      <c r="JJ4" s="521"/>
      <c r="JK4" s="521"/>
      <c r="JL4" s="521"/>
      <c r="JM4" s="521"/>
      <c r="JN4" s="521"/>
      <c r="JO4" s="521"/>
      <c r="JP4" s="521"/>
      <c r="JQ4" s="522"/>
      <c r="JR4" s="506" t="s">
        <v>40</v>
      </c>
      <c r="JS4" s="507"/>
      <c r="JT4" s="507"/>
      <c r="JU4" s="507"/>
      <c r="JV4" s="507"/>
      <c r="JW4" s="507"/>
      <c r="JX4" s="507"/>
      <c r="JY4" s="507"/>
      <c r="JZ4" s="507"/>
      <c r="KA4" s="507"/>
      <c r="KB4" s="508"/>
      <c r="KC4" s="506" t="s">
        <v>41</v>
      </c>
      <c r="KD4" s="507"/>
      <c r="KE4" s="507"/>
      <c r="KF4" s="507"/>
      <c r="KG4" s="507"/>
      <c r="KH4" s="507"/>
      <c r="KI4" s="507"/>
      <c r="KJ4" s="507"/>
      <c r="KK4" s="507"/>
      <c r="KL4" s="507"/>
      <c r="KM4" s="508"/>
    </row>
    <row r="5" spans="2:299" ht="27.75" customHeight="1" thickBot="1" x14ac:dyDescent="0.25">
      <c r="B5" s="512"/>
      <c r="C5" s="512"/>
      <c r="D5" s="513"/>
      <c r="E5" s="513"/>
      <c r="F5" s="513"/>
      <c r="G5" s="513"/>
      <c r="H5" s="513"/>
      <c r="I5" s="513"/>
      <c r="J5" s="513"/>
      <c r="K5" s="513"/>
      <c r="L5" s="513"/>
      <c r="M5" s="514"/>
      <c r="N5" s="515" t="s">
        <v>97</v>
      </c>
      <c r="O5" s="516"/>
      <c r="P5" s="516"/>
      <c r="Q5" s="516"/>
      <c r="R5" s="516"/>
      <c r="S5" s="516"/>
      <c r="T5" s="516"/>
      <c r="U5" s="516"/>
      <c r="V5" s="516"/>
      <c r="W5" s="516"/>
      <c r="X5" s="517"/>
      <c r="Y5" s="515" t="s">
        <v>98</v>
      </c>
      <c r="Z5" s="516"/>
      <c r="AA5" s="516"/>
      <c r="AB5" s="516"/>
      <c r="AC5" s="516"/>
      <c r="AD5" s="516"/>
      <c r="AE5" s="516"/>
      <c r="AF5" s="516"/>
      <c r="AG5" s="516"/>
      <c r="AH5" s="516"/>
      <c r="AI5" s="517"/>
      <c r="AJ5" s="515" t="s">
        <v>99</v>
      </c>
      <c r="AK5" s="516"/>
      <c r="AL5" s="516"/>
      <c r="AM5" s="516"/>
      <c r="AN5" s="516"/>
      <c r="AO5" s="516"/>
      <c r="AP5" s="516"/>
      <c r="AQ5" s="516"/>
      <c r="AR5" s="516"/>
      <c r="AS5" s="516"/>
      <c r="AT5" s="517"/>
      <c r="AU5" s="515" t="s">
        <v>100</v>
      </c>
      <c r="AV5" s="516"/>
      <c r="AW5" s="516"/>
      <c r="AX5" s="516"/>
      <c r="AY5" s="516"/>
      <c r="AZ5" s="516"/>
      <c r="BA5" s="516"/>
      <c r="BB5" s="516"/>
      <c r="BC5" s="516"/>
      <c r="BD5" s="516"/>
      <c r="BE5" s="517"/>
      <c r="BF5" s="515" t="s">
        <v>101</v>
      </c>
      <c r="BG5" s="516"/>
      <c r="BH5" s="516"/>
      <c r="BI5" s="516"/>
      <c r="BJ5" s="516"/>
      <c r="BK5" s="516"/>
      <c r="BL5" s="516"/>
      <c r="BM5" s="516"/>
      <c r="BN5" s="516"/>
      <c r="BO5" s="516"/>
      <c r="BP5" s="517"/>
      <c r="BQ5" s="515" t="s">
        <v>102</v>
      </c>
      <c r="BR5" s="516"/>
      <c r="BS5" s="516"/>
      <c r="BT5" s="516"/>
      <c r="BU5" s="516"/>
      <c r="BV5" s="516"/>
      <c r="BW5" s="516"/>
      <c r="BX5" s="516"/>
      <c r="BY5" s="516"/>
      <c r="BZ5" s="516"/>
      <c r="CA5" s="517"/>
      <c r="CB5" s="509"/>
      <c r="CC5" s="510"/>
      <c r="CD5" s="510"/>
      <c r="CE5" s="510"/>
      <c r="CF5" s="510"/>
      <c r="CG5" s="510"/>
      <c r="CH5" s="510"/>
      <c r="CI5" s="510"/>
      <c r="CJ5" s="510"/>
      <c r="CK5" s="510"/>
      <c r="CL5" s="511"/>
      <c r="CM5" s="509"/>
      <c r="CN5" s="510"/>
      <c r="CO5" s="510"/>
      <c r="CP5" s="510"/>
      <c r="CQ5" s="510"/>
      <c r="CR5" s="510"/>
      <c r="CS5" s="510"/>
      <c r="CT5" s="510"/>
      <c r="CU5" s="510"/>
      <c r="CV5" s="510"/>
      <c r="CW5" s="511"/>
      <c r="CX5" s="512"/>
      <c r="CY5" s="513"/>
      <c r="CZ5" s="513"/>
      <c r="DA5" s="513"/>
      <c r="DB5" s="513"/>
      <c r="DC5" s="513"/>
      <c r="DD5" s="513"/>
      <c r="DE5" s="513"/>
      <c r="DF5" s="513"/>
      <c r="DG5" s="513"/>
      <c r="DH5" s="514"/>
      <c r="DI5" s="515" t="s">
        <v>97</v>
      </c>
      <c r="DJ5" s="516"/>
      <c r="DK5" s="516"/>
      <c r="DL5" s="516"/>
      <c r="DM5" s="516"/>
      <c r="DN5" s="516"/>
      <c r="DO5" s="516"/>
      <c r="DP5" s="516"/>
      <c r="DQ5" s="516"/>
      <c r="DR5" s="516"/>
      <c r="DS5" s="517"/>
      <c r="DT5" s="515" t="s">
        <v>98</v>
      </c>
      <c r="DU5" s="516"/>
      <c r="DV5" s="516"/>
      <c r="DW5" s="516"/>
      <c r="DX5" s="516"/>
      <c r="DY5" s="516"/>
      <c r="DZ5" s="516"/>
      <c r="EA5" s="516"/>
      <c r="EB5" s="516"/>
      <c r="EC5" s="516"/>
      <c r="ED5" s="517"/>
      <c r="EE5" s="515" t="s">
        <v>99</v>
      </c>
      <c r="EF5" s="516"/>
      <c r="EG5" s="516"/>
      <c r="EH5" s="516"/>
      <c r="EI5" s="516"/>
      <c r="EJ5" s="516"/>
      <c r="EK5" s="516"/>
      <c r="EL5" s="516"/>
      <c r="EM5" s="516"/>
      <c r="EN5" s="516"/>
      <c r="EO5" s="517"/>
      <c r="EP5" s="515" t="s">
        <v>100</v>
      </c>
      <c r="EQ5" s="516"/>
      <c r="ER5" s="516"/>
      <c r="ES5" s="516"/>
      <c r="ET5" s="516"/>
      <c r="EU5" s="516"/>
      <c r="EV5" s="516"/>
      <c r="EW5" s="516"/>
      <c r="EX5" s="516"/>
      <c r="EY5" s="516"/>
      <c r="EZ5" s="517"/>
      <c r="FA5" s="515" t="s">
        <v>101</v>
      </c>
      <c r="FB5" s="516"/>
      <c r="FC5" s="516"/>
      <c r="FD5" s="516"/>
      <c r="FE5" s="516"/>
      <c r="FF5" s="516"/>
      <c r="FG5" s="516"/>
      <c r="FH5" s="516"/>
      <c r="FI5" s="516"/>
      <c r="FJ5" s="516"/>
      <c r="FK5" s="517"/>
      <c r="FL5" s="515" t="s">
        <v>102</v>
      </c>
      <c r="FM5" s="516"/>
      <c r="FN5" s="516"/>
      <c r="FO5" s="516"/>
      <c r="FP5" s="516"/>
      <c r="FQ5" s="516"/>
      <c r="FR5" s="516"/>
      <c r="FS5" s="516"/>
      <c r="FT5" s="516"/>
      <c r="FU5" s="516"/>
      <c r="FV5" s="517"/>
      <c r="FW5" s="509"/>
      <c r="FX5" s="510"/>
      <c r="FY5" s="510"/>
      <c r="FZ5" s="510"/>
      <c r="GA5" s="510"/>
      <c r="GB5" s="510"/>
      <c r="GC5" s="510"/>
      <c r="GD5" s="510"/>
      <c r="GE5" s="510"/>
      <c r="GF5" s="510"/>
      <c r="GG5" s="511"/>
      <c r="GH5" s="509"/>
      <c r="GI5" s="510"/>
      <c r="GJ5" s="510"/>
      <c r="GK5" s="510"/>
      <c r="GL5" s="510"/>
      <c r="GM5" s="510"/>
      <c r="GN5" s="510"/>
      <c r="GO5" s="510"/>
      <c r="GP5" s="510"/>
      <c r="GQ5" s="510"/>
      <c r="GR5" s="511"/>
      <c r="GS5" s="512"/>
      <c r="GT5" s="513"/>
      <c r="GU5" s="513"/>
      <c r="GV5" s="513"/>
      <c r="GW5" s="513"/>
      <c r="GX5" s="513"/>
      <c r="GY5" s="513"/>
      <c r="GZ5" s="513"/>
      <c r="HA5" s="513"/>
      <c r="HB5" s="513"/>
      <c r="HC5" s="514"/>
      <c r="HD5" s="515" t="s">
        <v>97</v>
      </c>
      <c r="HE5" s="516"/>
      <c r="HF5" s="516"/>
      <c r="HG5" s="516"/>
      <c r="HH5" s="516"/>
      <c r="HI5" s="516"/>
      <c r="HJ5" s="516"/>
      <c r="HK5" s="516"/>
      <c r="HL5" s="516"/>
      <c r="HM5" s="516"/>
      <c r="HN5" s="517"/>
      <c r="HO5" s="515" t="s">
        <v>98</v>
      </c>
      <c r="HP5" s="516"/>
      <c r="HQ5" s="516"/>
      <c r="HR5" s="516"/>
      <c r="HS5" s="516"/>
      <c r="HT5" s="516"/>
      <c r="HU5" s="516"/>
      <c r="HV5" s="516"/>
      <c r="HW5" s="516"/>
      <c r="HX5" s="516"/>
      <c r="HY5" s="517"/>
      <c r="HZ5" s="515" t="s">
        <v>99</v>
      </c>
      <c r="IA5" s="516"/>
      <c r="IB5" s="516"/>
      <c r="IC5" s="516"/>
      <c r="ID5" s="516"/>
      <c r="IE5" s="516"/>
      <c r="IF5" s="516"/>
      <c r="IG5" s="516"/>
      <c r="IH5" s="516"/>
      <c r="II5" s="516"/>
      <c r="IJ5" s="517"/>
      <c r="IK5" s="515" t="s">
        <v>100</v>
      </c>
      <c r="IL5" s="516"/>
      <c r="IM5" s="516"/>
      <c r="IN5" s="516"/>
      <c r="IO5" s="516"/>
      <c r="IP5" s="516"/>
      <c r="IQ5" s="516"/>
      <c r="IR5" s="516"/>
      <c r="IS5" s="516"/>
      <c r="IT5" s="516"/>
      <c r="IU5" s="517"/>
      <c r="IV5" s="515" t="s">
        <v>101</v>
      </c>
      <c r="IW5" s="516"/>
      <c r="IX5" s="516"/>
      <c r="IY5" s="516"/>
      <c r="IZ5" s="516"/>
      <c r="JA5" s="516"/>
      <c r="JB5" s="516"/>
      <c r="JC5" s="516"/>
      <c r="JD5" s="516"/>
      <c r="JE5" s="516"/>
      <c r="JF5" s="517"/>
      <c r="JG5" s="515" t="s">
        <v>102</v>
      </c>
      <c r="JH5" s="516"/>
      <c r="JI5" s="516"/>
      <c r="JJ5" s="516"/>
      <c r="JK5" s="516"/>
      <c r="JL5" s="516"/>
      <c r="JM5" s="516"/>
      <c r="JN5" s="516"/>
      <c r="JO5" s="516"/>
      <c r="JP5" s="516"/>
      <c r="JQ5" s="517"/>
      <c r="JR5" s="509"/>
      <c r="JS5" s="510"/>
      <c r="JT5" s="510"/>
      <c r="JU5" s="510"/>
      <c r="JV5" s="510"/>
      <c r="JW5" s="510"/>
      <c r="JX5" s="510"/>
      <c r="JY5" s="510"/>
      <c r="JZ5" s="510"/>
      <c r="KA5" s="510"/>
      <c r="KB5" s="511"/>
      <c r="KC5" s="509"/>
      <c r="KD5" s="510"/>
      <c r="KE5" s="510"/>
      <c r="KF5" s="510"/>
      <c r="KG5" s="510"/>
      <c r="KH5" s="510"/>
      <c r="KI5" s="510"/>
      <c r="KJ5" s="510"/>
      <c r="KK5" s="510"/>
      <c r="KL5" s="510"/>
      <c r="KM5" s="511"/>
    </row>
    <row r="6" spans="2:299" ht="44.25" customHeight="1" thickBot="1" x14ac:dyDescent="0.25">
      <c r="B6" s="318" t="s">
        <v>42</v>
      </c>
      <c r="C6" s="51" t="s">
        <v>43</v>
      </c>
      <c r="D6" s="47" t="s">
        <v>44</v>
      </c>
      <c r="E6" s="48" t="s">
        <v>45</v>
      </c>
      <c r="F6" s="52" t="s">
        <v>46</v>
      </c>
      <c r="G6" s="47" t="s">
        <v>47</v>
      </c>
      <c r="H6" s="47" t="s">
        <v>48</v>
      </c>
      <c r="I6" s="47" t="s">
        <v>49</v>
      </c>
      <c r="J6" s="47" t="s">
        <v>50</v>
      </c>
      <c r="K6" s="47" t="s">
        <v>51</v>
      </c>
      <c r="L6" s="48" t="s">
        <v>45</v>
      </c>
      <c r="M6" s="53" t="s">
        <v>52</v>
      </c>
      <c r="N6" s="357" t="s">
        <v>43</v>
      </c>
      <c r="O6" s="358" t="s">
        <v>44</v>
      </c>
      <c r="P6" s="359" t="s">
        <v>45</v>
      </c>
      <c r="Q6" s="360" t="s">
        <v>46</v>
      </c>
      <c r="R6" s="358" t="s">
        <v>47</v>
      </c>
      <c r="S6" s="358" t="s">
        <v>48</v>
      </c>
      <c r="T6" s="358" t="s">
        <v>49</v>
      </c>
      <c r="U6" s="358" t="s">
        <v>50</v>
      </c>
      <c r="V6" s="358" t="s">
        <v>51</v>
      </c>
      <c r="W6" s="359" t="s">
        <v>45</v>
      </c>
      <c r="X6" s="356" t="s">
        <v>52</v>
      </c>
      <c r="Y6" s="357" t="s">
        <v>43</v>
      </c>
      <c r="Z6" s="358" t="s">
        <v>44</v>
      </c>
      <c r="AA6" s="359" t="s">
        <v>45</v>
      </c>
      <c r="AB6" s="360" t="s">
        <v>46</v>
      </c>
      <c r="AC6" s="358" t="s">
        <v>47</v>
      </c>
      <c r="AD6" s="358" t="s">
        <v>48</v>
      </c>
      <c r="AE6" s="358" t="s">
        <v>49</v>
      </c>
      <c r="AF6" s="358" t="s">
        <v>50</v>
      </c>
      <c r="AG6" s="358" t="s">
        <v>51</v>
      </c>
      <c r="AH6" s="359" t="s">
        <v>45</v>
      </c>
      <c r="AI6" s="361" t="s">
        <v>52</v>
      </c>
      <c r="AJ6" s="357" t="s">
        <v>43</v>
      </c>
      <c r="AK6" s="358" t="s">
        <v>44</v>
      </c>
      <c r="AL6" s="359" t="s">
        <v>45</v>
      </c>
      <c r="AM6" s="360" t="s">
        <v>46</v>
      </c>
      <c r="AN6" s="358" t="s">
        <v>47</v>
      </c>
      <c r="AO6" s="358" t="s">
        <v>48</v>
      </c>
      <c r="AP6" s="358" t="s">
        <v>49</v>
      </c>
      <c r="AQ6" s="358" t="s">
        <v>50</v>
      </c>
      <c r="AR6" s="358" t="s">
        <v>51</v>
      </c>
      <c r="AS6" s="359" t="s">
        <v>45</v>
      </c>
      <c r="AT6" s="361" t="s">
        <v>52</v>
      </c>
      <c r="AU6" s="357" t="s">
        <v>43</v>
      </c>
      <c r="AV6" s="358" t="s">
        <v>44</v>
      </c>
      <c r="AW6" s="359" t="s">
        <v>45</v>
      </c>
      <c r="AX6" s="360" t="s">
        <v>46</v>
      </c>
      <c r="AY6" s="358" t="s">
        <v>47</v>
      </c>
      <c r="AZ6" s="358" t="s">
        <v>48</v>
      </c>
      <c r="BA6" s="358" t="s">
        <v>49</v>
      </c>
      <c r="BB6" s="358" t="s">
        <v>50</v>
      </c>
      <c r="BC6" s="358" t="s">
        <v>51</v>
      </c>
      <c r="BD6" s="359" t="s">
        <v>45</v>
      </c>
      <c r="BE6" s="361" t="s">
        <v>52</v>
      </c>
      <c r="BF6" s="357" t="s">
        <v>43</v>
      </c>
      <c r="BG6" s="358" t="s">
        <v>44</v>
      </c>
      <c r="BH6" s="359" t="s">
        <v>45</v>
      </c>
      <c r="BI6" s="360" t="s">
        <v>46</v>
      </c>
      <c r="BJ6" s="358" t="s">
        <v>47</v>
      </c>
      <c r="BK6" s="358" t="s">
        <v>48</v>
      </c>
      <c r="BL6" s="358" t="s">
        <v>49</v>
      </c>
      <c r="BM6" s="358" t="s">
        <v>50</v>
      </c>
      <c r="BN6" s="358" t="s">
        <v>51</v>
      </c>
      <c r="BO6" s="359" t="s">
        <v>45</v>
      </c>
      <c r="BP6" s="361" t="s">
        <v>52</v>
      </c>
      <c r="BQ6" s="357" t="s">
        <v>43</v>
      </c>
      <c r="BR6" s="358" t="s">
        <v>44</v>
      </c>
      <c r="BS6" s="359" t="s">
        <v>45</v>
      </c>
      <c r="BT6" s="360" t="s">
        <v>46</v>
      </c>
      <c r="BU6" s="358" t="s">
        <v>47</v>
      </c>
      <c r="BV6" s="358" t="s">
        <v>48</v>
      </c>
      <c r="BW6" s="358" t="s">
        <v>49</v>
      </c>
      <c r="BX6" s="358" t="s">
        <v>50</v>
      </c>
      <c r="BY6" s="358" t="s">
        <v>51</v>
      </c>
      <c r="BZ6" s="359" t="s">
        <v>45</v>
      </c>
      <c r="CA6" s="361" t="s">
        <v>52</v>
      </c>
      <c r="CB6" s="357" t="s">
        <v>43</v>
      </c>
      <c r="CC6" s="358" t="s">
        <v>44</v>
      </c>
      <c r="CD6" s="359" t="s">
        <v>45</v>
      </c>
      <c r="CE6" s="360" t="s">
        <v>46</v>
      </c>
      <c r="CF6" s="358" t="s">
        <v>47</v>
      </c>
      <c r="CG6" s="358" t="s">
        <v>48</v>
      </c>
      <c r="CH6" s="358" t="s">
        <v>49</v>
      </c>
      <c r="CI6" s="358" t="s">
        <v>50</v>
      </c>
      <c r="CJ6" s="358" t="s">
        <v>51</v>
      </c>
      <c r="CK6" s="359" t="s">
        <v>45</v>
      </c>
      <c r="CL6" s="361" t="s">
        <v>52</v>
      </c>
      <c r="CM6" s="357" t="s">
        <v>43</v>
      </c>
      <c r="CN6" s="358" t="s">
        <v>44</v>
      </c>
      <c r="CO6" s="359" t="s">
        <v>45</v>
      </c>
      <c r="CP6" s="360" t="s">
        <v>46</v>
      </c>
      <c r="CQ6" s="358" t="s">
        <v>47</v>
      </c>
      <c r="CR6" s="358" t="s">
        <v>48</v>
      </c>
      <c r="CS6" s="358" t="s">
        <v>49</v>
      </c>
      <c r="CT6" s="358" t="s">
        <v>50</v>
      </c>
      <c r="CU6" s="358" t="s">
        <v>51</v>
      </c>
      <c r="CV6" s="359" t="s">
        <v>45</v>
      </c>
      <c r="CW6" s="361" t="s">
        <v>52</v>
      </c>
      <c r="CX6" s="51" t="s">
        <v>43</v>
      </c>
      <c r="CY6" s="47" t="s">
        <v>44</v>
      </c>
      <c r="CZ6" s="48" t="s">
        <v>45</v>
      </c>
      <c r="DA6" s="52" t="s">
        <v>46</v>
      </c>
      <c r="DB6" s="47" t="s">
        <v>47</v>
      </c>
      <c r="DC6" s="47" t="s">
        <v>48</v>
      </c>
      <c r="DD6" s="47" t="s">
        <v>49</v>
      </c>
      <c r="DE6" s="47" t="s">
        <v>50</v>
      </c>
      <c r="DF6" s="47" t="s">
        <v>51</v>
      </c>
      <c r="DG6" s="48" t="s">
        <v>45</v>
      </c>
      <c r="DH6" s="53" t="s">
        <v>52</v>
      </c>
      <c r="DI6" s="357" t="s">
        <v>43</v>
      </c>
      <c r="DJ6" s="358" t="s">
        <v>44</v>
      </c>
      <c r="DK6" s="359" t="s">
        <v>45</v>
      </c>
      <c r="DL6" s="360" t="s">
        <v>46</v>
      </c>
      <c r="DM6" s="358" t="s">
        <v>47</v>
      </c>
      <c r="DN6" s="358" t="s">
        <v>48</v>
      </c>
      <c r="DO6" s="358" t="s">
        <v>49</v>
      </c>
      <c r="DP6" s="358" t="s">
        <v>50</v>
      </c>
      <c r="DQ6" s="358" t="s">
        <v>51</v>
      </c>
      <c r="DR6" s="359" t="s">
        <v>45</v>
      </c>
      <c r="DS6" s="361" t="s">
        <v>52</v>
      </c>
      <c r="DT6" s="357" t="s">
        <v>43</v>
      </c>
      <c r="DU6" s="358" t="s">
        <v>44</v>
      </c>
      <c r="DV6" s="359" t="s">
        <v>45</v>
      </c>
      <c r="DW6" s="360" t="s">
        <v>46</v>
      </c>
      <c r="DX6" s="358" t="s">
        <v>47</v>
      </c>
      <c r="DY6" s="358" t="s">
        <v>48</v>
      </c>
      <c r="DZ6" s="358" t="s">
        <v>49</v>
      </c>
      <c r="EA6" s="358" t="s">
        <v>50</v>
      </c>
      <c r="EB6" s="358" t="s">
        <v>51</v>
      </c>
      <c r="EC6" s="359" t="s">
        <v>45</v>
      </c>
      <c r="ED6" s="361" t="s">
        <v>52</v>
      </c>
      <c r="EE6" s="357" t="s">
        <v>43</v>
      </c>
      <c r="EF6" s="358" t="s">
        <v>44</v>
      </c>
      <c r="EG6" s="359" t="s">
        <v>45</v>
      </c>
      <c r="EH6" s="360" t="s">
        <v>46</v>
      </c>
      <c r="EI6" s="358" t="s">
        <v>47</v>
      </c>
      <c r="EJ6" s="358" t="s">
        <v>48</v>
      </c>
      <c r="EK6" s="358" t="s">
        <v>49</v>
      </c>
      <c r="EL6" s="358" t="s">
        <v>50</v>
      </c>
      <c r="EM6" s="358" t="s">
        <v>51</v>
      </c>
      <c r="EN6" s="359" t="s">
        <v>45</v>
      </c>
      <c r="EO6" s="361" t="s">
        <v>52</v>
      </c>
      <c r="EP6" s="357" t="s">
        <v>43</v>
      </c>
      <c r="EQ6" s="358" t="s">
        <v>44</v>
      </c>
      <c r="ER6" s="359" t="s">
        <v>45</v>
      </c>
      <c r="ES6" s="360" t="s">
        <v>46</v>
      </c>
      <c r="ET6" s="358" t="s">
        <v>47</v>
      </c>
      <c r="EU6" s="358" t="s">
        <v>48</v>
      </c>
      <c r="EV6" s="358" t="s">
        <v>49</v>
      </c>
      <c r="EW6" s="358" t="s">
        <v>50</v>
      </c>
      <c r="EX6" s="358" t="s">
        <v>51</v>
      </c>
      <c r="EY6" s="359" t="s">
        <v>45</v>
      </c>
      <c r="EZ6" s="361" t="s">
        <v>52</v>
      </c>
      <c r="FA6" s="357" t="s">
        <v>43</v>
      </c>
      <c r="FB6" s="358" t="s">
        <v>44</v>
      </c>
      <c r="FC6" s="359" t="s">
        <v>45</v>
      </c>
      <c r="FD6" s="360" t="s">
        <v>46</v>
      </c>
      <c r="FE6" s="358" t="s">
        <v>47</v>
      </c>
      <c r="FF6" s="358" t="s">
        <v>48</v>
      </c>
      <c r="FG6" s="358" t="s">
        <v>49</v>
      </c>
      <c r="FH6" s="358" t="s">
        <v>50</v>
      </c>
      <c r="FI6" s="358" t="s">
        <v>51</v>
      </c>
      <c r="FJ6" s="359" t="s">
        <v>45</v>
      </c>
      <c r="FK6" s="361" t="s">
        <v>52</v>
      </c>
      <c r="FL6" s="357" t="s">
        <v>43</v>
      </c>
      <c r="FM6" s="358" t="s">
        <v>44</v>
      </c>
      <c r="FN6" s="359" t="s">
        <v>45</v>
      </c>
      <c r="FO6" s="360" t="s">
        <v>46</v>
      </c>
      <c r="FP6" s="358" t="s">
        <v>47</v>
      </c>
      <c r="FQ6" s="358" t="s">
        <v>48</v>
      </c>
      <c r="FR6" s="358" t="s">
        <v>49</v>
      </c>
      <c r="FS6" s="358" t="s">
        <v>50</v>
      </c>
      <c r="FT6" s="358" t="s">
        <v>51</v>
      </c>
      <c r="FU6" s="359" t="s">
        <v>45</v>
      </c>
      <c r="FV6" s="361" t="s">
        <v>52</v>
      </c>
      <c r="FW6" s="357" t="s">
        <v>43</v>
      </c>
      <c r="FX6" s="358" t="s">
        <v>44</v>
      </c>
      <c r="FY6" s="359" t="s">
        <v>45</v>
      </c>
      <c r="FZ6" s="360" t="s">
        <v>46</v>
      </c>
      <c r="GA6" s="358" t="s">
        <v>47</v>
      </c>
      <c r="GB6" s="358" t="s">
        <v>48</v>
      </c>
      <c r="GC6" s="358" t="s">
        <v>49</v>
      </c>
      <c r="GD6" s="358" t="s">
        <v>50</v>
      </c>
      <c r="GE6" s="358" t="s">
        <v>51</v>
      </c>
      <c r="GF6" s="359" t="s">
        <v>45</v>
      </c>
      <c r="GG6" s="361" t="s">
        <v>52</v>
      </c>
      <c r="GH6" s="357" t="s">
        <v>43</v>
      </c>
      <c r="GI6" s="358" t="s">
        <v>44</v>
      </c>
      <c r="GJ6" s="359" t="s">
        <v>45</v>
      </c>
      <c r="GK6" s="360" t="s">
        <v>46</v>
      </c>
      <c r="GL6" s="358" t="s">
        <v>47</v>
      </c>
      <c r="GM6" s="358" t="s">
        <v>48</v>
      </c>
      <c r="GN6" s="358" t="s">
        <v>49</v>
      </c>
      <c r="GO6" s="358" t="s">
        <v>50</v>
      </c>
      <c r="GP6" s="358" t="s">
        <v>51</v>
      </c>
      <c r="GQ6" s="359" t="s">
        <v>45</v>
      </c>
      <c r="GR6" s="361" t="s">
        <v>52</v>
      </c>
      <c r="GS6" s="51" t="s">
        <v>43</v>
      </c>
      <c r="GT6" s="47" t="s">
        <v>44</v>
      </c>
      <c r="GU6" s="48" t="s">
        <v>45</v>
      </c>
      <c r="GV6" s="52" t="s">
        <v>46</v>
      </c>
      <c r="GW6" s="47" t="s">
        <v>47</v>
      </c>
      <c r="GX6" s="47" t="s">
        <v>48</v>
      </c>
      <c r="GY6" s="47" t="s">
        <v>49</v>
      </c>
      <c r="GZ6" s="47" t="s">
        <v>50</v>
      </c>
      <c r="HA6" s="47" t="s">
        <v>51</v>
      </c>
      <c r="HB6" s="48" t="s">
        <v>45</v>
      </c>
      <c r="HC6" s="53" t="s">
        <v>52</v>
      </c>
      <c r="HD6" s="357" t="s">
        <v>43</v>
      </c>
      <c r="HE6" s="358" t="s">
        <v>44</v>
      </c>
      <c r="HF6" s="359" t="s">
        <v>45</v>
      </c>
      <c r="HG6" s="360" t="s">
        <v>46</v>
      </c>
      <c r="HH6" s="358" t="s">
        <v>47</v>
      </c>
      <c r="HI6" s="358" t="s">
        <v>48</v>
      </c>
      <c r="HJ6" s="358" t="s">
        <v>49</v>
      </c>
      <c r="HK6" s="358" t="s">
        <v>50</v>
      </c>
      <c r="HL6" s="358" t="s">
        <v>51</v>
      </c>
      <c r="HM6" s="359" t="s">
        <v>45</v>
      </c>
      <c r="HN6" s="361" t="s">
        <v>52</v>
      </c>
      <c r="HO6" s="357" t="s">
        <v>43</v>
      </c>
      <c r="HP6" s="358" t="s">
        <v>44</v>
      </c>
      <c r="HQ6" s="359" t="s">
        <v>45</v>
      </c>
      <c r="HR6" s="360" t="s">
        <v>46</v>
      </c>
      <c r="HS6" s="358" t="s">
        <v>47</v>
      </c>
      <c r="HT6" s="358" t="s">
        <v>48</v>
      </c>
      <c r="HU6" s="358" t="s">
        <v>49</v>
      </c>
      <c r="HV6" s="358" t="s">
        <v>50</v>
      </c>
      <c r="HW6" s="358" t="s">
        <v>51</v>
      </c>
      <c r="HX6" s="359" t="s">
        <v>45</v>
      </c>
      <c r="HY6" s="361" t="s">
        <v>52</v>
      </c>
      <c r="HZ6" s="357" t="s">
        <v>43</v>
      </c>
      <c r="IA6" s="358" t="s">
        <v>44</v>
      </c>
      <c r="IB6" s="359" t="s">
        <v>45</v>
      </c>
      <c r="IC6" s="360" t="s">
        <v>46</v>
      </c>
      <c r="ID6" s="358" t="s">
        <v>47</v>
      </c>
      <c r="IE6" s="358" t="s">
        <v>48</v>
      </c>
      <c r="IF6" s="358" t="s">
        <v>49</v>
      </c>
      <c r="IG6" s="358" t="s">
        <v>50</v>
      </c>
      <c r="IH6" s="358" t="s">
        <v>51</v>
      </c>
      <c r="II6" s="359" t="s">
        <v>45</v>
      </c>
      <c r="IJ6" s="361" t="s">
        <v>52</v>
      </c>
      <c r="IK6" s="357" t="s">
        <v>43</v>
      </c>
      <c r="IL6" s="358" t="s">
        <v>44</v>
      </c>
      <c r="IM6" s="359" t="s">
        <v>45</v>
      </c>
      <c r="IN6" s="360" t="s">
        <v>46</v>
      </c>
      <c r="IO6" s="358" t="s">
        <v>47</v>
      </c>
      <c r="IP6" s="358" t="s">
        <v>48</v>
      </c>
      <c r="IQ6" s="358" t="s">
        <v>49</v>
      </c>
      <c r="IR6" s="358" t="s">
        <v>50</v>
      </c>
      <c r="IS6" s="358" t="s">
        <v>51</v>
      </c>
      <c r="IT6" s="359" t="s">
        <v>45</v>
      </c>
      <c r="IU6" s="361" t="s">
        <v>52</v>
      </c>
      <c r="IV6" s="357" t="s">
        <v>43</v>
      </c>
      <c r="IW6" s="358" t="s">
        <v>44</v>
      </c>
      <c r="IX6" s="359" t="s">
        <v>45</v>
      </c>
      <c r="IY6" s="360" t="s">
        <v>46</v>
      </c>
      <c r="IZ6" s="358" t="s">
        <v>47</v>
      </c>
      <c r="JA6" s="358" t="s">
        <v>48</v>
      </c>
      <c r="JB6" s="358" t="s">
        <v>49</v>
      </c>
      <c r="JC6" s="358" t="s">
        <v>50</v>
      </c>
      <c r="JD6" s="358" t="s">
        <v>51</v>
      </c>
      <c r="JE6" s="359" t="s">
        <v>45</v>
      </c>
      <c r="JF6" s="361" t="s">
        <v>52</v>
      </c>
      <c r="JG6" s="357" t="s">
        <v>43</v>
      </c>
      <c r="JH6" s="358" t="s">
        <v>44</v>
      </c>
      <c r="JI6" s="359" t="s">
        <v>45</v>
      </c>
      <c r="JJ6" s="360" t="s">
        <v>46</v>
      </c>
      <c r="JK6" s="358" t="s">
        <v>47</v>
      </c>
      <c r="JL6" s="358" t="s">
        <v>48</v>
      </c>
      <c r="JM6" s="358" t="s">
        <v>49</v>
      </c>
      <c r="JN6" s="358" t="s">
        <v>50</v>
      </c>
      <c r="JO6" s="358" t="s">
        <v>51</v>
      </c>
      <c r="JP6" s="359" t="s">
        <v>45</v>
      </c>
      <c r="JQ6" s="361" t="s">
        <v>52</v>
      </c>
      <c r="JR6" s="357" t="s">
        <v>43</v>
      </c>
      <c r="JS6" s="358" t="s">
        <v>44</v>
      </c>
      <c r="JT6" s="359" t="s">
        <v>45</v>
      </c>
      <c r="JU6" s="360" t="s">
        <v>46</v>
      </c>
      <c r="JV6" s="358" t="s">
        <v>47</v>
      </c>
      <c r="JW6" s="358" t="s">
        <v>48</v>
      </c>
      <c r="JX6" s="358" t="s">
        <v>49</v>
      </c>
      <c r="JY6" s="358" t="s">
        <v>50</v>
      </c>
      <c r="JZ6" s="358" t="s">
        <v>51</v>
      </c>
      <c r="KA6" s="359" t="s">
        <v>45</v>
      </c>
      <c r="KB6" s="361" t="s">
        <v>52</v>
      </c>
      <c r="KC6" s="357" t="s">
        <v>43</v>
      </c>
      <c r="KD6" s="358" t="s">
        <v>44</v>
      </c>
      <c r="KE6" s="359" t="s">
        <v>45</v>
      </c>
      <c r="KF6" s="360" t="s">
        <v>46</v>
      </c>
      <c r="KG6" s="358" t="s">
        <v>47</v>
      </c>
      <c r="KH6" s="358" t="s">
        <v>48</v>
      </c>
      <c r="KI6" s="358" t="s">
        <v>49</v>
      </c>
      <c r="KJ6" s="358" t="s">
        <v>50</v>
      </c>
      <c r="KK6" s="358" t="s">
        <v>51</v>
      </c>
      <c r="KL6" s="359" t="s">
        <v>45</v>
      </c>
      <c r="KM6" s="361" t="s">
        <v>52</v>
      </c>
    </row>
    <row r="7" spans="2:299" ht="19.5" customHeight="1" x14ac:dyDescent="0.2">
      <c r="B7" s="125" t="s">
        <v>4</v>
      </c>
      <c r="C7" s="315">
        <v>4400</v>
      </c>
      <c r="D7" s="78">
        <v>3957</v>
      </c>
      <c r="E7" s="79">
        <v>8357</v>
      </c>
      <c r="F7" s="240"/>
      <c r="G7" s="78">
        <v>5975</v>
      </c>
      <c r="H7" s="78">
        <v>5201</v>
      </c>
      <c r="I7" s="78">
        <v>3532</v>
      </c>
      <c r="J7" s="78">
        <v>2890</v>
      </c>
      <c r="K7" s="78">
        <v>1654</v>
      </c>
      <c r="L7" s="80">
        <v>19252</v>
      </c>
      <c r="M7" s="81">
        <v>27609</v>
      </c>
      <c r="N7" s="66">
        <v>54</v>
      </c>
      <c r="O7" s="67">
        <v>61</v>
      </c>
      <c r="P7" s="68">
        <v>115</v>
      </c>
      <c r="Q7" s="243"/>
      <c r="R7" s="67">
        <v>87</v>
      </c>
      <c r="S7" s="67">
        <v>116</v>
      </c>
      <c r="T7" s="67">
        <v>53</v>
      </c>
      <c r="U7" s="67">
        <v>49</v>
      </c>
      <c r="V7" s="67">
        <v>36</v>
      </c>
      <c r="W7" s="68">
        <v>341</v>
      </c>
      <c r="X7" s="69">
        <v>456</v>
      </c>
      <c r="Y7" s="66">
        <v>171</v>
      </c>
      <c r="Z7" s="67">
        <v>176</v>
      </c>
      <c r="AA7" s="68">
        <v>347</v>
      </c>
      <c r="AB7" s="243"/>
      <c r="AC7" s="67">
        <v>232</v>
      </c>
      <c r="AD7" s="67">
        <v>228</v>
      </c>
      <c r="AE7" s="67">
        <v>133</v>
      </c>
      <c r="AF7" s="67">
        <v>145</v>
      </c>
      <c r="AG7" s="67">
        <v>101</v>
      </c>
      <c r="AH7" s="68">
        <v>839</v>
      </c>
      <c r="AI7" s="69">
        <v>1186</v>
      </c>
      <c r="AJ7" s="66">
        <v>348</v>
      </c>
      <c r="AK7" s="67">
        <v>334</v>
      </c>
      <c r="AL7" s="68">
        <v>682</v>
      </c>
      <c r="AM7" s="243"/>
      <c r="AN7" s="67">
        <v>441</v>
      </c>
      <c r="AO7" s="67">
        <v>393</v>
      </c>
      <c r="AP7" s="67">
        <v>266</v>
      </c>
      <c r="AQ7" s="67">
        <v>208</v>
      </c>
      <c r="AR7" s="67">
        <v>159</v>
      </c>
      <c r="AS7" s="68">
        <v>1467</v>
      </c>
      <c r="AT7" s="69">
        <v>2149</v>
      </c>
      <c r="AU7" s="66">
        <v>895</v>
      </c>
      <c r="AV7" s="67">
        <v>793</v>
      </c>
      <c r="AW7" s="68">
        <v>1688</v>
      </c>
      <c r="AX7" s="243"/>
      <c r="AY7" s="67">
        <v>1164</v>
      </c>
      <c r="AZ7" s="67">
        <v>940</v>
      </c>
      <c r="BA7" s="67">
        <v>586</v>
      </c>
      <c r="BB7" s="67">
        <v>446</v>
      </c>
      <c r="BC7" s="67">
        <v>328</v>
      </c>
      <c r="BD7" s="68">
        <v>3464</v>
      </c>
      <c r="BE7" s="69">
        <v>5152</v>
      </c>
      <c r="BF7" s="66">
        <v>1616</v>
      </c>
      <c r="BG7" s="67">
        <v>1350</v>
      </c>
      <c r="BH7" s="68">
        <v>2966</v>
      </c>
      <c r="BI7" s="243"/>
      <c r="BJ7" s="67">
        <v>2008</v>
      </c>
      <c r="BK7" s="67">
        <v>1603</v>
      </c>
      <c r="BL7" s="67">
        <v>1090</v>
      </c>
      <c r="BM7" s="67">
        <v>871</v>
      </c>
      <c r="BN7" s="67">
        <v>489</v>
      </c>
      <c r="BO7" s="68">
        <v>6061</v>
      </c>
      <c r="BP7" s="69">
        <v>9027</v>
      </c>
      <c r="BQ7" s="66">
        <v>1316</v>
      </c>
      <c r="BR7" s="67">
        <v>1243</v>
      </c>
      <c r="BS7" s="68">
        <v>2559</v>
      </c>
      <c r="BT7" s="243"/>
      <c r="BU7" s="67">
        <v>2043</v>
      </c>
      <c r="BV7" s="67">
        <v>1921</v>
      </c>
      <c r="BW7" s="67">
        <v>1404</v>
      </c>
      <c r="BX7" s="67">
        <v>1171</v>
      </c>
      <c r="BY7" s="67">
        <v>541</v>
      </c>
      <c r="BZ7" s="68">
        <v>7080</v>
      </c>
      <c r="CA7" s="69">
        <v>9639</v>
      </c>
      <c r="CB7" s="66">
        <v>0</v>
      </c>
      <c r="CC7" s="67">
        <v>0</v>
      </c>
      <c r="CD7" s="68">
        <v>0</v>
      </c>
      <c r="CE7" s="243"/>
      <c r="CF7" s="67">
        <v>0</v>
      </c>
      <c r="CG7" s="67">
        <v>0</v>
      </c>
      <c r="CH7" s="67">
        <v>0</v>
      </c>
      <c r="CI7" s="67">
        <v>0</v>
      </c>
      <c r="CJ7" s="67">
        <v>0</v>
      </c>
      <c r="CK7" s="68">
        <v>0</v>
      </c>
      <c r="CL7" s="69">
        <v>0</v>
      </c>
      <c r="CM7" s="66">
        <v>4400</v>
      </c>
      <c r="CN7" s="67">
        <v>3957</v>
      </c>
      <c r="CO7" s="68">
        <v>8357</v>
      </c>
      <c r="CP7" s="243"/>
      <c r="CQ7" s="67">
        <v>5975</v>
      </c>
      <c r="CR7" s="67">
        <v>5201</v>
      </c>
      <c r="CS7" s="67">
        <v>3532</v>
      </c>
      <c r="CT7" s="67">
        <v>2890</v>
      </c>
      <c r="CU7" s="67">
        <v>1654</v>
      </c>
      <c r="CV7" s="68">
        <v>19252</v>
      </c>
      <c r="CW7" s="69">
        <v>27609</v>
      </c>
      <c r="CX7" s="122">
        <v>601</v>
      </c>
      <c r="CY7" s="78">
        <v>637</v>
      </c>
      <c r="CZ7" s="79">
        <v>1238</v>
      </c>
      <c r="DA7" s="240"/>
      <c r="DB7" s="78">
        <v>774</v>
      </c>
      <c r="DC7" s="78">
        <v>762</v>
      </c>
      <c r="DD7" s="78">
        <v>501</v>
      </c>
      <c r="DE7" s="78">
        <v>513</v>
      </c>
      <c r="DF7" s="78">
        <v>342</v>
      </c>
      <c r="DG7" s="80">
        <v>2892</v>
      </c>
      <c r="DH7" s="81">
        <v>4130</v>
      </c>
      <c r="DI7" s="66">
        <v>15</v>
      </c>
      <c r="DJ7" s="67">
        <v>12</v>
      </c>
      <c r="DK7" s="68">
        <v>27</v>
      </c>
      <c r="DL7" s="243"/>
      <c r="DM7" s="67">
        <v>7</v>
      </c>
      <c r="DN7" s="67">
        <v>11</v>
      </c>
      <c r="DO7" s="67">
        <v>9</v>
      </c>
      <c r="DP7" s="67">
        <v>9</v>
      </c>
      <c r="DQ7" s="67">
        <v>3</v>
      </c>
      <c r="DR7" s="68">
        <v>39</v>
      </c>
      <c r="DS7" s="69">
        <v>66</v>
      </c>
      <c r="DT7" s="66">
        <v>40</v>
      </c>
      <c r="DU7" s="67">
        <v>44</v>
      </c>
      <c r="DV7" s="68">
        <v>84</v>
      </c>
      <c r="DW7" s="243"/>
      <c r="DX7" s="67">
        <v>34</v>
      </c>
      <c r="DY7" s="67">
        <v>25</v>
      </c>
      <c r="DZ7" s="67">
        <v>12</v>
      </c>
      <c r="EA7" s="67">
        <v>18</v>
      </c>
      <c r="EB7" s="67">
        <v>10</v>
      </c>
      <c r="EC7" s="68">
        <v>99</v>
      </c>
      <c r="ED7" s="69">
        <v>183</v>
      </c>
      <c r="EE7" s="66">
        <v>72</v>
      </c>
      <c r="EF7" s="67">
        <v>65</v>
      </c>
      <c r="EG7" s="68">
        <v>137</v>
      </c>
      <c r="EH7" s="243"/>
      <c r="EI7" s="67">
        <v>72</v>
      </c>
      <c r="EJ7" s="67">
        <v>70</v>
      </c>
      <c r="EK7" s="67">
        <v>26</v>
      </c>
      <c r="EL7" s="67">
        <v>20</v>
      </c>
      <c r="EM7" s="67">
        <v>18</v>
      </c>
      <c r="EN7" s="68">
        <v>206</v>
      </c>
      <c r="EO7" s="69">
        <v>343</v>
      </c>
      <c r="EP7" s="66">
        <v>175</v>
      </c>
      <c r="EQ7" s="67">
        <v>158</v>
      </c>
      <c r="ER7" s="68">
        <v>333</v>
      </c>
      <c r="ES7" s="243"/>
      <c r="ET7" s="67">
        <v>148</v>
      </c>
      <c r="EU7" s="67">
        <v>108</v>
      </c>
      <c r="EV7" s="67">
        <v>64</v>
      </c>
      <c r="EW7" s="67">
        <v>59</v>
      </c>
      <c r="EX7" s="67">
        <v>41</v>
      </c>
      <c r="EY7" s="68">
        <v>420</v>
      </c>
      <c r="EZ7" s="69">
        <v>753</v>
      </c>
      <c r="FA7" s="66">
        <v>164</v>
      </c>
      <c r="FB7" s="67">
        <v>203</v>
      </c>
      <c r="FC7" s="68">
        <v>367</v>
      </c>
      <c r="FD7" s="243"/>
      <c r="FE7" s="67">
        <v>234</v>
      </c>
      <c r="FF7" s="67">
        <v>214</v>
      </c>
      <c r="FG7" s="67">
        <v>132</v>
      </c>
      <c r="FH7" s="67">
        <v>127</v>
      </c>
      <c r="FI7" s="67">
        <v>96</v>
      </c>
      <c r="FJ7" s="68">
        <v>803</v>
      </c>
      <c r="FK7" s="69">
        <v>1170</v>
      </c>
      <c r="FL7" s="66">
        <v>135</v>
      </c>
      <c r="FM7" s="67">
        <v>155</v>
      </c>
      <c r="FN7" s="68">
        <v>290</v>
      </c>
      <c r="FO7" s="243"/>
      <c r="FP7" s="67">
        <v>279</v>
      </c>
      <c r="FQ7" s="67">
        <v>334</v>
      </c>
      <c r="FR7" s="67">
        <v>258</v>
      </c>
      <c r="FS7" s="67">
        <v>280</v>
      </c>
      <c r="FT7" s="67">
        <v>174</v>
      </c>
      <c r="FU7" s="68">
        <v>1325</v>
      </c>
      <c r="FV7" s="69">
        <v>1615</v>
      </c>
      <c r="FW7" s="66">
        <v>0</v>
      </c>
      <c r="FX7" s="67">
        <v>0</v>
      </c>
      <c r="FY7" s="68">
        <v>0</v>
      </c>
      <c r="FZ7" s="243"/>
      <c r="GA7" s="67">
        <v>0</v>
      </c>
      <c r="GB7" s="67">
        <v>0</v>
      </c>
      <c r="GC7" s="67">
        <v>0</v>
      </c>
      <c r="GD7" s="67">
        <v>0</v>
      </c>
      <c r="GE7" s="67">
        <v>0</v>
      </c>
      <c r="GF7" s="68">
        <v>0</v>
      </c>
      <c r="GG7" s="69">
        <v>0</v>
      </c>
      <c r="GH7" s="66">
        <v>601</v>
      </c>
      <c r="GI7" s="67">
        <v>637</v>
      </c>
      <c r="GJ7" s="68">
        <v>1238</v>
      </c>
      <c r="GK7" s="243"/>
      <c r="GL7" s="67">
        <v>774</v>
      </c>
      <c r="GM7" s="67">
        <v>762</v>
      </c>
      <c r="GN7" s="67">
        <v>501</v>
      </c>
      <c r="GO7" s="67">
        <v>513</v>
      </c>
      <c r="GP7" s="67">
        <v>342</v>
      </c>
      <c r="GQ7" s="68">
        <v>2892</v>
      </c>
      <c r="GR7" s="69">
        <v>4130</v>
      </c>
      <c r="GS7" s="122">
        <v>5001</v>
      </c>
      <c r="GT7" s="78">
        <v>4594</v>
      </c>
      <c r="GU7" s="79">
        <v>9595</v>
      </c>
      <c r="GV7" s="240"/>
      <c r="GW7" s="78">
        <v>6749</v>
      </c>
      <c r="GX7" s="78">
        <v>5963</v>
      </c>
      <c r="GY7" s="78">
        <v>4033</v>
      </c>
      <c r="GZ7" s="78">
        <v>3403</v>
      </c>
      <c r="HA7" s="78">
        <v>1996</v>
      </c>
      <c r="HB7" s="80">
        <v>22144</v>
      </c>
      <c r="HC7" s="81">
        <v>31739</v>
      </c>
      <c r="HD7" s="66">
        <v>69</v>
      </c>
      <c r="HE7" s="67">
        <v>73</v>
      </c>
      <c r="HF7" s="68">
        <v>142</v>
      </c>
      <c r="HG7" s="243"/>
      <c r="HH7" s="67">
        <v>94</v>
      </c>
      <c r="HI7" s="67">
        <v>127</v>
      </c>
      <c r="HJ7" s="67">
        <v>62</v>
      </c>
      <c r="HK7" s="67">
        <v>58</v>
      </c>
      <c r="HL7" s="67">
        <v>39</v>
      </c>
      <c r="HM7" s="68">
        <v>380</v>
      </c>
      <c r="HN7" s="69">
        <v>522</v>
      </c>
      <c r="HO7" s="66">
        <v>211</v>
      </c>
      <c r="HP7" s="67">
        <v>220</v>
      </c>
      <c r="HQ7" s="68">
        <v>431</v>
      </c>
      <c r="HR7" s="243"/>
      <c r="HS7" s="67">
        <v>266</v>
      </c>
      <c r="HT7" s="67">
        <v>253</v>
      </c>
      <c r="HU7" s="67">
        <v>145</v>
      </c>
      <c r="HV7" s="67">
        <v>163</v>
      </c>
      <c r="HW7" s="67">
        <v>111</v>
      </c>
      <c r="HX7" s="68">
        <v>938</v>
      </c>
      <c r="HY7" s="69">
        <v>1369</v>
      </c>
      <c r="HZ7" s="66">
        <v>420</v>
      </c>
      <c r="IA7" s="67">
        <v>399</v>
      </c>
      <c r="IB7" s="68">
        <v>819</v>
      </c>
      <c r="IC7" s="243"/>
      <c r="ID7" s="67">
        <v>513</v>
      </c>
      <c r="IE7" s="67">
        <v>463</v>
      </c>
      <c r="IF7" s="67">
        <v>292</v>
      </c>
      <c r="IG7" s="67">
        <v>228</v>
      </c>
      <c r="IH7" s="67">
        <v>177</v>
      </c>
      <c r="II7" s="68">
        <v>1673</v>
      </c>
      <c r="IJ7" s="69">
        <v>2492</v>
      </c>
      <c r="IK7" s="66">
        <v>1070</v>
      </c>
      <c r="IL7" s="67">
        <v>951</v>
      </c>
      <c r="IM7" s="68">
        <v>2021</v>
      </c>
      <c r="IN7" s="243"/>
      <c r="IO7" s="67">
        <v>1312</v>
      </c>
      <c r="IP7" s="67">
        <v>1048</v>
      </c>
      <c r="IQ7" s="67">
        <v>650</v>
      </c>
      <c r="IR7" s="67">
        <v>505</v>
      </c>
      <c r="IS7" s="67">
        <v>369</v>
      </c>
      <c r="IT7" s="68">
        <v>3884</v>
      </c>
      <c r="IU7" s="69">
        <v>5905</v>
      </c>
      <c r="IV7" s="66">
        <v>1780</v>
      </c>
      <c r="IW7" s="67">
        <v>1553</v>
      </c>
      <c r="IX7" s="68">
        <v>3333</v>
      </c>
      <c r="IY7" s="243"/>
      <c r="IZ7" s="67">
        <v>2242</v>
      </c>
      <c r="JA7" s="67">
        <v>1817</v>
      </c>
      <c r="JB7" s="67">
        <v>1222</v>
      </c>
      <c r="JC7" s="67">
        <v>998</v>
      </c>
      <c r="JD7" s="67">
        <v>585</v>
      </c>
      <c r="JE7" s="68">
        <v>6864</v>
      </c>
      <c r="JF7" s="69">
        <v>10197</v>
      </c>
      <c r="JG7" s="66">
        <v>1451</v>
      </c>
      <c r="JH7" s="67">
        <v>1398</v>
      </c>
      <c r="JI7" s="68">
        <v>2849</v>
      </c>
      <c r="JJ7" s="243"/>
      <c r="JK7" s="67">
        <v>2322</v>
      </c>
      <c r="JL7" s="67">
        <v>2255</v>
      </c>
      <c r="JM7" s="67">
        <v>1662</v>
      </c>
      <c r="JN7" s="67">
        <v>1451</v>
      </c>
      <c r="JO7" s="67">
        <v>715</v>
      </c>
      <c r="JP7" s="68">
        <v>8405</v>
      </c>
      <c r="JQ7" s="69">
        <v>11254</v>
      </c>
      <c r="JR7" s="66">
        <v>0</v>
      </c>
      <c r="JS7" s="67">
        <v>0</v>
      </c>
      <c r="JT7" s="68">
        <v>0</v>
      </c>
      <c r="JU7" s="243"/>
      <c r="JV7" s="67">
        <v>0</v>
      </c>
      <c r="JW7" s="67">
        <v>0</v>
      </c>
      <c r="JX7" s="67">
        <v>0</v>
      </c>
      <c r="JY7" s="67">
        <v>0</v>
      </c>
      <c r="JZ7" s="67">
        <v>0</v>
      </c>
      <c r="KA7" s="68">
        <v>0</v>
      </c>
      <c r="KB7" s="69">
        <v>0</v>
      </c>
      <c r="KC7" s="66">
        <v>5001</v>
      </c>
      <c r="KD7" s="67">
        <v>4594</v>
      </c>
      <c r="KE7" s="68">
        <v>9595</v>
      </c>
      <c r="KF7" s="243"/>
      <c r="KG7" s="67">
        <v>6749</v>
      </c>
      <c r="KH7" s="67">
        <v>5963</v>
      </c>
      <c r="KI7" s="67">
        <v>4033</v>
      </c>
      <c r="KJ7" s="67">
        <v>3403</v>
      </c>
      <c r="KK7" s="67">
        <v>1996</v>
      </c>
      <c r="KL7" s="68">
        <v>22144</v>
      </c>
      <c r="KM7" s="69">
        <v>31739</v>
      </c>
    </row>
    <row r="8" spans="2:299" ht="19.5" customHeight="1" x14ac:dyDescent="0.2">
      <c r="B8" s="126" t="s">
        <v>5</v>
      </c>
      <c r="C8" s="316">
        <v>1928</v>
      </c>
      <c r="D8" s="82">
        <v>2005</v>
      </c>
      <c r="E8" s="83">
        <v>3933</v>
      </c>
      <c r="F8" s="241"/>
      <c r="G8" s="82">
        <v>2197</v>
      </c>
      <c r="H8" s="82">
        <v>2469</v>
      </c>
      <c r="I8" s="82">
        <v>1611</v>
      </c>
      <c r="J8" s="82">
        <v>1229</v>
      </c>
      <c r="K8" s="82">
        <v>736</v>
      </c>
      <c r="L8" s="84">
        <v>8242</v>
      </c>
      <c r="M8" s="85">
        <v>12175</v>
      </c>
      <c r="N8" s="70">
        <v>19</v>
      </c>
      <c r="O8" s="71">
        <v>25</v>
      </c>
      <c r="P8" s="72">
        <v>44</v>
      </c>
      <c r="Q8" s="244"/>
      <c r="R8" s="71">
        <v>26</v>
      </c>
      <c r="S8" s="71">
        <v>56</v>
      </c>
      <c r="T8" s="71">
        <v>21</v>
      </c>
      <c r="U8" s="71">
        <v>22</v>
      </c>
      <c r="V8" s="71">
        <v>13</v>
      </c>
      <c r="W8" s="72">
        <v>138</v>
      </c>
      <c r="X8" s="73">
        <v>182</v>
      </c>
      <c r="Y8" s="70">
        <v>70</v>
      </c>
      <c r="Z8" s="71">
        <v>90</v>
      </c>
      <c r="AA8" s="72">
        <v>160</v>
      </c>
      <c r="AB8" s="244"/>
      <c r="AC8" s="71">
        <v>75</v>
      </c>
      <c r="AD8" s="71">
        <v>99</v>
      </c>
      <c r="AE8" s="71">
        <v>67</v>
      </c>
      <c r="AF8" s="71">
        <v>52</v>
      </c>
      <c r="AG8" s="71">
        <v>43</v>
      </c>
      <c r="AH8" s="72">
        <v>336</v>
      </c>
      <c r="AI8" s="73">
        <v>496</v>
      </c>
      <c r="AJ8" s="70">
        <v>147</v>
      </c>
      <c r="AK8" s="71">
        <v>162</v>
      </c>
      <c r="AL8" s="72">
        <v>309</v>
      </c>
      <c r="AM8" s="244"/>
      <c r="AN8" s="71">
        <v>127</v>
      </c>
      <c r="AO8" s="71">
        <v>167</v>
      </c>
      <c r="AP8" s="71">
        <v>110</v>
      </c>
      <c r="AQ8" s="71">
        <v>82</v>
      </c>
      <c r="AR8" s="71">
        <v>60</v>
      </c>
      <c r="AS8" s="72">
        <v>546</v>
      </c>
      <c r="AT8" s="73">
        <v>855</v>
      </c>
      <c r="AU8" s="70">
        <v>381</v>
      </c>
      <c r="AV8" s="71">
        <v>397</v>
      </c>
      <c r="AW8" s="72">
        <v>778</v>
      </c>
      <c r="AX8" s="244"/>
      <c r="AY8" s="71">
        <v>435</v>
      </c>
      <c r="AZ8" s="71">
        <v>391</v>
      </c>
      <c r="BA8" s="71">
        <v>252</v>
      </c>
      <c r="BB8" s="71">
        <v>180</v>
      </c>
      <c r="BC8" s="71">
        <v>146</v>
      </c>
      <c r="BD8" s="72">
        <v>1404</v>
      </c>
      <c r="BE8" s="73">
        <v>2182</v>
      </c>
      <c r="BF8" s="70">
        <v>731</v>
      </c>
      <c r="BG8" s="71">
        <v>699</v>
      </c>
      <c r="BH8" s="72">
        <v>1430</v>
      </c>
      <c r="BI8" s="244"/>
      <c r="BJ8" s="71">
        <v>791</v>
      </c>
      <c r="BK8" s="71">
        <v>770</v>
      </c>
      <c r="BL8" s="71">
        <v>494</v>
      </c>
      <c r="BM8" s="71">
        <v>381</v>
      </c>
      <c r="BN8" s="71">
        <v>217</v>
      </c>
      <c r="BO8" s="72">
        <v>2653</v>
      </c>
      <c r="BP8" s="73">
        <v>4083</v>
      </c>
      <c r="BQ8" s="70">
        <v>580</v>
      </c>
      <c r="BR8" s="71">
        <v>632</v>
      </c>
      <c r="BS8" s="72">
        <v>1212</v>
      </c>
      <c r="BT8" s="244"/>
      <c r="BU8" s="71">
        <v>743</v>
      </c>
      <c r="BV8" s="71">
        <v>986</v>
      </c>
      <c r="BW8" s="71">
        <v>667</v>
      </c>
      <c r="BX8" s="71">
        <v>512</v>
      </c>
      <c r="BY8" s="71">
        <v>257</v>
      </c>
      <c r="BZ8" s="72">
        <v>3165</v>
      </c>
      <c r="CA8" s="73">
        <v>4377</v>
      </c>
      <c r="CB8" s="70">
        <v>0</v>
      </c>
      <c r="CC8" s="71">
        <v>0</v>
      </c>
      <c r="CD8" s="72">
        <v>0</v>
      </c>
      <c r="CE8" s="244"/>
      <c r="CF8" s="71">
        <v>0</v>
      </c>
      <c r="CG8" s="71">
        <v>0</v>
      </c>
      <c r="CH8" s="71">
        <v>0</v>
      </c>
      <c r="CI8" s="71">
        <v>0</v>
      </c>
      <c r="CJ8" s="71">
        <v>0</v>
      </c>
      <c r="CK8" s="72">
        <v>0</v>
      </c>
      <c r="CL8" s="73">
        <v>0</v>
      </c>
      <c r="CM8" s="70">
        <v>1928</v>
      </c>
      <c r="CN8" s="71">
        <v>2005</v>
      </c>
      <c r="CO8" s="72">
        <v>3933</v>
      </c>
      <c r="CP8" s="244"/>
      <c r="CQ8" s="71">
        <v>2197</v>
      </c>
      <c r="CR8" s="71">
        <v>2469</v>
      </c>
      <c r="CS8" s="71">
        <v>1611</v>
      </c>
      <c r="CT8" s="71">
        <v>1229</v>
      </c>
      <c r="CU8" s="71">
        <v>736</v>
      </c>
      <c r="CV8" s="72">
        <v>8242</v>
      </c>
      <c r="CW8" s="73">
        <v>12175</v>
      </c>
      <c r="CX8" s="123">
        <v>253</v>
      </c>
      <c r="CY8" s="82">
        <v>308</v>
      </c>
      <c r="CZ8" s="83">
        <v>561</v>
      </c>
      <c r="DA8" s="241"/>
      <c r="DB8" s="82">
        <v>291</v>
      </c>
      <c r="DC8" s="82">
        <v>359</v>
      </c>
      <c r="DD8" s="82">
        <v>214</v>
      </c>
      <c r="DE8" s="82">
        <v>230</v>
      </c>
      <c r="DF8" s="82">
        <v>151</v>
      </c>
      <c r="DG8" s="84">
        <v>1245</v>
      </c>
      <c r="DH8" s="85">
        <v>1806</v>
      </c>
      <c r="DI8" s="70">
        <v>7</v>
      </c>
      <c r="DJ8" s="71">
        <v>6</v>
      </c>
      <c r="DK8" s="72">
        <v>13</v>
      </c>
      <c r="DL8" s="244"/>
      <c r="DM8" s="71">
        <v>2</v>
      </c>
      <c r="DN8" s="71">
        <v>6</v>
      </c>
      <c r="DO8" s="71">
        <v>3</v>
      </c>
      <c r="DP8" s="71">
        <v>4</v>
      </c>
      <c r="DQ8" s="71">
        <v>1</v>
      </c>
      <c r="DR8" s="72">
        <v>16</v>
      </c>
      <c r="DS8" s="73">
        <v>29</v>
      </c>
      <c r="DT8" s="70">
        <v>18</v>
      </c>
      <c r="DU8" s="71">
        <v>24</v>
      </c>
      <c r="DV8" s="72">
        <v>42</v>
      </c>
      <c r="DW8" s="244"/>
      <c r="DX8" s="71">
        <v>13</v>
      </c>
      <c r="DY8" s="71">
        <v>9</v>
      </c>
      <c r="DZ8" s="71">
        <v>3</v>
      </c>
      <c r="EA8" s="71">
        <v>8</v>
      </c>
      <c r="EB8" s="71">
        <v>3</v>
      </c>
      <c r="EC8" s="72">
        <v>36</v>
      </c>
      <c r="ED8" s="73">
        <v>78</v>
      </c>
      <c r="EE8" s="70">
        <v>26</v>
      </c>
      <c r="EF8" s="71">
        <v>35</v>
      </c>
      <c r="EG8" s="72">
        <v>61</v>
      </c>
      <c r="EH8" s="244"/>
      <c r="EI8" s="71">
        <v>30</v>
      </c>
      <c r="EJ8" s="71">
        <v>36</v>
      </c>
      <c r="EK8" s="71">
        <v>12</v>
      </c>
      <c r="EL8" s="71">
        <v>8</v>
      </c>
      <c r="EM8" s="71">
        <v>15</v>
      </c>
      <c r="EN8" s="72">
        <v>101</v>
      </c>
      <c r="EO8" s="73">
        <v>162</v>
      </c>
      <c r="EP8" s="70">
        <v>79</v>
      </c>
      <c r="EQ8" s="71">
        <v>76</v>
      </c>
      <c r="ER8" s="72">
        <v>155</v>
      </c>
      <c r="ES8" s="244"/>
      <c r="ET8" s="71">
        <v>53</v>
      </c>
      <c r="EU8" s="71">
        <v>52</v>
      </c>
      <c r="EV8" s="71">
        <v>26</v>
      </c>
      <c r="EW8" s="71">
        <v>34</v>
      </c>
      <c r="EX8" s="71">
        <v>19</v>
      </c>
      <c r="EY8" s="72">
        <v>184</v>
      </c>
      <c r="EZ8" s="73">
        <v>339</v>
      </c>
      <c r="FA8" s="70">
        <v>62</v>
      </c>
      <c r="FB8" s="71">
        <v>93</v>
      </c>
      <c r="FC8" s="72">
        <v>155</v>
      </c>
      <c r="FD8" s="244"/>
      <c r="FE8" s="71">
        <v>90</v>
      </c>
      <c r="FF8" s="71">
        <v>94</v>
      </c>
      <c r="FG8" s="71">
        <v>52</v>
      </c>
      <c r="FH8" s="71">
        <v>55</v>
      </c>
      <c r="FI8" s="71">
        <v>38</v>
      </c>
      <c r="FJ8" s="72">
        <v>329</v>
      </c>
      <c r="FK8" s="73">
        <v>484</v>
      </c>
      <c r="FL8" s="70">
        <v>61</v>
      </c>
      <c r="FM8" s="71">
        <v>74</v>
      </c>
      <c r="FN8" s="72">
        <v>135</v>
      </c>
      <c r="FO8" s="244"/>
      <c r="FP8" s="71">
        <v>103</v>
      </c>
      <c r="FQ8" s="71">
        <v>162</v>
      </c>
      <c r="FR8" s="71">
        <v>118</v>
      </c>
      <c r="FS8" s="71">
        <v>121</v>
      </c>
      <c r="FT8" s="71">
        <v>75</v>
      </c>
      <c r="FU8" s="72">
        <v>579</v>
      </c>
      <c r="FV8" s="73">
        <v>714</v>
      </c>
      <c r="FW8" s="70">
        <v>0</v>
      </c>
      <c r="FX8" s="71">
        <v>0</v>
      </c>
      <c r="FY8" s="72">
        <v>0</v>
      </c>
      <c r="FZ8" s="244"/>
      <c r="GA8" s="71">
        <v>0</v>
      </c>
      <c r="GB8" s="71">
        <v>0</v>
      </c>
      <c r="GC8" s="71">
        <v>0</v>
      </c>
      <c r="GD8" s="71">
        <v>0</v>
      </c>
      <c r="GE8" s="71">
        <v>0</v>
      </c>
      <c r="GF8" s="72">
        <v>0</v>
      </c>
      <c r="GG8" s="73">
        <v>0</v>
      </c>
      <c r="GH8" s="70">
        <v>253</v>
      </c>
      <c r="GI8" s="71">
        <v>308</v>
      </c>
      <c r="GJ8" s="72">
        <v>561</v>
      </c>
      <c r="GK8" s="244"/>
      <c r="GL8" s="71">
        <v>291</v>
      </c>
      <c r="GM8" s="71">
        <v>359</v>
      </c>
      <c r="GN8" s="71">
        <v>214</v>
      </c>
      <c r="GO8" s="71">
        <v>230</v>
      </c>
      <c r="GP8" s="71">
        <v>151</v>
      </c>
      <c r="GQ8" s="72">
        <v>1245</v>
      </c>
      <c r="GR8" s="73">
        <v>1806</v>
      </c>
      <c r="GS8" s="123">
        <v>2181</v>
      </c>
      <c r="GT8" s="82">
        <v>2313</v>
      </c>
      <c r="GU8" s="83">
        <v>4494</v>
      </c>
      <c r="GV8" s="241"/>
      <c r="GW8" s="82">
        <v>2488</v>
      </c>
      <c r="GX8" s="82">
        <v>2828</v>
      </c>
      <c r="GY8" s="82">
        <v>1825</v>
      </c>
      <c r="GZ8" s="82">
        <v>1459</v>
      </c>
      <c r="HA8" s="82">
        <v>887</v>
      </c>
      <c r="HB8" s="84">
        <v>9487</v>
      </c>
      <c r="HC8" s="85">
        <v>13981</v>
      </c>
      <c r="HD8" s="70">
        <v>26</v>
      </c>
      <c r="HE8" s="71">
        <v>31</v>
      </c>
      <c r="HF8" s="72">
        <v>57</v>
      </c>
      <c r="HG8" s="244"/>
      <c r="HH8" s="71">
        <v>28</v>
      </c>
      <c r="HI8" s="71">
        <v>62</v>
      </c>
      <c r="HJ8" s="71">
        <v>24</v>
      </c>
      <c r="HK8" s="71">
        <v>26</v>
      </c>
      <c r="HL8" s="71">
        <v>14</v>
      </c>
      <c r="HM8" s="72">
        <v>154</v>
      </c>
      <c r="HN8" s="73">
        <v>211</v>
      </c>
      <c r="HO8" s="70">
        <v>88</v>
      </c>
      <c r="HP8" s="71">
        <v>114</v>
      </c>
      <c r="HQ8" s="72">
        <v>202</v>
      </c>
      <c r="HR8" s="244"/>
      <c r="HS8" s="71">
        <v>88</v>
      </c>
      <c r="HT8" s="71">
        <v>108</v>
      </c>
      <c r="HU8" s="71">
        <v>70</v>
      </c>
      <c r="HV8" s="71">
        <v>60</v>
      </c>
      <c r="HW8" s="71">
        <v>46</v>
      </c>
      <c r="HX8" s="72">
        <v>372</v>
      </c>
      <c r="HY8" s="73">
        <v>574</v>
      </c>
      <c r="HZ8" s="70">
        <v>173</v>
      </c>
      <c r="IA8" s="71">
        <v>197</v>
      </c>
      <c r="IB8" s="72">
        <v>370</v>
      </c>
      <c r="IC8" s="244"/>
      <c r="ID8" s="71">
        <v>157</v>
      </c>
      <c r="IE8" s="71">
        <v>203</v>
      </c>
      <c r="IF8" s="71">
        <v>122</v>
      </c>
      <c r="IG8" s="71">
        <v>90</v>
      </c>
      <c r="IH8" s="71">
        <v>75</v>
      </c>
      <c r="II8" s="72">
        <v>647</v>
      </c>
      <c r="IJ8" s="73">
        <v>1017</v>
      </c>
      <c r="IK8" s="70">
        <v>460</v>
      </c>
      <c r="IL8" s="71">
        <v>473</v>
      </c>
      <c r="IM8" s="72">
        <v>933</v>
      </c>
      <c r="IN8" s="244"/>
      <c r="IO8" s="71">
        <v>488</v>
      </c>
      <c r="IP8" s="71">
        <v>443</v>
      </c>
      <c r="IQ8" s="71">
        <v>278</v>
      </c>
      <c r="IR8" s="71">
        <v>214</v>
      </c>
      <c r="IS8" s="71">
        <v>165</v>
      </c>
      <c r="IT8" s="72">
        <v>1588</v>
      </c>
      <c r="IU8" s="73">
        <v>2521</v>
      </c>
      <c r="IV8" s="70">
        <v>793</v>
      </c>
      <c r="IW8" s="71">
        <v>792</v>
      </c>
      <c r="IX8" s="72">
        <v>1585</v>
      </c>
      <c r="IY8" s="244"/>
      <c r="IZ8" s="71">
        <v>881</v>
      </c>
      <c r="JA8" s="71">
        <v>864</v>
      </c>
      <c r="JB8" s="71">
        <v>546</v>
      </c>
      <c r="JC8" s="71">
        <v>436</v>
      </c>
      <c r="JD8" s="71">
        <v>255</v>
      </c>
      <c r="JE8" s="72">
        <v>2982</v>
      </c>
      <c r="JF8" s="73">
        <v>4567</v>
      </c>
      <c r="JG8" s="70">
        <v>641</v>
      </c>
      <c r="JH8" s="71">
        <v>706</v>
      </c>
      <c r="JI8" s="72">
        <v>1347</v>
      </c>
      <c r="JJ8" s="244"/>
      <c r="JK8" s="71">
        <v>846</v>
      </c>
      <c r="JL8" s="71">
        <v>1148</v>
      </c>
      <c r="JM8" s="71">
        <v>785</v>
      </c>
      <c r="JN8" s="71">
        <v>633</v>
      </c>
      <c r="JO8" s="71">
        <v>332</v>
      </c>
      <c r="JP8" s="72">
        <v>3744</v>
      </c>
      <c r="JQ8" s="73">
        <v>5091</v>
      </c>
      <c r="JR8" s="70">
        <v>0</v>
      </c>
      <c r="JS8" s="71">
        <v>0</v>
      </c>
      <c r="JT8" s="72">
        <v>0</v>
      </c>
      <c r="JU8" s="244"/>
      <c r="JV8" s="71">
        <v>0</v>
      </c>
      <c r="JW8" s="71">
        <v>0</v>
      </c>
      <c r="JX8" s="71">
        <v>0</v>
      </c>
      <c r="JY8" s="71">
        <v>0</v>
      </c>
      <c r="JZ8" s="71">
        <v>0</v>
      </c>
      <c r="KA8" s="72">
        <v>0</v>
      </c>
      <c r="KB8" s="73">
        <v>0</v>
      </c>
      <c r="KC8" s="70">
        <v>2181</v>
      </c>
      <c r="KD8" s="71">
        <v>2313</v>
      </c>
      <c r="KE8" s="72">
        <v>4494</v>
      </c>
      <c r="KF8" s="244"/>
      <c r="KG8" s="71">
        <v>2488</v>
      </c>
      <c r="KH8" s="71">
        <v>2828</v>
      </c>
      <c r="KI8" s="71">
        <v>1825</v>
      </c>
      <c r="KJ8" s="71">
        <v>1459</v>
      </c>
      <c r="KK8" s="71">
        <v>887</v>
      </c>
      <c r="KL8" s="72">
        <v>9487</v>
      </c>
      <c r="KM8" s="73">
        <v>13981</v>
      </c>
    </row>
    <row r="9" spans="2:299" ht="19.5" customHeight="1" x14ac:dyDescent="0.2">
      <c r="B9" s="126" t="s">
        <v>6</v>
      </c>
      <c r="C9" s="316">
        <v>517</v>
      </c>
      <c r="D9" s="82">
        <v>354</v>
      </c>
      <c r="E9" s="83">
        <v>871</v>
      </c>
      <c r="F9" s="241"/>
      <c r="G9" s="82">
        <v>817</v>
      </c>
      <c r="H9" s="82">
        <v>545</v>
      </c>
      <c r="I9" s="82">
        <v>408</v>
      </c>
      <c r="J9" s="82">
        <v>351</v>
      </c>
      <c r="K9" s="82">
        <v>252</v>
      </c>
      <c r="L9" s="84">
        <v>2373</v>
      </c>
      <c r="M9" s="85">
        <v>3244</v>
      </c>
      <c r="N9" s="70">
        <v>9</v>
      </c>
      <c r="O9" s="71">
        <v>6</v>
      </c>
      <c r="P9" s="72">
        <v>15</v>
      </c>
      <c r="Q9" s="244"/>
      <c r="R9" s="71">
        <v>17</v>
      </c>
      <c r="S9" s="71">
        <v>12</v>
      </c>
      <c r="T9" s="71">
        <v>5</v>
      </c>
      <c r="U9" s="71">
        <v>8</v>
      </c>
      <c r="V9" s="71">
        <v>10</v>
      </c>
      <c r="W9" s="72">
        <v>52</v>
      </c>
      <c r="X9" s="73">
        <v>67</v>
      </c>
      <c r="Y9" s="70">
        <v>12</v>
      </c>
      <c r="Z9" s="71">
        <v>10</v>
      </c>
      <c r="AA9" s="72">
        <v>22</v>
      </c>
      <c r="AB9" s="244"/>
      <c r="AC9" s="71">
        <v>43</v>
      </c>
      <c r="AD9" s="71">
        <v>31</v>
      </c>
      <c r="AE9" s="71">
        <v>11</v>
      </c>
      <c r="AF9" s="71">
        <v>19</v>
      </c>
      <c r="AG9" s="71">
        <v>20</v>
      </c>
      <c r="AH9" s="72">
        <v>124</v>
      </c>
      <c r="AI9" s="73">
        <v>146</v>
      </c>
      <c r="AJ9" s="70">
        <v>46</v>
      </c>
      <c r="AK9" s="71">
        <v>30</v>
      </c>
      <c r="AL9" s="72">
        <v>76</v>
      </c>
      <c r="AM9" s="244"/>
      <c r="AN9" s="71">
        <v>60</v>
      </c>
      <c r="AO9" s="71">
        <v>42</v>
      </c>
      <c r="AP9" s="71">
        <v>25</v>
      </c>
      <c r="AQ9" s="71">
        <v>28</v>
      </c>
      <c r="AR9" s="71">
        <v>25</v>
      </c>
      <c r="AS9" s="72">
        <v>180</v>
      </c>
      <c r="AT9" s="73">
        <v>256</v>
      </c>
      <c r="AU9" s="70">
        <v>95</v>
      </c>
      <c r="AV9" s="71">
        <v>52</v>
      </c>
      <c r="AW9" s="72">
        <v>147</v>
      </c>
      <c r="AX9" s="244"/>
      <c r="AY9" s="71">
        <v>145</v>
      </c>
      <c r="AZ9" s="71">
        <v>98</v>
      </c>
      <c r="BA9" s="71">
        <v>77</v>
      </c>
      <c r="BB9" s="71">
        <v>43</v>
      </c>
      <c r="BC9" s="71">
        <v>36</v>
      </c>
      <c r="BD9" s="72">
        <v>399</v>
      </c>
      <c r="BE9" s="73">
        <v>546</v>
      </c>
      <c r="BF9" s="70">
        <v>176</v>
      </c>
      <c r="BG9" s="71">
        <v>128</v>
      </c>
      <c r="BH9" s="72">
        <v>304</v>
      </c>
      <c r="BI9" s="244"/>
      <c r="BJ9" s="71">
        <v>253</v>
      </c>
      <c r="BK9" s="71">
        <v>163</v>
      </c>
      <c r="BL9" s="71">
        <v>133</v>
      </c>
      <c r="BM9" s="71">
        <v>94</v>
      </c>
      <c r="BN9" s="71">
        <v>87</v>
      </c>
      <c r="BO9" s="72">
        <v>730</v>
      </c>
      <c r="BP9" s="73">
        <v>1034</v>
      </c>
      <c r="BQ9" s="70">
        <v>179</v>
      </c>
      <c r="BR9" s="71">
        <v>128</v>
      </c>
      <c r="BS9" s="72">
        <v>307</v>
      </c>
      <c r="BT9" s="244"/>
      <c r="BU9" s="71">
        <v>299</v>
      </c>
      <c r="BV9" s="71">
        <v>199</v>
      </c>
      <c r="BW9" s="71">
        <v>157</v>
      </c>
      <c r="BX9" s="71">
        <v>159</v>
      </c>
      <c r="BY9" s="71">
        <v>74</v>
      </c>
      <c r="BZ9" s="72">
        <v>888</v>
      </c>
      <c r="CA9" s="73">
        <v>1195</v>
      </c>
      <c r="CB9" s="70">
        <v>0</v>
      </c>
      <c r="CC9" s="71">
        <v>0</v>
      </c>
      <c r="CD9" s="72">
        <v>0</v>
      </c>
      <c r="CE9" s="244"/>
      <c r="CF9" s="71">
        <v>0</v>
      </c>
      <c r="CG9" s="71">
        <v>0</v>
      </c>
      <c r="CH9" s="71">
        <v>0</v>
      </c>
      <c r="CI9" s="71">
        <v>0</v>
      </c>
      <c r="CJ9" s="71">
        <v>0</v>
      </c>
      <c r="CK9" s="72">
        <v>0</v>
      </c>
      <c r="CL9" s="73">
        <v>0</v>
      </c>
      <c r="CM9" s="70">
        <v>517</v>
      </c>
      <c r="CN9" s="71">
        <v>354</v>
      </c>
      <c r="CO9" s="72">
        <v>871</v>
      </c>
      <c r="CP9" s="244"/>
      <c r="CQ9" s="71">
        <v>817</v>
      </c>
      <c r="CR9" s="71">
        <v>545</v>
      </c>
      <c r="CS9" s="71">
        <v>408</v>
      </c>
      <c r="CT9" s="71">
        <v>351</v>
      </c>
      <c r="CU9" s="71">
        <v>252</v>
      </c>
      <c r="CV9" s="72">
        <v>2373</v>
      </c>
      <c r="CW9" s="73">
        <v>3244</v>
      </c>
      <c r="CX9" s="123">
        <v>106</v>
      </c>
      <c r="CY9" s="82">
        <v>89</v>
      </c>
      <c r="CZ9" s="83">
        <v>195</v>
      </c>
      <c r="DA9" s="241"/>
      <c r="DB9" s="82">
        <v>115</v>
      </c>
      <c r="DC9" s="82">
        <v>104</v>
      </c>
      <c r="DD9" s="82">
        <v>70</v>
      </c>
      <c r="DE9" s="82">
        <v>78</v>
      </c>
      <c r="DF9" s="82">
        <v>54</v>
      </c>
      <c r="DG9" s="84">
        <v>421</v>
      </c>
      <c r="DH9" s="85">
        <v>616</v>
      </c>
      <c r="DI9" s="70">
        <v>3</v>
      </c>
      <c r="DJ9" s="71">
        <v>2</v>
      </c>
      <c r="DK9" s="72">
        <v>5</v>
      </c>
      <c r="DL9" s="244"/>
      <c r="DM9" s="71">
        <v>1</v>
      </c>
      <c r="DN9" s="71">
        <v>1</v>
      </c>
      <c r="DO9" s="71">
        <v>0</v>
      </c>
      <c r="DP9" s="71">
        <v>2</v>
      </c>
      <c r="DQ9" s="71">
        <v>1</v>
      </c>
      <c r="DR9" s="72">
        <v>5</v>
      </c>
      <c r="DS9" s="73">
        <v>10</v>
      </c>
      <c r="DT9" s="70">
        <v>4</v>
      </c>
      <c r="DU9" s="71">
        <v>6</v>
      </c>
      <c r="DV9" s="72">
        <v>10</v>
      </c>
      <c r="DW9" s="244"/>
      <c r="DX9" s="71">
        <v>5</v>
      </c>
      <c r="DY9" s="71">
        <v>2</v>
      </c>
      <c r="DZ9" s="71">
        <v>2</v>
      </c>
      <c r="EA9" s="71">
        <v>4</v>
      </c>
      <c r="EB9" s="71">
        <v>1</v>
      </c>
      <c r="EC9" s="72">
        <v>14</v>
      </c>
      <c r="ED9" s="73">
        <v>24</v>
      </c>
      <c r="EE9" s="70">
        <v>18</v>
      </c>
      <c r="EF9" s="71">
        <v>9</v>
      </c>
      <c r="EG9" s="72">
        <v>27</v>
      </c>
      <c r="EH9" s="244"/>
      <c r="EI9" s="71">
        <v>10</v>
      </c>
      <c r="EJ9" s="71">
        <v>6</v>
      </c>
      <c r="EK9" s="71">
        <v>1</v>
      </c>
      <c r="EL9" s="71">
        <v>4</v>
      </c>
      <c r="EM9" s="71">
        <v>0</v>
      </c>
      <c r="EN9" s="72">
        <v>21</v>
      </c>
      <c r="EO9" s="73">
        <v>48</v>
      </c>
      <c r="EP9" s="70">
        <v>28</v>
      </c>
      <c r="EQ9" s="71">
        <v>21</v>
      </c>
      <c r="ER9" s="72">
        <v>49</v>
      </c>
      <c r="ES9" s="244"/>
      <c r="ET9" s="71">
        <v>21</v>
      </c>
      <c r="EU9" s="71">
        <v>15</v>
      </c>
      <c r="EV9" s="71">
        <v>16</v>
      </c>
      <c r="EW9" s="71">
        <v>3</v>
      </c>
      <c r="EX9" s="71">
        <v>7</v>
      </c>
      <c r="EY9" s="72">
        <v>62</v>
      </c>
      <c r="EZ9" s="73">
        <v>111</v>
      </c>
      <c r="FA9" s="70">
        <v>32</v>
      </c>
      <c r="FB9" s="71">
        <v>33</v>
      </c>
      <c r="FC9" s="72">
        <v>65</v>
      </c>
      <c r="FD9" s="244"/>
      <c r="FE9" s="71">
        <v>40</v>
      </c>
      <c r="FF9" s="71">
        <v>39</v>
      </c>
      <c r="FG9" s="71">
        <v>24</v>
      </c>
      <c r="FH9" s="71">
        <v>26</v>
      </c>
      <c r="FI9" s="71">
        <v>14</v>
      </c>
      <c r="FJ9" s="72">
        <v>143</v>
      </c>
      <c r="FK9" s="73">
        <v>208</v>
      </c>
      <c r="FL9" s="70">
        <v>21</v>
      </c>
      <c r="FM9" s="71">
        <v>18</v>
      </c>
      <c r="FN9" s="72">
        <v>39</v>
      </c>
      <c r="FO9" s="244"/>
      <c r="FP9" s="71">
        <v>38</v>
      </c>
      <c r="FQ9" s="71">
        <v>41</v>
      </c>
      <c r="FR9" s="71">
        <v>27</v>
      </c>
      <c r="FS9" s="71">
        <v>39</v>
      </c>
      <c r="FT9" s="71">
        <v>31</v>
      </c>
      <c r="FU9" s="72">
        <v>176</v>
      </c>
      <c r="FV9" s="73">
        <v>215</v>
      </c>
      <c r="FW9" s="70">
        <v>0</v>
      </c>
      <c r="FX9" s="71">
        <v>0</v>
      </c>
      <c r="FY9" s="72">
        <v>0</v>
      </c>
      <c r="FZ9" s="244"/>
      <c r="GA9" s="71">
        <v>0</v>
      </c>
      <c r="GB9" s="71">
        <v>0</v>
      </c>
      <c r="GC9" s="71">
        <v>0</v>
      </c>
      <c r="GD9" s="71">
        <v>0</v>
      </c>
      <c r="GE9" s="71">
        <v>0</v>
      </c>
      <c r="GF9" s="72">
        <v>0</v>
      </c>
      <c r="GG9" s="73">
        <v>0</v>
      </c>
      <c r="GH9" s="70">
        <v>106</v>
      </c>
      <c r="GI9" s="71">
        <v>89</v>
      </c>
      <c r="GJ9" s="72">
        <v>195</v>
      </c>
      <c r="GK9" s="244"/>
      <c r="GL9" s="71">
        <v>115</v>
      </c>
      <c r="GM9" s="71">
        <v>104</v>
      </c>
      <c r="GN9" s="71">
        <v>70</v>
      </c>
      <c r="GO9" s="71">
        <v>78</v>
      </c>
      <c r="GP9" s="71">
        <v>54</v>
      </c>
      <c r="GQ9" s="72">
        <v>421</v>
      </c>
      <c r="GR9" s="73">
        <v>616</v>
      </c>
      <c r="GS9" s="123">
        <v>623</v>
      </c>
      <c r="GT9" s="82">
        <v>443</v>
      </c>
      <c r="GU9" s="83">
        <v>1066</v>
      </c>
      <c r="GV9" s="241"/>
      <c r="GW9" s="82">
        <v>932</v>
      </c>
      <c r="GX9" s="82">
        <v>649</v>
      </c>
      <c r="GY9" s="82">
        <v>478</v>
      </c>
      <c r="GZ9" s="82">
        <v>429</v>
      </c>
      <c r="HA9" s="82">
        <v>306</v>
      </c>
      <c r="HB9" s="84">
        <v>2794</v>
      </c>
      <c r="HC9" s="85">
        <v>3860</v>
      </c>
      <c r="HD9" s="70">
        <v>12</v>
      </c>
      <c r="HE9" s="71">
        <v>8</v>
      </c>
      <c r="HF9" s="72">
        <v>20</v>
      </c>
      <c r="HG9" s="244"/>
      <c r="HH9" s="71">
        <v>18</v>
      </c>
      <c r="HI9" s="71">
        <v>13</v>
      </c>
      <c r="HJ9" s="71">
        <v>5</v>
      </c>
      <c r="HK9" s="71">
        <v>10</v>
      </c>
      <c r="HL9" s="71">
        <v>11</v>
      </c>
      <c r="HM9" s="72">
        <v>57</v>
      </c>
      <c r="HN9" s="73">
        <v>77</v>
      </c>
      <c r="HO9" s="70">
        <v>16</v>
      </c>
      <c r="HP9" s="71">
        <v>16</v>
      </c>
      <c r="HQ9" s="72">
        <v>32</v>
      </c>
      <c r="HR9" s="244"/>
      <c r="HS9" s="71">
        <v>48</v>
      </c>
      <c r="HT9" s="71">
        <v>33</v>
      </c>
      <c r="HU9" s="71">
        <v>13</v>
      </c>
      <c r="HV9" s="71">
        <v>23</v>
      </c>
      <c r="HW9" s="71">
        <v>21</v>
      </c>
      <c r="HX9" s="72">
        <v>138</v>
      </c>
      <c r="HY9" s="73">
        <v>170</v>
      </c>
      <c r="HZ9" s="70">
        <v>64</v>
      </c>
      <c r="IA9" s="71">
        <v>39</v>
      </c>
      <c r="IB9" s="72">
        <v>103</v>
      </c>
      <c r="IC9" s="244"/>
      <c r="ID9" s="71">
        <v>70</v>
      </c>
      <c r="IE9" s="71">
        <v>48</v>
      </c>
      <c r="IF9" s="71">
        <v>26</v>
      </c>
      <c r="IG9" s="71">
        <v>32</v>
      </c>
      <c r="IH9" s="71">
        <v>25</v>
      </c>
      <c r="II9" s="72">
        <v>201</v>
      </c>
      <c r="IJ9" s="73">
        <v>304</v>
      </c>
      <c r="IK9" s="70">
        <v>123</v>
      </c>
      <c r="IL9" s="71">
        <v>73</v>
      </c>
      <c r="IM9" s="72">
        <v>196</v>
      </c>
      <c r="IN9" s="244"/>
      <c r="IO9" s="71">
        <v>166</v>
      </c>
      <c r="IP9" s="71">
        <v>113</v>
      </c>
      <c r="IQ9" s="71">
        <v>93</v>
      </c>
      <c r="IR9" s="71">
        <v>46</v>
      </c>
      <c r="IS9" s="71">
        <v>43</v>
      </c>
      <c r="IT9" s="72">
        <v>461</v>
      </c>
      <c r="IU9" s="73">
        <v>657</v>
      </c>
      <c r="IV9" s="70">
        <v>208</v>
      </c>
      <c r="IW9" s="71">
        <v>161</v>
      </c>
      <c r="IX9" s="72">
        <v>369</v>
      </c>
      <c r="IY9" s="244"/>
      <c r="IZ9" s="71">
        <v>293</v>
      </c>
      <c r="JA9" s="71">
        <v>202</v>
      </c>
      <c r="JB9" s="71">
        <v>157</v>
      </c>
      <c r="JC9" s="71">
        <v>120</v>
      </c>
      <c r="JD9" s="71">
        <v>101</v>
      </c>
      <c r="JE9" s="72">
        <v>873</v>
      </c>
      <c r="JF9" s="73">
        <v>1242</v>
      </c>
      <c r="JG9" s="70">
        <v>200</v>
      </c>
      <c r="JH9" s="71">
        <v>146</v>
      </c>
      <c r="JI9" s="72">
        <v>346</v>
      </c>
      <c r="JJ9" s="244"/>
      <c r="JK9" s="71">
        <v>337</v>
      </c>
      <c r="JL9" s="71">
        <v>240</v>
      </c>
      <c r="JM9" s="71">
        <v>184</v>
      </c>
      <c r="JN9" s="71">
        <v>198</v>
      </c>
      <c r="JO9" s="71">
        <v>105</v>
      </c>
      <c r="JP9" s="72">
        <v>1064</v>
      </c>
      <c r="JQ9" s="73">
        <v>1410</v>
      </c>
      <c r="JR9" s="70">
        <v>0</v>
      </c>
      <c r="JS9" s="71">
        <v>0</v>
      </c>
      <c r="JT9" s="72">
        <v>0</v>
      </c>
      <c r="JU9" s="244"/>
      <c r="JV9" s="71">
        <v>0</v>
      </c>
      <c r="JW9" s="71">
        <v>0</v>
      </c>
      <c r="JX9" s="71">
        <v>0</v>
      </c>
      <c r="JY9" s="71">
        <v>0</v>
      </c>
      <c r="JZ9" s="71">
        <v>0</v>
      </c>
      <c r="KA9" s="72">
        <v>0</v>
      </c>
      <c r="KB9" s="73">
        <v>0</v>
      </c>
      <c r="KC9" s="70">
        <v>623</v>
      </c>
      <c r="KD9" s="71">
        <v>443</v>
      </c>
      <c r="KE9" s="72">
        <v>1066</v>
      </c>
      <c r="KF9" s="244"/>
      <c r="KG9" s="71">
        <v>932</v>
      </c>
      <c r="KH9" s="71">
        <v>649</v>
      </c>
      <c r="KI9" s="71">
        <v>478</v>
      </c>
      <c r="KJ9" s="71">
        <v>429</v>
      </c>
      <c r="KK9" s="71">
        <v>306</v>
      </c>
      <c r="KL9" s="72">
        <v>2794</v>
      </c>
      <c r="KM9" s="73">
        <v>3860</v>
      </c>
    </row>
    <row r="10" spans="2:299" ht="19.5" customHeight="1" x14ac:dyDescent="0.2">
      <c r="B10" s="126" t="s">
        <v>14</v>
      </c>
      <c r="C10" s="316">
        <v>267</v>
      </c>
      <c r="D10" s="82">
        <v>321</v>
      </c>
      <c r="E10" s="83">
        <v>588</v>
      </c>
      <c r="F10" s="241"/>
      <c r="G10" s="82">
        <v>423</v>
      </c>
      <c r="H10" s="82">
        <v>391</v>
      </c>
      <c r="I10" s="82">
        <v>271</v>
      </c>
      <c r="J10" s="82">
        <v>222</v>
      </c>
      <c r="K10" s="82">
        <v>120</v>
      </c>
      <c r="L10" s="84">
        <v>1427</v>
      </c>
      <c r="M10" s="85">
        <v>2015</v>
      </c>
      <c r="N10" s="70">
        <v>6</v>
      </c>
      <c r="O10" s="71">
        <v>8</v>
      </c>
      <c r="P10" s="72">
        <v>14</v>
      </c>
      <c r="Q10" s="244"/>
      <c r="R10" s="71">
        <v>2</v>
      </c>
      <c r="S10" s="71">
        <v>11</v>
      </c>
      <c r="T10" s="71">
        <v>5</v>
      </c>
      <c r="U10" s="71">
        <v>3</v>
      </c>
      <c r="V10" s="71">
        <v>2</v>
      </c>
      <c r="W10" s="72">
        <v>23</v>
      </c>
      <c r="X10" s="73">
        <v>37</v>
      </c>
      <c r="Y10" s="70">
        <v>12</v>
      </c>
      <c r="Z10" s="71">
        <v>13</v>
      </c>
      <c r="AA10" s="72">
        <v>25</v>
      </c>
      <c r="AB10" s="244"/>
      <c r="AC10" s="71">
        <v>15</v>
      </c>
      <c r="AD10" s="71">
        <v>20</v>
      </c>
      <c r="AE10" s="71">
        <v>10</v>
      </c>
      <c r="AF10" s="71">
        <v>19</v>
      </c>
      <c r="AG10" s="71">
        <v>7</v>
      </c>
      <c r="AH10" s="72">
        <v>71</v>
      </c>
      <c r="AI10" s="73">
        <v>96</v>
      </c>
      <c r="AJ10" s="70">
        <v>29</v>
      </c>
      <c r="AK10" s="71">
        <v>37</v>
      </c>
      <c r="AL10" s="72">
        <v>66</v>
      </c>
      <c r="AM10" s="244"/>
      <c r="AN10" s="71">
        <v>42</v>
      </c>
      <c r="AO10" s="71">
        <v>41</v>
      </c>
      <c r="AP10" s="71">
        <v>20</v>
      </c>
      <c r="AQ10" s="71">
        <v>21</v>
      </c>
      <c r="AR10" s="71">
        <v>15</v>
      </c>
      <c r="AS10" s="72">
        <v>139</v>
      </c>
      <c r="AT10" s="73">
        <v>205</v>
      </c>
      <c r="AU10" s="70">
        <v>67</v>
      </c>
      <c r="AV10" s="71">
        <v>77</v>
      </c>
      <c r="AW10" s="72">
        <v>144</v>
      </c>
      <c r="AX10" s="244"/>
      <c r="AY10" s="71">
        <v>92</v>
      </c>
      <c r="AZ10" s="71">
        <v>89</v>
      </c>
      <c r="BA10" s="71">
        <v>50</v>
      </c>
      <c r="BB10" s="71">
        <v>41</v>
      </c>
      <c r="BC10" s="71">
        <v>19</v>
      </c>
      <c r="BD10" s="72">
        <v>291</v>
      </c>
      <c r="BE10" s="73">
        <v>435</v>
      </c>
      <c r="BF10" s="70">
        <v>82</v>
      </c>
      <c r="BG10" s="71">
        <v>92</v>
      </c>
      <c r="BH10" s="72">
        <v>174</v>
      </c>
      <c r="BI10" s="244"/>
      <c r="BJ10" s="71">
        <v>135</v>
      </c>
      <c r="BK10" s="71">
        <v>119</v>
      </c>
      <c r="BL10" s="71">
        <v>86</v>
      </c>
      <c r="BM10" s="71">
        <v>55</v>
      </c>
      <c r="BN10" s="71">
        <v>35</v>
      </c>
      <c r="BO10" s="72">
        <v>430</v>
      </c>
      <c r="BP10" s="73">
        <v>604</v>
      </c>
      <c r="BQ10" s="70">
        <v>71</v>
      </c>
      <c r="BR10" s="71">
        <v>94</v>
      </c>
      <c r="BS10" s="72">
        <v>165</v>
      </c>
      <c r="BT10" s="244"/>
      <c r="BU10" s="71">
        <v>137</v>
      </c>
      <c r="BV10" s="71">
        <v>111</v>
      </c>
      <c r="BW10" s="71">
        <v>100</v>
      </c>
      <c r="BX10" s="71">
        <v>83</v>
      </c>
      <c r="BY10" s="71">
        <v>42</v>
      </c>
      <c r="BZ10" s="72">
        <v>473</v>
      </c>
      <c r="CA10" s="73">
        <v>638</v>
      </c>
      <c r="CB10" s="70">
        <v>0</v>
      </c>
      <c r="CC10" s="71">
        <v>0</v>
      </c>
      <c r="CD10" s="72">
        <v>0</v>
      </c>
      <c r="CE10" s="244"/>
      <c r="CF10" s="71">
        <v>0</v>
      </c>
      <c r="CG10" s="71">
        <v>0</v>
      </c>
      <c r="CH10" s="71">
        <v>0</v>
      </c>
      <c r="CI10" s="71">
        <v>0</v>
      </c>
      <c r="CJ10" s="71">
        <v>0</v>
      </c>
      <c r="CK10" s="72">
        <v>0</v>
      </c>
      <c r="CL10" s="73">
        <v>0</v>
      </c>
      <c r="CM10" s="70">
        <v>267</v>
      </c>
      <c r="CN10" s="71">
        <v>321</v>
      </c>
      <c r="CO10" s="72">
        <v>588</v>
      </c>
      <c r="CP10" s="244"/>
      <c r="CQ10" s="71">
        <v>423</v>
      </c>
      <c r="CR10" s="71">
        <v>391</v>
      </c>
      <c r="CS10" s="71">
        <v>271</v>
      </c>
      <c r="CT10" s="71">
        <v>222</v>
      </c>
      <c r="CU10" s="71">
        <v>120</v>
      </c>
      <c r="CV10" s="72">
        <v>1427</v>
      </c>
      <c r="CW10" s="73">
        <v>2015</v>
      </c>
      <c r="CX10" s="123">
        <v>34</v>
      </c>
      <c r="CY10" s="82">
        <v>44</v>
      </c>
      <c r="CZ10" s="83">
        <v>78</v>
      </c>
      <c r="DA10" s="241"/>
      <c r="DB10" s="82">
        <v>38</v>
      </c>
      <c r="DC10" s="82">
        <v>44</v>
      </c>
      <c r="DD10" s="82">
        <v>29</v>
      </c>
      <c r="DE10" s="82">
        <v>33</v>
      </c>
      <c r="DF10" s="82">
        <v>18</v>
      </c>
      <c r="DG10" s="84">
        <v>162</v>
      </c>
      <c r="DH10" s="85">
        <v>240</v>
      </c>
      <c r="DI10" s="70">
        <v>1</v>
      </c>
      <c r="DJ10" s="71">
        <v>2</v>
      </c>
      <c r="DK10" s="72">
        <v>3</v>
      </c>
      <c r="DL10" s="244"/>
      <c r="DM10" s="71">
        <v>0</v>
      </c>
      <c r="DN10" s="71">
        <v>0</v>
      </c>
      <c r="DO10" s="71">
        <v>1</v>
      </c>
      <c r="DP10" s="71">
        <v>0</v>
      </c>
      <c r="DQ10" s="71">
        <v>0</v>
      </c>
      <c r="DR10" s="72">
        <v>1</v>
      </c>
      <c r="DS10" s="73">
        <v>4</v>
      </c>
      <c r="DT10" s="70">
        <v>3</v>
      </c>
      <c r="DU10" s="71">
        <v>3</v>
      </c>
      <c r="DV10" s="72">
        <v>6</v>
      </c>
      <c r="DW10" s="244"/>
      <c r="DX10" s="71">
        <v>3</v>
      </c>
      <c r="DY10" s="71">
        <v>2</v>
      </c>
      <c r="DZ10" s="71">
        <v>0</v>
      </c>
      <c r="EA10" s="71">
        <v>1</v>
      </c>
      <c r="EB10" s="71">
        <v>3</v>
      </c>
      <c r="EC10" s="72">
        <v>9</v>
      </c>
      <c r="ED10" s="73">
        <v>15</v>
      </c>
      <c r="EE10" s="70">
        <v>10</v>
      </c>
      <c r="EF10" s="71">
        <v>5</v>
      </c>
      <c r="EG10" s="72">
        <v>15</v>
      </c>
      <c r="EH10" s="244"/>
      <c r="EI10" s="71">
        <v>5</v>
      </c>
      <c r="EJ10" s="71">
        <v>6</v>
      </c>
      <c r="EK10" s="71">
        <v>2</v>
      </c>
      <c r="EL10" s="71">
        <v>3</v>
      </c>
      <c r="EM10" s="71">
        <v>0</v>
      </c>
      <c r="EN10" s="72">
        <v>16</v>
      </c>
      <c r="EO10" s="73">
        <v>31</v>
      </c>
      <c r="EP10" s="70">
        <v>8</v>
      </c>
      <c r="EQ10" s="71">
        <v>9</v>
      </c>
      <c r="ER10" s="72">
        <v>17</v>
      </c>
      <c r="ES10" s="244"/>
      <c r="ET10" s="71">
        <v>5</v>
      </c>
      <c r="EU10" s="71">
        <v>6</v>
      </c>
      <c r="EV10" s="71">
        <v>6</v>
      </c>
      <c r="EW10" s="71">
        <v>1</v>
      </c>
      <c r="EX10" s="71">
        <v>2</v>
      </c>
      <c r="EY10" s="72">
        <v>20</v>
      </c>
      <c r="EZ10" s="73">
        <v>37</v>
      </c>
      <c r="FA10" s="70">
        <v>9</v>
      </c>
      <c r="FB10" s="71">
        <v>12</v>
      </c>
      <c r="FC10" s="72">
        <v>21</v>
      </c>
      <c r="FD10" s="244"/>
      <c r="FE10" s="71">
        <v>10</v>
      </c>
      <c r="FF10" s="71">
        <v>15</v>
      </c>
      <c r="FG10" s="71">
        <v>7</v>
      </c>
      <c r="FH10" s="71">
        <v>10</v>
      </c>
      <c r="FI10" s="71">
        <v>4</v>
      </c>
      <c r="FJ10" s="72">
        <v>46</v>
      </c>
      <c r="FK10" s="73">
        <v>67</v>
      </c>
      <c r="FL10" s="70">
        <v>3</v>
      </c>
      <c r="FM10" s="71">
        <v>13</v>
      </c>
      <c r="FN10" s="72">
        <v>16</v>
      </c>
      <c r="FO10" s="244"/>
      <c r="FP10" s="71">
        <v>15</v>
      </c>
      <c r="FQ10" s="71">
        <v>15</v>
      </c>
      <c r="FR10" s="71">
        <v>13</v>
      </c>
      <c r="FS10" s="71">
        <v>18</v>
      </c>
      <c r="FT10" s="71">
        <v>9</v>
      </c>
      <c r="FU10" s="72">
        <v>70</v>
      </c>
      <c r="FV10" s="73">
        <v>86</v>
      </c>
      <c r="FW10" s="70">
        <v>0</v>
      </c>
      <c r="FX10" s="71">
        <v>0</v>
      </c>
      <c r="FY10" s="72">
        <v>0</v>
      </c>
      <c r="FZ10" s="244"/>
      <c r="GA10" s="71">
        <v>0</v>
      </c>
      <c r="GB10" s="71">
        <v>0</v>
      </c>
      <c r="GC10" s="71">
        <v>0</v>
      </c>
      <c r="GD10" s="71">
        <v>0</v>
      </c>
      <c r="GE10" s="71">
        <v>0</v>
      </c>
      <c r="GF10" s="72">
        <v>0</v>
      </c>
      <c r="GG10" s="73">
        <v>0</v>
      </c>
      <c r="GH10" s="70">
        <v>34</v>
      </c>
      <c r="GI10" s="71">
        <v>44</v>
      </c>
      <c r="GJ10" s="72">
        <v>78</v>
      </c>
      <c r="GK10" s="244"/>
      <c r="GL10" s="71">
        <v>38</v>
      </c>
      <c r="GM10" s="71">
        <v>44</v>
      </c>
      <c r="GN10" s="71">
        <v>29</v>
      </c>
      <c r="GO10" s="71">
        <v>33</v>
      </c>
      <c r="GP10" s="71">
        <v>18</v>
      </c>
      <c r="GQ10" s="72">
        <v>162</v>
      </c>
      <c r="GR10" s="73">
        <v>240</v>
      </c>
      <c r="GS10" s="123">
        <v>301</v>
      </c>
      <c r="GT10" s="82">
        <v>365</v>
      </c>
      <c r="GU10" s="83">
        <v>666</v>
      </c>
      <c r="GV10" s="241"/>
      <c r="GW10" s="82">
        <v>461</v>
      </c>
      <c r="GX10" s="82">
        <v>435</v>
      </c>
      <c r="GY10" s="82">
        <v>300</v>
      </c>
      <c r="GZ10" s="82">
        <v>255</v>
      </c>
      <c r="HA10" s="82">
        <v>138</v>
      </c>
      <c r="HB10" s="84">
        <v>1589</v>
      </c>
      <c r="HC10" s="85">
        <v>2255</v>
      </c>
      <c r="HD10" s="70">
        <v>7</v>
      </c>
      <c r="HE10" s="71">
        <v>10</v>
      </c>
      <c r="HF10" s="72">
        <v>17</v>
      </c>
      <c r="HG10" s="244"/>
      <c r="HH10" s="71">
        <v>2</v>
      </c>
      <c r="HI10" s="71">
        <v>11</v>
      </c>
      <c r="HJ10" s="71">
        <v>6</v>
      </c>
      <c r="HK10" s="71">
        <v>3</v>
      </c>
      <c r="HL10" s="71">
        <v>2</v>
      </c>
      <c r="HM10" s="72">
        <v>24</v>
      </c>
      <c r="HN10" s="73">
        <v>41</v>
      </c>
      <c r="HO10" s="70">
        <v>15</v>
      </c>
      <c r="HP10" s="71">
        <v>16</v>
      </c>
      <c r="HQ10" s="72">
        <v>31</v>
      </c>
      <c r="HR10" s="244"/>
      <c r="HS10" s="71">
        <v>18</v>
      </c>
      <c r="HT10" s="71">
        <v>22</v>
      </c>
      <c r="HU10" s="71">
        <v>10</v>
      </c>
      <c r="HV10" s="71">
        <v>20</v>
      </c>
      <c r="HW10" s="71">
        <v>10</v>
      </c>
      <c r="HX10" s="72">
        <v>80</v>
      </c>
      <c r="HY10" s="73">
        <v>111</v>
      </c>
      <c r="HZ10" s="70">
        <v>39</v>
      </c>
      <c r="IA10" s="71">
        <v>42</v>
      </c>
      <c r="IB10" s="72">
        <v>81</v>
      </c>
      <c r="IC10" s="244"/>
      <c r="ID10" s="71">
        <v>47</v>
      </c>
      <c r="IE10" s="71">
        <v>47</v>
      </c>
      <c r="IF10" s="71">
        <v>22</v>
      </c>
      <c r="IG10" s="71">
        <v>24</v>
      </c>
      <c r="IH10" s="71">
        <v>15</v>
      </c>
      <c r="II10" s="72">
        <v>155</v>
      </c>
      <c r="IJ10" s="73">
        <v>236</v>
      </c>
      <c r="IK10" s="70">
        <v>75</v>
      </c>
      <c r="IL10" s="71">
        <v>86</v>
      </c>
      <c r="IM10" s="72">
        <v>161</v>
      </c>
      <c r="IN10" s="244"/>
      <c r="IO10" s="71">
        <v>97</v>
      </c>
      <c r="IP10" s="71">
        <v>95</v>
      </c>
      <c r="IQ10" s="71">
        <v>56</v>
      </c>
      <c r="IR10" s="71">
        <v>42</v>
      </c>
      <c r="IS10" s="71">
        <v>21</v>
      </c>
      <c r="IT10" s="72">
        <v>311</v>
      </c>
      <c r="IU10" s="73">
        <v>472</v>
      </c>
      <c r="IV10" s="70">
        <v>91</v>
      </c>
      <c r="IW10" s="71">
        <v>104</v>
      </c>
      <c r="IX10" s="72">
        <v>195</v>
      </c>
      <c r="IY10" s="244"/>
      <c r="IZ10" s="71">
        <v>145</v>
      </c>
      <c r="JA10" s="71">
        <v>134</v>
      </c>
      <c r="JB10" s="71">
        <v>93</v>
      </c>
      <c r="JC10" s="71">
        <v>65</v>
      </c>
      <c r="JD10" s="71">
        <v>39</v>
      </c>
      <c r="JE10" s="72">
        <v>476</v>
      </c>
      <c r="JF10" s="73">
        <v>671</v>
      </c>
      <c r="JG10" s="70">
        <v>74</v>
      </c>
      <c r="JH10" s="71">
        <v>107</v>
      </c>
      <c r="JI10" s="72">
        <v>181</v>
      </c>
      <c r="JJ10" s="244"/>
      <c r="JK10" s="71">
        <v>152</v>
      </c>
      <c r="JL10" s="71">
        <v>126</v>
      </c>
      <c r="JM10" s="71">
        <v>113</v>
      </c>
      <c r="JN10" s="71">
        <v>101</v>
      </c>
      <c r="JO10" s="71">
        <v>51</v>
      </c>
      <c r="JP10" s="72">
        <v>543</v>
      </c>
      <c r="JQ10" s="73">
        <v>724</v>
      </c>
      <c r="JR10" s="70">
        <v>0</v>
      </c>
      <c r="JS10" s="71">
        <v>0</v>
      </c>
      <c r="JT10" s="72">
        <v>0</v>
      </c>
      <c r="JU10" s="244"/>
      <c r="JV10" s="71">
        <v>0</v>
      </c>
      <c r="JW10" s="71">
        <v>0</v>
      </c>
      <c r="JX10" s="71">
        <v>0</v>
      </c>
      <c r="JY10" s="71">
        <v>0</v>
      </c>
      <c r="JZ10" s="71">
        <v>0</v>
      </c>
      <c r="KA10" s="72">
        <v>0</v>
      </c>
      <c r="KB10" s="73">
        <v>0</v>
      </c>
      <c r="KC10" s="70">
        <v>301</v>
      </c>
      <c r="KD10" s="71">
        <v>365</v>
      </c>
      <c r="KE10" s="72">
        <v>666</v>
      </c>
      <c r="KF10" s="244"/>
      <c r="KG10" s="71">
        <v>461</v>
      </c>
      <c r="KH10" s="71">
        <v>435</v>
      </c>
      <c r="KI10" s="71">
        <v>300</v>
      </c>
      <c r="KJ10" s="71">
        <v>255</v>
      </c>
      <c r="KK10" s="71">
        <v>138</v>
      </c>
      <c r="KL10" s="72">
        <v>1589</v>
      </c>
      <c r="KM10" s="73">
        <v>2255</v>
      </c>
    </row>
    <row r="11" spans="2:299" ht="19.5" customHeight="1" x14ac:dyDescent="0.2">
      <c r="B11" s="126" t="s">
        <v>7</v>
      </c>
      <c r="C11" s="316">
        <v>247</v>
      </c>
      <c r="D11" s="82">
        <v>161</v>
      </c>
      <c r="E11" s="83">
        <v>408</v>
      </c>
      <c r="F11" s="241"/>
      <c r="G11" s="82">
        <v>543</v>
      </c>
      <c r="H11" s="82">
        <v>334</v>
      </c>
      <c r="I11" s="82">
        <v>200</v>
      </c>
      <c r="J11" s="82">
        <v>189</v>
      </c>
      <c r="K11" s="82">
        <v>91</v>
      </c>
      <c r="L11" s="84">
        <v>1357</v>
      </c>
      <c r="M11" s="85">
        <v>1765</v>
      </c>
      <c r="N11" s="70">
        <v>2</v>
      </c>
      <c r="O11" s="71">
        <v>1</v>
      </c>
      <c r="P11" s="72">
        <v>3</v>
      </c>
      <c r="Q11" s="244"/>
      <c r="R11" s="71">
        <v>4</v>
      </c>
      <c r="S11" s="71">
        <v>7</v>
      </c>
      <c r="T11" s="71">
        <v>4</v>
      </c>
      <c r="U11" s="71">
        <v>3</v>
      </c>
      <c r="V11" s="71">
        <v>0</v>
      </c>
      <c r="W11" s="72">
        <v>18</v>
      </c>
      <c r="X11" s="73">
        <v>21</v>
      </c>
      <c r="Y11" s="70">
        <v>11</v>
      </c>
      <c r="Z11" s="71">
        <v>6</v>
      </c>
      <c r="AA11" s="72">
        <v>17</v>
      </c>
      <c r="AB11" s="244"/>
      <c r="AC11" s="71">
        <v>25</v>
      </c>
      <c r="AD11" s="71">
        <v>15</v>
      </c>
      <c r="AE11" s="71">
        <v>9</v>
      </c>
      <c r="AF11" s="71">
        <v>4</v>
      </c>
      <c r="AG11" s="71">
        <v>3</v>
      </c>
      <c r="AH11" s="72">
        <v>56</v>
      </c>
      <c r="AI11" s="73">
        <v>73</v>
      </c>
      <c r="AJ11" s="70">
        <v>11</v>
      </c>
      <c r="AK11" s="71">
        <v>16</v>
      </c>
      <c r="AL11" s="72">
        <v>27</v>
      </c>
      <c r="AM11" s="244"/>
      <c r="AN11" s="71">
        <v>51</v>
      </c>
      <c r="AO11" s="71">
        <v>32</v>
      </c>
      <c r="AP11" s="71">
        <v>22</v>
      </c>
      <c r="AQ11" s="71">
        <v>11</v>
      </c>
      <c r="AR11" s="71">
        <v>11</v>
      </c>
      <c r="AS11" s="72">
        <v>127</v>
      </c>
      <c r="AT11" s="73">
        <v>154</v>
      </c>
      <c r="AU11" s="70">
        <v>50</v>
      </c>
      <c r="AV11" s="71">
        <v>34</v>
      </c>
      <c r="AW11" s="72">
        <v>84</v>
      </c>
      <c r="AX11" s="244"/>
      <c r="AY11" s="71">
        <v>98</v>
      </c>
      <c r="AZ11" s="71">
        <v>70</v>
      </c>
      <c r="BA11" s="71">
        <v>33</v>
      </c>
      <c r="BB11" s="71">
        <v>30</v>
      </c>
      <c r="BC11" s="71">
        <v>26</v>
      </c>
      <c r="BD11" s="72">
        <v>257</v>
      </c>
      <c r="BE11" s="73">
        <v>341</v>
      </c>
      <c r="BF11" s="70">
        <v>101</v>
      </c>
      <c r="BG11" s="71">
        <v>61</v>
      </c>
      <c r="BH11" s="72">
        <v>162</v>
      </c>
      <c r="BI11" s="244"/>
      <c r="BJ11" s="71">
        <v>168</v>
      </c>
      <c r="BK11" s="71">
        <v>103</v>
      </c>
      <c r="BL11" s="71">
        <v>70</v>
      </c>
      <c r="BM11" s="71">
        <v>59</v>
      </c>
      <c r="BN11" s="71">
        <v>25</v>
      </c>
      <c r="BO11" s="72">
        <v>425</v>
      </c>
      <c r="BP11" s="73">
        <v>587</v>
      </c>
      <c r="BQ11" s="70">
        <v>72</v>
      </c>
      <c r="BR11" s="71">
        <v>43</v>
      </c>
      <c r="BS11" s="72">
        <v>115</v>
      </c>
      <c r="BT11" s="244"/>
      <c r="BU11" s="71">
        <v>197</v>
      </c>
      <c r="BV11" s="71">
        <v>107</v>
      </c>
      <c r="BW11" s="71">
        <v>62</v>
      </c>
      <c r="BX11" s="71">
        <v>82</v>
      </c>
      <c r="BY11" s="71">
        <v>26</v>
      </c>
      <c r="BZ11" s="72">
        <v>474</v>
      </c>
      <c r="CA11" s="73">
        <v>589</v>
      </c>
      <c r="CB11" s="70">
        <v>0</v>
      </c>
      <c r="CC11" s="71">
        <v>0</v>
      </c>
      <c r="CD11" s="72">
        <v>0</v>
      </c>
      <c r="CE11" s="244"/>
      <c r="CF11" s="71">
        <v>0</v>
      </c>
      <c r="CG11" s="71">
        <v>0</v>
      </c>
      <c r="CH11" s="71">
        <v>0</v>
      </c>
      <c r="CI11" s="71">
        <v>0</v>
      </c>
      <c r="CJ11" s="71">
        <v>0</v>
      </c>
      <c r="CK11" s="72">
        <v>0</v>
      </c>
      <c r="CL11" s="73">
        <v>0</v>
      </c>
      <c r="CM11" s="70">
        <v>247</v>
      </c>
      <c r="CN11" s="71">
        <v>161</v>
      </c>
      <c r="CO11" s="72">
        <v>408</v>
      </c>
      <c r="CP11" s="244"/>
      <c r="CQ11" s="71">
        <v>543</v>
      </c>
      <c r="CR11" s="71">
        <v>334</v>
      </c>
      <c r="CS11" s="71">
        <v>200</v>
      </c>
      <c r="CT11" s="71">
        <v>189</v>
      </c>
      <c r="CU11" s="71">
        <v>91</v>
      </c>
      <c r="CV11" s="72">
        <v>1357</v>
      </c>
      <c r="CW11" s="73">
        <v>1765</v>
      </c>
      <c r="CX11" s="123">
        <v>34</v>
      </c>
      <c r="CY11" s="82">
        <v>24</v>
      </c>
      <c r="CZ11" s="83">
        <v>58</v>
      </c>
      <c r="DA11" s="241"/>
      <c r="DB11" s="82">
        <v>70</v>
      </c>
      <c r="DC11" s="82">
        <v>36</v>
      </c>
      <c r="DD11" s="82">
        <v>26</v>
      </c>
      <c r="DE11" s="82">
        <v>26</v>
      </c>
      <c r="DF11" s="82">
        <v>18</v>
      </c>
      <c r="DG11" s="84">
        <v>176</v>
      </c>
      <c r="DH11" s="85">
        <v>234</v>
      </c>
      <c r="DI11" s="70">
        <v>1</v>
      </c>
      <c r="DJ11" s="71">
        <v>0</v>
      </c>
      <c r="DK11" s="72">
        <v>1</v>
      </c>
      <c r="DL11" s="244"/>
      <c r="DM11" s="71">
        <v>1</v>
      </c>
      <c r="DN11" s="71">
        <v>0</v>
      </c>
      <c r="DO11" s="71">
        <v>0</v>
      </c>
      <c r="DP11" s="71">
        <v>0</v>
      </c>
      <c r="DQ11" s="71">
        <v>0</v>
      </c>
      <c r="DR11" s="72">
        <v>1</v>
      </c>
      <c r="DS11" s="73">
        <v>2</v>
      </c>
      <c r="DT11" s="70">
        <v>5</v>
      </c>
      <c r="DU11" s="71">
        <v>1</v>
      </c>
      <c r="DV11" s="72">
        <v>6</v>
      </c>
      <c r="DW11" s="244"/>
      <c r="DX11" s="71">
        <v>2</v>
      </c>
      <c r="DY11" s="71">
        <v>2</v>
      </c>
      <c r="DZ11" s="71">
        <v>1</v>
      </c>
      <c r="EA11" s="71">
        <v>3</v>
      </c>
      <c r="EB11" s="71">
        <v>1</v>
      </c>
      <c r="EC11" s="72">
        <v>9</v>
      </c>
      <c r="ED11" s="73">
        <v>15</v>
      </c>
      <c r="EE11" s="70">
        <v>2</v>
      </c>
      <c r="EF11" s="71">
        <v>1</v>
      </c>
      <c r="EG11" s="72">
        <v>3</v>
      </c>
      <c r="EH11" s="244"/>
      <c r="EI11" s="71">
        <v>7</v>
      </c>
      <c r="EJ11" s="71">
        <v>4</v>
      </c>
      <c r="EK11" s="71">
        <v>1</v>
      </c>
      <c r="EL11" s="71">
        <v>1</v>
      </c>
      <c r="EM11" s="71">
        <v>1</v>
      </c>
      <c r="EN11" s="72">
        <v>14</v>
      </c>
      <c r="EO11" s="73">
        <v>17</v>
      </c>
      <c r="EP11" s="70">
        <v>10</v>
      </c>
      <c r="EQ11" s="71">
        <v>8</v>
      </c>
      <c r="ER11" s="72">
        <v>18</v>
      </c>
      <c r="ES11" s="244"/>
      <c r="ET11" s="71">
        <v>17</v>
      </c>
      <c r="EU11" s="71">
        <v>2</v>
      </c>
      <c r="EV11" s="71">
        <v>1</v>
      </c>
      <c r="EW11" s="71">
        <v>4</v>
      </c>
      <c r="EX11" s="71">
        <v>2</v>
      </c>
      <c r="EY11" s="72">
        <v>26</v>
      </c>
      <c r="EZ11" s="73">
        <v>44</v>
      </c>
      <c r="FA11" s="70">
        <v>8</v>
      </c>
      <c r="FB11" s="71">
        <v>8</v>
      </c>
      <c r="FC11" s="72">
        <v>16</v>
      </c>
      <c r="FD11" s="244"/>
      <c r="FE11" s="71">
        <v>18</v>
      </c>
      <c r="FF11" s="71">
        <v>9</v>
      </c>
      <c r="FG11" s="71">
        <v>8</v>
      </c>
      <c r="FH11" s="71">
        <v>9</v>
      </c>
      <c r="FI11" s="71">
        <v>7</v>
      </c>
      <c r="FJ11" s="72">
        <v>51</v>
      </c>
      <c r="FK11" s="73">
        <v>67</v>
      </c>
      <c r="FL11" s="70">
        <v>8</v>
      </c>
      <c r="FM11" s="71">
        <v>6</v>
      </c>
      <c r="FN11" s="72">
        <v>14</v>
      </c>
      <c r="FO11" s="244"/>
      <c r="FP11" s="71">
        <v>25</v>
      </c>
      <c r="FQ11" s="71">
        <v>19</v>
      </c>
      <c r="FR11" s="71">
        <v>15</v>
      </c>
      <c r="FS11" s="71">
        <v>9</v>
      </c>
      <c r="FT11" s="71">
        <v>7</v>
      </c>
      <c r="FU11" s="72">
        <v>75</v>
      </c>
      <c r="FV11" s="73">
        <v>89</v>
      </c>
      <c r="FW11" s="70">
        <v>0</v>
      </c>
      <c r="FX11" s="71">
        <v>0</v>
      </c>
      <c r="FY11" s="72">
        <v>0</v>
      </c>
      <c r="FZ11" s="244"/>
      <c r="GA11" s="71">
        <v>0</v>
      </c>
      <c r="GB11" s="71">
        <v>0</v>
      </c>
      <c r="GC11" s="71">
        <v>0</v>
      </c>
      <c r="GD11" s="71">
        <v>0</v>
      </c>
      <c r="GE11" s="71">
        <v>0</v>
      </c>
      <c r="GF11" s="72">
        <v>0</v>
      </c>
      <c r="GG11" s="73">
        <v>0</v>
      </c>
      <c r="GH11" s="70">
        <v>34</v>
      </c>
      <c r="GI11" s="71">
        <v>24</v>
      </c>
      <c r="GJ11" s="72">
        <v>58</v>
      </c>
      <c r="GK11" s="244"/>
      <c r="GL11" s="71">
        <v>70</v>
      </c>
      <c r="GM11" s="71">
        <v>36</v>
      </c>
      <c r="GN11" s="71">
        <v>26</v>
      </c>
      <c r="GO11" s="71">
        <v>26</v>
      </c>
      <c r="GP11" s="71">
        <v>18</v>
      </c>
      <c r="GQ11" s="72">
        <v>176</v>
      </c>
      <c r="GR11" s="73">
        <v>234</v>
      </c>
      <c r="GS11" s="123">
        <v>281</v>
      </c>
      <c r="GT11" s="82">
        <v>185</v>
      </c>
      <c r="GU11" s="83">
        <v>466</v>
      </c>
      <c r="GV11" s="241"/>
      <c r="GW11" s="82">
        <v>613</v>
      </c>
      <c r="GX11" s="82">
        <v>370</v>
      </c>
      <c r="GY11" s="82">
        <v>226</v>
      </c>
      <c r="GZ11" s="82">
        <v>215</v>
      </c>
      <c r="HA11" s="82">
        <v>109</v>
      </c>
      <c r="HB11" s="84">
        <v>1533</v>
      </c>
      <c r="HC11" s="85">
        <v>1999</v>
      </c>
      <c r="HD11" s="70">
        <v>3</v>
      </c>
      <c r="HE11" s="71">
        <v>1</v>
      </c>
      <c r="HF11" s="72">
        <v>4</v>
      </c>
      <c r="HG11" s="244"/>
      <c r="HH11" s="71">
        <v>5</v>
      </c>
      <c r="HI11" s="71">
        <v>7</v>
      </c>
      <c r="HJ11" s="71">
        <v>4</v>
      </c>
      <c r="HK11" s="71">
        <v>3</v>
      </c>
      <c r="HL11" s="71">
        <v>0</v>
      </c>
      <c r="HM11" s="72">
        <v>19</v>
      </c>
      <c r="HN11" s="73">
        <v>23</v>
      </c>
      <c r="HO11" s="70">
        <v>16</v>
      </c>
      <c r="HP11" s="71">
        <v>7</v>
      </c>
      <c r="HQ11" s="72">
        <v>23</v>
      </c>
      <c r="HR11" s="244"/>
      <c r="HS11" s="71">
        <v>27</v>
      </c>
      <c r="HT11" s="71">
        <v>17</v>
      </c>
      <c r="HU11" s="71">
        <v>10</v>
      </c>
      <c r="HV11" s="71">
        <v>7</v>
      </c>
      <c r="HW11" s="71">
        <v>4</v>
      </c>
      <c r="HX11" s="72">
        <v>65</v>
      </c>
      <c r="HY11" s="73">
        <v>88</v>
      </c>
      <c r="HZ11" s="70">
        <v>13</v>
      </c>
      <c r="IA11" s="71">
        <v>17</v>
      </c>
      <c r="IB11" s="72">
        <v>30</v>
      </c>
      <c r="IC11" s="244"/>
      <c r="ID11" s="71">
        <v>58</v>
      </c>
      <c r="IE11" s="71">
        <v>36</v>
      </c>
      <c r="IF11" s="71">
        <v>23</v>
      </c>
      <c r="IG11" s="71">
        <v>12</v>
      </c>
      <c r="IH11" s="71">
        <v>12</v>
      </c>
      <c r="II11" s="72">
        <v>141</v>
      </c>
      <c r="IJ11" s="73">
        <v>171</v>
      </c>
      <c r="IK11" s="70">
        <v>60</v>
      </c>
      <c r="IL11" s="71">
        <v>42</v>
      </c>
      <c r="IM11" s="72">
        <v>102</v>
      </c>
      <c r="IN11" s="244"/>
      <c r="IO11" s="71">
        <v>115</v>
      </c>
      <c r="IP11" s="71">
        <v>72</v>
      </c>
      <c r="IQ11" s="71">
        <v>34</v>
      </c>
      <c r="IR11" s="71">
        <v>34</v>
      </c>
      <c r="IS11" s="71">
        <v>28</v>
      </c>
      <c r="IT11" s="72">
        <v>283</v>
      </c>
      <c r="IU11" s="73">
        <v>385</v>
      </c>
      <c r="IV11" s="70">
        <v>109</v>
      </c>
      <c r="IW11" s="71">
        <v>69</v>
      </c>
      <c r="IX11" s="72">
        <v>178</v>
      </c>
      <c r="IY11" s="244"/>
      <c r="IZ11" s="71">
        <v>186</v>
      </c>
      <c r="JA11" s="71">
        <v>112</v>
      </c>
      <c r="JB11" s="71">
        <v>78</v>
      </c>
      <c r="JC11" s="71">
        <v>68</v>
      </c>
      <c r="JD11" s="71">
        <v>32</v>
      </c>
      <c r="JE11" s="72">
        <v>476</v>
      </c>
      <c r="JF11" s="73">
        <v>654</v>
      </c>
      <c r="JG11" s="70">
        <v>80</v>
      </c>
      <c r="JH11" s="71">
        <v>49</v>
      </c>
      <c r="JI11" s="72">
        <v>129</v>
      </c>
      <c r="JJ11" s="244"/>
      <c r="JK11" s="71">
        <v>222</v>
      </c>
      <c r="JL11" s="71">
        <v>126</v>
      </c>
      <c r="JM11" s="71">
        <v>77</v>
      </c>
      <c r="JN11" s="71">
        <v>91</v>
      </c>
      <c r="JO11" s="71">
        <v>33</v>
      </c>
      <c r="JP11" s="72">
        <v>549</v>
      </c>
      <c r="JQ11" s="73">
        <v>678</v>
      </c>
      <c r="JR11" s="70">
        <v>0</v>
      </c>
      <c r="JS11" s="71">
        <v>0</v>
      </c>
      <c r="JT11" s="72">
        <v>0</v>
      </c>
      <c r="JU11" s="244"/>
      <c r="JV11" s="71">
        <v>0</v>
      </c>
      <c r="JW11" s="71">
        <v>0</v>
      </c>
      <c r="JX11" s="71">
        <v>0</v>
      </c>
      <c r="JY11" s="71">
        <v>0</v>
      </c>
      <c r="JZ11" s="71">
        <v>0</v>
      </c>
      <c r="KA11" s="72">
        <v>0</v>
      </c>
      <c r="KB11" s="73">
        <v>0</v>
      </c>
      <c r="KC11" s="70">
        <v>281</v>
      </c>
      <c r="KD11" s="71">
        <v>185</v>
      </c>
      <c r="KE11" s="72">
        <v>466</v>
      </c>
      <c r="KF11" s="244"/>
      <c r="KG11" s="71">
        <v>613</v>
      </c>
      <c r="KH11" s="71">
        <v>370</v>
      </c>
      <c r="KI11" s="71">
        <v>226</v>
      </c>
      <c r="KJ11" s="71">
        <v>215</v>
      </c>
      <c r="KK11" s="71">
        <v>109</v>
      </c>
      <c r="KL11" s="72">
        <v>1533</v>
      </c>
      <c r="KM11" s="73">
        <v>1999</v>
      </c>
    </row>
    <row r="12" spans="2:299" ht="19.5" customHeight="1" x14ac:dyDescent="0.2">
      <c r="B12" s="126" t="s">
        <v>8</v>
      </c>
      <c r="C12" s="316">
        <v>110</v>
      </c>
      <c r="D12" s="82">
        <v>59</v>
      </c>
      <c r="E12" s="83">
        <v>169</v>
      </c>
      <c r="F12" s="241"/>
      <c r="G12" s="82">
        <v>143</v>
      </c>
      <c r="H12" s="82">
        <v>116</v>
      </c>
      <c r="I12" s="82">
        <v>85</v>
      </c>
      <c r="J12" s="82">
        <v>59</v>
      </c>
      <c r="K12" s="82">
        <v>36</v>
      </c>
      <c r="L12" s="84">
        <v>439</v>
      </c>
      <c r="M12" s="85">
        <v>608</v>
      </c>
      <c r="N12" s="70">
        <v>3</v>
      </c>
      <c r="O12" s="71">
        <v>2</v>
      </c>
      <c r="P12" s="72">
        <v>5</v>
      </c>
      <c r="Q12" s="244"/>
      <c r="R12" s="71">
        <v>4</v>
      </c>
      <c r="S12" s="71">
        <v>4</v>
      </c>
      <c r="T12" s="71">
        <v>1</v>
      </c>
      <c r="U12" s="71">
        <v>3</v>
      </c>
      <c r="V12" s="71">
        <v>1</v>
      </c>
      <c r="W12" s="72">
        <v>13</v>
      </c>
      <c r="X12" s="73">
        <v>18</v>
      </c>
      <c r="Y12" s="70">
        <v>1</v>
      </c>
      <c r="Z12" s="71">
        <v>2</v>
      </c>
      <c r="AA12" s="72">
        <v>3</v>
      </c>
      <c r="AB12" s="244"/>
      <c r="AC12" s="71">
        <v>6</v>
      </c>
      <c r="AD12" s="71">
        <v>10</v>
      </c>
      <c r="AE12" s="71">
        <v>1</v>
      </c>
      <c r="AF12" s="71">
        <v>6</v>
      </c>
      <c r="AG12" s="71">
        <v>0</v>
      </c>
      <c r="AH12" s="72">
        <v>23</v>
      </c>
      <c r="AI12" s="73">
        <v>26</v>
      </c>
      <c r="AJ12" s="70">
        <v>8</v>
      </c>
      <c r="AK12" s="71">
        <v>5</v>
      </c>
      <c r="AL12" s="72">
        <v>13</v>
      </c>
      <c r="AM12" s="244"/>
      <c r="AN12" s="71">
        <v>13</v>
      </c>
      <c r="AO12" s="71">
        <v>14</v>
      </c>
      <c r="AP12" s="71">
        <v>6</v>
      </c>
      <c r="AQ12" s="71">
        <v>3</v>
      </c>
      <c r="AR12" s="71">
        <v>5</v>
      </c>
      <c r="AS12" s="72">
        <v>41</v>
      </c>
      <c r="AT12" s="73">
        <v>54</v>
      </c>
      <c r="AU12" s="70">
        <v>29</v>
      </c>
      <c r="AV12" s="71">
        <v>7</v>
      </c>
      <c r="AW12" s="72">
        <v>36</v>
      </c>
      <c r="AX12" s="244"/>
      <c r="AY12" s="71">
        <v>22</v>
      </c>
      <c r="AZ12" s="71">
        <v>16</v>
      </c>
      <c r="BA12" s="71">
        <v>14</v>
      </c>
      <c r="BB12" s="71">
        <v>12</v>
      </c>
      <c r="BC12" s="71">
        <v>8</v>
      </c>
      <c r="BD12" s="72">
        <v>72</v>
      </c>
      <c r="BE12" s="73">
        <v>108</v>
      </c>
      <c r="BF12" s="70">
        <v>34</v>
      </c>
      <c r="BG12" s="71">
        <v>19</v>
      </c>
      <c r="BH12" s="72">
        <v>53</v>
      </c>
      <c r="BI12" s="244"/>
      <c r="BJ12" s="71">
        <v>44</v>
      </c>
      <c r="BK12" s="71">
        <v>27</v>
      </c>
      <c r="BL12" s="71">
        <v>22</v>
      </c>
      <c r="BM12" s="71">
        <v>9</v>
      </c>
      <c r="BN12" s="71">
        <v>9</v>
      </c>
      <c r="BO12" s="72">
        <v>111</v>
      </c>
      <c r="BP12" s="73">
        <v>164</v>
      </c>
      <c r="BQ12" s="70">
        <v>35</v>
      </c>
      <c r="BR12" s="71">
        <v>24</v>
      </c>
      <c r="BS12" s="72">
        <v>59</v>
      </c>
      <c r="BT12" s="244"/>
      <c r="BU12" s="71">
        <v>54</v>
      </c>
      <c r="BV12" s="71">
        <v>45</v>
      </c>
      <c r="BW12" s="71">
        <v>41</v>
      </c>
      <c r="BX12" s="71">
        <v>26</v>
      </c>
      <c r="BY12" s="71">
        <v>13</v>
      </c>
      <c r="BZ12" s="72">
        <v>179</v>
      </c>
      <c r="CA12" s="73">
        <v>238</v>
      </c>
      <c r="CB12" s="70">
        <v>0</v>
      </c>
      <c r="CC12" s="71">
        <v>0</v>
      </c>
      <c r="CD12" s="72">
        <v>0</v>
      </c>
      <c r="CE12" s="244"/>
      <c r="CF12" s="71">
        <v>0</v>
      </c>
      <c r="CG12" s="71">
        <v>0</v>
      </c>
      <c r="CH12" s="71">
        <v>0</v>
      </c>
      <c r="CI12" s="71">
        <v>0</v>
      </c>
      <c r="CJ12" s="71">
        <v>0</v>
      </c>
      <c r="CK12" s="72">
        <v>0</v>
      </c>
      <c r="CL12" s="73">
        <v>0</v>
      </c>
      <c r="CM12" s="70">
        <v>110</v>
      </c>
      <c r="CN12" s="71">
        <v>59</v>
      </c>
      <c r="CO12" s="72">
        <v>169</v>
      </c>
      <c r="CP12" s="244"/>
      <c r="CQ12" s="71">
        <v>143</v>
      </c>
      <c r="CR12" s="71">
        <v>116</v>
      </c>
      <c r="CS12" s="71">
        <v>85</v>
      </c>
      <c r="CT12" s="71">
        <v>59</v>
      </c>
      <c r="CU12" s="71">
        <v>36</v>
      </c>
      <c r="CV12" s="72">
        <v>439</v>
      </c>
      <c r="CW12" s="73">
        <v>608</v>
      </c>
      <c r="CX12" s="123">
        <v>14</v>
      </c>
      <c r="CY12" s="82">
        <v>10</v>
      </c>
      <c r="CZ12" s="83">
        <v>24</v>
      </c>
      <c r="DA12" s="241"/>
      <c r="DB12" s="82">
        <v>20</v>
      </c>
      <c r="DC12" s="82">
        <v>27</v>
      </c>
      <c r="DD12" s="82">
        <v>9</v>
      </c>
      <c r="DE12" s="82">
        <v>8</v>
      </c>
      <c r="DF12" s="82">
        <v>5</v>
      </c>
      <c r="DG12" s="84">
        <v>69</v>
      </c>
      <c r="DH12" s="85">
        <v>93</v>
      </c>
      <c r="DI12" s="70">
        <v>1</v>
      </c>
      <c r="DJ12" s="71">
        <v>0</v>
      </c>
      <c r="DK12" s="72">
        <v>1</v>
      </c>
      <c r="DL12" s="244"/>
      <c r="DM12" s="71">
        <v>0</v>
      </c>
      <c r="DN12" s="71">
        <v>0</v>
      </c>
      <c r="DO12" s="71">
        <v>0</v>
      </c>
      <c r="DP12" s="71">
        <v>0</v>
      </c>
      <c r="DQ12" s="71">
        <v>0</v>
      </c>
      <c r="DR12" s="72">
        <v>0</v>
      </c>
      <c r="DS12" s="73">
        <v>1</v>
      </c>
      <c r="DT12" s="70">
        <v>1</v>
      </c>
      <c r="DU12" s="71">
        <v>0</v>
      </c>
      <c r="DV12" s="72">
        <v>1</v>
      </c>
      <c r="DW12" s="244"/>
      <c r="DX12" s="71">
        <v>1</v>
      </c>
      <c r="DY12" s="71">
        <v>1</v>
      </c>
      <c r="DZ12" s="71">
        <v>0</v>
      </c>
      <c r="EA12" s="71">
        <v>0</v>
      </c>
      <c r="EB12" s="71">
        <v>0</v>
      </c>
      <c r="EC12" s="72">
        <v>2</v>
      </c>
      <c r="ED12" s="73">
        <v>3</v>
      </c>
      <c r="EE12" s="70">
        <v>1</v>
      </c>
      <c r="EF12" s="71">
        <v>3</v>
      </c>
      <c r="EG12" s="72">
        <v>4</v>
      </c>
      <c r="EH12" s="244"/>
      <c r="EI12" s="71">
        <v>1</v>
      </c>
      <c r="EJ12" s="71">
        <v>2</v>
      </c>
      <c r="EK12" s="71">
        <v>0</v>
      </c>
      <c r="EL12" s="71">
        <v>1</v>
      </c>
      <c r="EM12" s="71">
        <v>0</v>
      </c>
      <c r="EN12" s="72">
        <v>4</v>
      </c>
      <c r="EO12" s="73">
        <v>8</v>
      </c>
      <c r="EP12" s="70">
        <v>4</v>
      </c>
      <c r="EQ12" s="71">
        <v>1</v>
      </c>
      <c r="ER12" s="72">
        <v>5</v>
      </c>
      <c r="ES12" s="244"/>
      <c r="ET12" s="71">
        <v>3</v>
      </c>
      <c r="EU12" s="71">
        <v>4</v>
      </c>
      <c r="EV12" s="71">
        <v>1</v>
      </c>
      <c r="EW12" s="71">
        <v>1</v>
      </c>
      <c r="EX12" s="71">
        <v>1</v>
      </c>
      <c r="EY12" s="72">
        <v>10</v>
      </c>
      <c r="EZ12" s="73">
        <v>15</v>
      </c>
      <c r="FA12" s="70">
        <v>3</v>
      </c>
      <c r="FB12" s="71">
        <v>2</v>
      </c>
      <c r="FC12" s="72">
        <v>5</v>
      </c>
      <c r="FD12" s="244"/>
      <c r="FE12" s="71">
        <v>6</v>
      </c>
      <c r="FF12" s="71">
        <v>8</v>
      </c>
      <c r="FG12" s="71">
        <v>2</v>
      </c>
      <c r="FH12" s="71">
        <v>1</v>
      </c>
      <c r="FI12" s="71">
        <v>2</v>
      </c>
      <c r="FJ12" s="72">
        <v>19</v>
      </c>
      <c r="FK12" s="73">
        <v>24</v>
      </c>
      <c r="FL12" s="70">
        <v>4</v>
      </c>
      <c r="FM12" s="71">
        <v>4</v>
      </c>
      <c r="FN12" s="72">
        <v>8</v>
      </c>
      <c r="FO12" s="244"/>
      <c r="FP12" s="71">
        <v>9</v>
      </c>
      <c r="FQ12" s="71">
        <v>12</v>
      </c>
      <c r="FR12" s="71">
        <v>6</v>
      </c>
      <c r="FS12" s="71">
        <v>5</v>
      </c>
      <c r="FT12" s="71">
        <v>2</v>
      </c>
      <c r="FU12" s="72">
        <v>34</v>
      </c>
      <c r="FV12" s="73">
        <v>42</v>
      </c>
      <c r="FW12" s="70">
        <v>0</v>
      </c>
      <c r="FX12" s="71">
        <v>0</v>
      </c>
      <c r="FY12" s="72">
        <v>0</v>
      </c>
      <c r="FZ12" s="244"/>
      <c r="GA12" s="71">
        <v>0</v>
      </c>
      <c r="GB12" s="71">
        <v>0</v>
      </c>
      <c r="GC12" s="71">
        <v>0</v>
      </c>
      <c r="GD12" s="71">
        <v>0</v>
      </c>
      <c r="GE12" s="71">
        <v>0</v>
      </c>
      <c r="GF12" s="72">
        <v>0</v>
      </c>
      <c r="GG12" s="73">
        <v>0</v>
      </c>
      <c r="GH12" s="70">
        <v>14</v>
      </c>
      <c r="GI12" s="71">
        <v>10</v>
      </c>
      <c r="GJ12" s="72">
        <v>24</v>
      </c>
      <c r="GK12" s="244"/>
      <c r="GL12" s="71">
        <v>20</v>
      </c>
      <c r="GM12" s="71">
        <v>27</v>
      </c>
      <c r="GN12" s="71">
        <v>9</v>
      </c>
      <c r="GO12" s="71">
        <v>8</v>
      </c>
      <c r="GP12" s="71">
        <v>5</v>
      </c>
      <c r="GQ12" s="72">
        <v>69</v>
      </c>
      <c r="GR12" s="73">
        <v>93</v>
      </c>
      <c r="GS12" s="123">
        <v>124</v>
      </c>
      <c r="GT12" s="82">
        <v>69</v>
      </c>
      <c r="GU12" s="83">
        <v>193</v>
      </c>
      <c r="GV12" s="241"/>
      <c r="GW12" s="82">
        <v>163</v>
      </c>
      <c r="GX12" s="82">
        <v>143</v>
      </c>
      <c r="GY12" s="82">
        <v>94</v>
      </c>
      <c r="GZ12" s="82">
        <v>67</v>
      </c>
      <c r="HA12" s="82">
        <v>41</v>
      </c>
      <c r="HB12" s="84">
        <v>508</v>
      </c>
      <c r="HC12" s="85">
        <v>701</v>
      </c>
      <c r="HD12" s="70">
        <v>4</v>
      </c>
      <c r="HE12" s="71">
        <v>2</v>
      </c>
      <c r="HF12" s="72">
        <v>6</v>
      </c>
      <c r="HG12" s="244"/>
      <c r="HH12" s="71">
        <v>4</v>
      </c>
      <c r="HI12" s="71">
        <v>4</v>
      </c>
      <c r="HJ12" s="71">
        <v>1</v>
      </c>
      <c r="HK12" s="71">
        <v>3</v>
      </c>
      <c r="HL12" s="71">
        <v>1</v>
      </c>
      <c r="HM12" s="72">
        <v>13</v>
      </c>
      <c r="HN12" s="73">
        <v>19</v>
      </c>
      <c r="HO12" s="70">
        <v>2</v>
      </c>
      <c r="HP12" s="71">
        <v>2</v>
      </c>
      <c r="HQ12" s="72">
        <v>4</v>
      </c>
      <c r="HR12" s="244"/>
      <c r="HS12" s="71">
        <v>7</v>
      </c>
      <c r="HT12" s="71">
        <v>11</v>
      </c>
      <c r="HU12" s="71">
        <v>1</v>
      </c>
      <c r="HV12" s="71">
        <v>6</v>
      </c>
      <c r="HW12" s="71">
        <v>0</v>
      </c>
      <c r="HX12" s="72">
        <v>25</v>
      </c>
      <c r="HY12" s="73">
        <v>29</v>
      </c>
      <c r="HZ12" s="70">
        <v>9</v>
      </c>
      <c r="IA12" s="71">
        <v>8</v>
      </c>
      <c r="IB12" s="72">
        <v>17</v>
      </c>
      <c r="IC12" s="244"/>
      <c r="ID12" s="71">
        <v>14</v>
      </c>
      <c r="IE12" s="71">
        <v>16</v>
      </c>
      <c r="IF12" s="71">
        <v>6</v>
      </c>
      <c r="IG12" s="71">
        <v>4</v>
      </c>
      <c r="IH12" s="71">
        <v>5</v>
      </c>
      <c r="II12" s="72">
        <v>45</v>
      </c>
      <c r="IJ12" s="73">
        <v>62</v>
      </c>
      <c r="IK12" s="70">
        <v>33</v>
      </c>
      <c r="IL12" s="71">
        <v>8</v>
      </c>
      <c r="IM12" s="72">
        <v>41</v>
      </c>
      <c r="IN12" s="244"/>
      <c r="IO12" s="71">
        <v>25</v>
      </c>
      <c r="IP12" s="71">
        <v>20</v>
      </c>
      <c r="IQ12" s="71">
        <v>15</v>
      </c>
      <c r="IR12" s="71">
        <v>13</v>
      </c>
      <c r="IS12" s="71">
        <v>9</v>
      </c>
      <c r="IT12" s="72">
        <v>82</v>
      </c>
      <c r="IU12" s="73">
        <v>123</v>
      </c>
      <c r="IV12" s="70">
        <v>37</v>
      </c>
      <c r="IW12" s="71">
        <v>21</v>
      </c>
      <c r="IX12" s="72">
        <v>58</v>
      </c>
      <c r="IY12" s="244"/>
      <c r="IZ12" s="71">
        <v>50</v>
      </c>
      <c r="JA12" s="71">
        <v>35</v>
      </c>
      <c r="JB12" s="71">
        <v>24</v>
      </c>
      <c r="JC12" s="71">
        <v>10</v>
      </c>
      <c r="JD12" s="71">
        <v>11</v>
      </c>
      <c r="JE12" s="72">
        <v>130</v>
      </c>
      <c r="JF12" s="73">
        <v>188</v>
      </c>
      <c r="JG12" s="70">
        <v>39</v>
      </c>
      <c r="JH12" s="71">
        <v>28</v>
      </c>
      <c r="JI12" s="72">
        <v>67</v>
      </c>
      <c r="JJ12" s="244"/>
      <c r="JK12" s="71">
        <v>63</v>
      </c>
      <c r="JL12" s="71">
        <v>57</v>
      </c>
      <c r="JM12" s="71">
        <v>47</v>
      </c>
      <c r="JN12" s="71">
        <v>31</v>
      </c>
      <c r="JO12" s="71">
        <v>15</v>
      </c>
      <c r="JP12" s="72">
        <v>213</v>
      </c>
      <c r="JQ12" s="73">
        <v>280</v>
      </c>
      <c r="JR12" s="70">
        <v>0</v>
      </c>
      <c r="JS12" s="71">
        <v>0</v>
      </c>
      <c r="JT12" s="72">
        <v>0</v>
      </c>
      <c r="JU12" s="244"/>
      <c r="JV12" s="71">
        <v>0</v>
      </c>
      <c r="JW12" s="71">
        <v>0</v>
      </c>
      <c r="JX12" s="71">
        <v>0</v>
      </c>
      <c r="JY12" s="71">
        <v>0</v>
      </c>
      <c r="JZ12" s="71">
        <v>0</v>
      </c>
      <c r="KA12" s="72">
        <v>0</v>
      </c>
      <c r="KB12" s="73">
        <v>0</v>
      </c>
      <c r="KC12" s="70">
        <v>124</v>
      </c>
      <c r="KD12" s="71">
        <v>69</v>
      </c>
      <c r="KE12" s="72">
        <v>193</v>
      </c>
      <c r="KF12" s="244"/>
      <c r="KG12" s="71">
        <v>163</v>
      </c>
      <c r="KH12" s="71">
        <v>143</v>
      </c>
      <c r="KI12" s="71">
        <v>94</v>
      </c>
      <c r="KJ12" s="71">
        <v>67</v>
      </c>
      <c r="KK12" s="71">
        <v>41</v>
      </c>
      <c r="KL12" s="72">
        <v>508</v>
      </c>
      <c r="KM12" s="73">
        <v>701</v>
      </c>
    </row>
    <row r="13" spans="2:299" ht="19.5" customHeight="1" x14ac:dyDescent="0.2">
      <c r="B13" s="126" t="s">
        <v>9</v>
      </c>
      <c r="C13" s="316">
        <v>173</v>
      </c>
      <c r="D13" s="82">
        <v>119</v>
      </c>
      <c r="E13" s="83">
        <v>292</v>
      </c>
      <c r="F13" s="241"/>
      <c r="G13" s="82">
        <v>213</v>
      </c>
      <c r="H13" s="82">
        <v>149</v>
      </c>
      <c r="I13" s="82">
        <v>122</v>
      </c>
      <c r="J13" s="82">
        <v>99</v>
      </c>
      <c r="K13" s="82">
        <v>50</v>
      </c>
      <c r="L13" s="84">
        <v>633</v>
      </c>
      <c r="M13" s="85">
        <v>925</v>
      </c>
      <c r="N13" s="70">
        <v>0</v>
      </c>
      <c r="O13" s="71">
        <v>2</v>
      </c>
      <c r="P13" s="72">
        <v>2</v>
      </c>
      <c r="Q13" s="244"/>
      <c r="R13" s="71">
        <v>0</v>
      </c>
      <c r="S13" s="71">
        <v>0</v>
      </c>
      <c r="T13" s="71">
        <v>1</v>
      </c>
      <c r="U13" s="71">
        <v>0</v>
      </c>
      <c r="V13" s="71">
        <v>1</v>
      </c>
      <c r="W13" s="72">
        <v>2</v>
      </c>
      <c r="X13" s="73">
        <v>4</v>
      </c>
      <c r="Y13" s="70">
        <v>7</v>
      </c>
      <c r="Z13" s="71">
        <v>4</v>
      </c>
      <c r="AA13" s="72">
        <v>11</v>
      </c>
      <c r="AB13" s="244"/>
      <c r="AC13" s="71">
        <v>4</v>
      </c>
      <c r="AD13" s="71">
        <v>5</v>
      </c>
      <c r="AE13" s="71">
        <v>0</v>
      </c>
      <c r="AF13" s="71">
        <v>4</v>
      </c>
      <c r="AG13" s="71">
        <v>2</v>
      </c>
      <c r="AH13" s="72">
        <v>15</v>
      </c>
      <c r="AI13" s="73">
        <v>26</v>
      </c>
      <c r="AJ13" s="70">
        <v>11</v>
      </c>
      <c r="AK13" s="71">
        <v>5</v>
      </c>
      <c r="AL13" s="72">
        <v>16</v>
      </c>
      <c r="AM13" s="244"/>
      <c r="AN13" s="71">
        <v>10</v>
      </c>
      <c r="AO13" s="71">
        <v>11</v>
      </c>
      <c r="AP13" s="71">
        <v>11</v>
      </c>
      <c r="AQ13" s="71">
        <v>5</v>
      </c>
      <c r="AR13" s="71">
        <v>6</v>
      </c>
      <c r="AS13" s="72">
        <v>43</v>
      </c>
      <c r="AT13" s="73">
        <v>59</v>
      </c>
      <c r="AU13" s="70">
        <v>29</v>
      </c>
      <c r="AV13" s="71">
        <v>28</v>
      </c>
      <c r="AW13" s="72">
        <v>57</v>
      </c>
      <c r="AX13" s="244"/>
      <c r="AY13" s="71">
        <v>28</v>
      </c>
      <c r="AZ13" s="71">
        <v>21</v>
      </c>
      <c r="BA13" s="71">
        <v>13</v>
      </c>
      <c r="BB13" s="71">
        <v>11</v>
      </c>
      <c r="BC13" s="71">
        <v>8</v>
      </c>
      <c r="BD13" s="72">
        <v>81</v>
      </c>
      <c r="BE13" s="73">
        <v>138</v>
      </c>
      <c r="BF13" s="70">
        <v>76</v>
      </c>
      <c r="BG13" s="71">
        <v>37</v>
      </c>
      <c r="BH13" s="72">
        <v>113</v>
      </c>
      <c r="BI13" s="244"/>
      <c r="BJ13" s="71">
        <v>91</v>
      </c>
      <c r="BK13" s="71">
        <v>48</v>
      </c>
      <c r="BL13" s="71">
        <v>35</v>
      </c>
      <c r="BM13" s="71">
        <v>38</v>
      </c>
      <c r="BN13" s="71">
        <v>10</v>
      </c>
      <c r="BO13" s="72">
        <v>222</v>
      </c>
      <c r="BP13" s="73">
        <v>335</v>
      </c>
      <c r="BQ13" s="70">
        <v>50</v>
      </c>
      <c r="BR13" s="71">
        <v>43</v>
      </c>
      <c r="BS13" s="72">
        <v>93</v>
      </c>
      <c r="BT13" s="244"/>
      <c r="BU13" s="71">
        <v>80</v>
      </c>
      <c r="BV13" s="71">
        <v>64</v>
      </c>
      <c r="BW13" s="71">
        <v>62</v>
      </c>
      <c r="BX13" s="71">
        <v>41</v>
      </c>
      <c r="BY13" s="71">
        <v>23</v>
      </c>
      <c r="BZ13" s="72">
        <v>270</v>
      </c>
      <c r="CA13" s="73">
        <v>363</v>
      </c>
      <c r="CB13" s="70">
        <v>0</v>
      </c>
      <c r="CC13" s="71">
        <v>0</v>
      </c>
      <c r="CD13" s="72">
        <v>0</v>
      </c>
      <c r="CE13" s="244"/>
      <c r="CF13" s="71">
        <v>0</v>
      </c>
      <c r="CG13" s="71">
        <v>0</v>
      </c>
      <c r="CH13" s="71">
        <v>0</v>
      </c>
      <c r="CI13" s="71">
        <v>0</v>
      </c>
      <c r="CJ13" s="71">
        <v>0</v>
      </c>
      <c r="CK13" s="72">
        <v>0</v>
      </c>
      <c r="CL13" s="73">
        <v>0</v>
      </c>
      <c r="CM13" s="70">
        <v>173</v>
      </c>
      <c r="CN13" s="71">
        <v>119</v>
      </c>
      <c r="CO13" s="72">
        <v>292</v>
      </c>
      <c r="CP13" s="244"/>
      <c r="CQ13" s="71">
        <v>213</v>
      </c>
      <c r="CR13" s="71">
        <v>149</v>
      </c>
      <c r="CS13" s="71">
        <v>122</v>
      </c>
      <c r="CT13" s="71">
        <v>99</v>
      </c>
      <c r="CU13" s="71">
        <v>50</v>
      </c>
      <c r="CV13" s="72">
        <v>633</v>
      </c>
      <c r="CW13" s="73">
        <v>925</v>
      </c>
      <c r="CX13" s="123">
        <v>30</v>
      </c>
      <c r="CY13" s="82">
        <v>19</v>
      </c>
      <c r="CZ13" s="83">
        <v>49</v>
      </c>
      <c r="DA13" s="241"/>
      <c r="DB13" s="82">
        <v>32</v>
      </c>
      <c r="DC13" s="82">
        <v>19</v>
      </c>
      <c r="DD13" s="82">
        <v>21</v>
      </c>
      <c r="DE13" s="82">
        <v>17</v>
      </c>
      <c r="DF13" s="82">
        <v>12</v>
      </c>
      <c r="DG13" s="84">
        <v>101</v>
      </c>
      <c r="DH13" s="85">
        <v>150</v>
      </c>
      <c r="DI13" s="70">
        <v>2</v>
      </c>
      <c r="DJ13" s="71">
        <v>0</v>
      </c>
      <c r="DK13" s="72">
        <v>2</v>
      </c>
      <c r="DL13" s="244"/>
      <c r="DM13" s="71">
        <v>0</v>
      </c>
      <c r="DN13" s="71">
        <v>0</v>
      </c>
      <c r="DO13" s="71">
        <v>1</v>
      </c>
      <c r="DP13" s="71">
        <v>1</v>
      </c>
      <c r="DQ13" s="71">
        <v>0</v>
      </c>
      <c r="DR13" s="72">
        <v>2</v>
      </c>
      <c r="DS13" s="73">
        <v>4</v>
      </c>
      <c r="DT13" s="70">
        <v>4</v>
      </c>
      <c r="DU13" s="71">
        <v>2</v>
      </c>
      <c r="DV13" s="72">
        <v>6</v>
      </c>
      <c r="DW13" s="244"/>
      <c r="DX13" s="71">
        <v>0</v>
      </c>
      <c r="DY13" s="71">
        <v>1</v>
      </c>
      <c r="DZ13" s="71">
        <v>1</v>
      </c>
      <c r="EA13" s="71">
        <v>0</v>
      </c>
      <c r="EB13" s="71">
        <v>0</v>
      </c>
      <c r="EC13" s="72">
        <v>2</v>
      </c>
      <c r="ED13" s="73">
        <v>8</v>
      </c>
      <c r="EE13" s="70">
        <v>4</v>
      </c>
      <c r="EF13" s="71">
        <v>0</v>
      </c>
      <c r="EG13" s="72">
        <v>4</v>
      </c>
      <c r="EH13" s="244"/>
      <c r="EI13" s="71">
        <v>4</v>
      </c>
      <c r="EJ13" s="71">
        <v>0</v>
      </c>
      <c r="EK13" s="71">
        <v>3</v>
      </c>
      <c r="EL13" s="71">
        <v>1</v>
      </c>
      <c r="EM13" s="71">
        <v>1</v>
      </c>
      <c r="EN13" s="72">
        <v>9</v>
      </c>
      <c r="EO13" s="73">
        <v>13</v>
      </c>
      <c r="EP13" s="70">
        <v>7</v>
      </c>
      <c r="EQ13" s="71">
        <v>6</v>
      </c>
      <c r="ER13" s="72">
        <v>13</v>
      </c>
      <c r="ES13" s="244"/>
      <c r="ET13" s="71">
        <v>8</v>
      </c>
      <c r="EU13" s="71">
        <v>2</v>
      </c>
      <c r="EV13" s="71">
        <v>0</v>
      </c>
      <c r="EW13" s="71">
        <v>0</v>
      </c>
      <c r="EX13" s="71">
        <v>2</v>
      </c>
      <c r="EY13" s="72">
        <v>12</v>
      </c>
      <c r="EZ13" s="73">
        <v>25</v>
      </c>
      <c r="FA13" s="70">
        <v>6</v>
      </c>
      <c r="FB13" s="71">
        <v>8</v>
      </c>
      <c r="FC13" s="72">
        <v>14</v>
      </c>
      <c r="FD13" s="244"/>
      <c r="FE13" s="71">
        <v>7</v>
      </c>
      <c r="FF13" s="71">
        <v>6</v>
      </c>
      <c r="FG13" s="71">
        <v>3</v>
      </c>
      <c r="FH13" s="71">
        <v>5</v>
      </c>
      <c r="FI13" s="71">
        <v>6</v>
      </c>
      <c r="FJ13" s="72">
        <v>27</v>
      </c>
      <c r="FK13" s="73">
        <v>41</v>
      </c>
      <c r="FL13" s="70">
        <v>7</v>
      </c>
      <c r="FM13" s="71">
        <v>3</v>
      </c>
      <c r="FN13" s="72">
        <v>10</v>
      </c>
      <c r="FO13" s="244"/>
      <c r="FP13" s="71">
        <v>13</v>
      </c>
      <c r="FQ13" s="71">
        <v>10</v>
      </c>
      <c r="FR13" s="71">
        <v>13</v>
      </c>
      <c r="FS13" s="71">
        <v>10</v>
      </c>
      <c r="FT13" s="71">
        <v>3</v>
      </c>
      <c r="FU13" s="72">
        <v>49</v>
      </c>
      <c r="FV13" s="73">
        <v>59</v>
      </c>
      <c r="FW13" s="70">
        <v>0</v>
      </c>
      <c r="FX13" s="71">
        <v>0</v>
      </c>
      <c r="FY13" s="72">
        <v>0</v>
      </c>
      <c r="FZ13" s="244"/>
      <c r="GA13" s="71">
        <v>0</v>
      </c>
      <c r="GB13" s="71">
        <v>0</v>
      </c>
      <c r="GC13" s="71">
        <v>0</v>
      </c>
      <c r="GD13" s="71">
        <v>0</v>
      </c>
      <c r="GE13" s="71">
        <v>0</v>
      </c>
      <c r="GF13" s="72">
        <v>0</v>
      </c>
      <c r="GG13" s="73">
        <v>0</v>
      </c>
      <c r="GH13" s="70">
        <v>30</v>
      </c>
      <c r="GI13" s="71">
        <v>19</v>
      </c>
      <c r="GJ13" s="72">
        <v>49</v>
      </c>
      <c r="GK13" s="244"/>
      <c r="GL13" s="71">
        <v>32</v>
      </c>
      <c r="GM13" s="71">
        <v>19</v>
      </c>
      <c r="GN13" s="71">
        <v>21</v>
      </c>
      <c r="GO13" s="71">
        <v>17</v>
      </c>
      <c r="GP13" s="71">
        <v>12</v>
      </c>
      <c r="GQ13" s="72">
        <v>101</v>
      </c>
      <c r="GR13" s="73">
        <v>150</v>
      </c>
      <c r="GS13" s="123">
        <v>203</v>
      </c>
      <c r="GT13" s="82">
        <v>138</v>
      </c>
      <c r="GU13" s="83">
        <v>341</v>
      </c>
      <c r="GV13" s="241"/>
      <c r="GW13" s="82">
        <v>245</v>
      </c>
      <c r="GX13" s="82">
        <v>168</v>
      </c>
      <c r="GY13" s="82">
        <v>143</v>
      </c>
      <c r="GZ13" s="82">
        <v>116</v>
      </c>
      <c r="HA13" s="82">
        <v>62</v>
      </c>
      <c r="HB13" s="84">
        <v>734</v>
      </c>
      <c r="HC13" s="85">
        <v>1075</v>
      </c>
      <c r="HD13" s="70">
        <v>2</v>
      </c>
      <c r="HE13" s="71">
        <v>2</v>
      </c>
      <c r="HF13" s="72">
        <v>4</v>
      </c>
      <c r="HG13" s="244"/>
      <c r="HH13" s="71">
        <v>0</v>
      </c>
      <c r="HI13" s="71">
        <v>0</v>
      </c>
      <c r="HJ13" s="71">
        <v>2</v>
      </c>
      <c r="HK13" s="71">
        <v>1</v>
      </c>
      <c r="HL13" s="71">
        <v>1</v>
      </c>
      <c r="HM13" s="72">
        <v>4</v>
      </c>
      <c r="HN13" s="73">
        <v>8</v>
      </c>
      <c r="HO13" s="70">
        <v>11</v>
      </c>
      <c r="HP13" s="71">
        <v>6</v>
      </c>
      <c r="HQ13" s="72">
        <v>17</v>
      </c>
      <c r="HR13" s="244"/>
      <c r="HS13" s="71">
        <v>4</v>
      </c>
      <c r="HT13" s="71">
        <v>6</v>
      </c>
      <c r="HU13" s="71">
        <v>1</v>
      </c>
      <c r="HV13" s="71">
        <v>4</v>
      </c>
      <c r="HW13" s="71">
        <v>2</v>
      </c>
      <c r="HX13" s="72">
        <v>17</v>
      </c>
      <c r="HY13" s="73">
        <v>34</v>
      </c>
      <c r="HZ13" s="70">
        <v>15</v>
      </c>
      <c r="IA13" s="71">
        <v>5</v>
      </c>
      <c r="IB13" s="72">
        <v>20</v>
      </c>
      <c r="IC13" s="244"/>
      <c r="ID13" s="71">
        <v>14</v>
      </c>
      <c r="IE13" s="71">
        <v>11</v>
      </c>
      <c r="IF13" s="71">
        <v>14</v>
      </c>
      <c r="IG13" s="71">
        <v>6</v>
      </c>
      <c r="IH13" s="71">
        <v>7</v>
      </c>
      <c r="II13" s="72">
        <v>52</v>
      </c>
      <c r="IJ13" s="73">
        <v>72</v>
      </c>
      <c r="IK13" s="70">
        <v>36</v>
      </c>
      <c r="IL13" s="71">
        <v>34</v>
      </c>
      <c r="IM13" s="72">
        <v>70</v>
      </c>
      <c r="IN13" s="244"/>
      <c r="IO13" s="71">
        <v>36</v>
      </c>
      <c r="IP13" s="71">
        <v>23</v>
      </c>
      <c r="IQ13" s="71">
        <v>13</v>
      </c>
      <c r="IR13" s="71">
        <v>11</v>
      </c>
      <c r="IS13" s="71">
        <v>10</v>
      </c>
      <c r="IT13" s="72">
        <v>93</v>
      </c>
      <c r="IU13" s="73">
        <v>163</v>
      </c>
      <c r="IV13" s="70">
        <v>82</v>
      </c>
      <c r="IW13" s="71">
        <v>45</v>
      </c>
      <c r="IX13" s="72">
        <v>127</v>
      </c>
      <c r="IY13" s="244"/>
      <c r="IZ13" s="71">
        <v>98</v>
      </c>
      <c r="JA13" s="71">
        <v>54</v>
      </c>
      <c r="JB13" s="71">
        <v>38</v>
      </c>
      <c r="JC13" s="71">
        <v>43</v>
      </c>
      <c r="JD13" s="71">
        <v>16</v>
      </c>
      <c r="JE13" s="72">
        <v>249</v>
      </c>
      <c r="JF13" s="73">
        <v>376</v>
      </c>
      <c r="JG13" s="70">
        <v>57</v>
      </c>
      <c r="JH13" s="71">
        <v>46</v>
      </c>
      <c r="JI13" s="72">
        <v>103</v>
      </c>
      <c r="JJ13" s="244"/>
      <c r="JK13" s="71">
        <v>93</v>
      </c>
      <c r="JL13" s="71">
        <v>74</v>
      </c>
      <c r="JM13" s="71">
        <v>75</v>
      </c>
      <c r="JN13" s="71">
        <v>51</v>
      </c>
      <c r="JO13" s="71">
        <v>26</v>
      </c>
      <c r="JP13" s="72">
        <v>319</v>
      </c>
      <c r="JQ13" s="73">
        <v>422</v>
      </c>
      <c r="JR13" s="70">
        <v>0</v>
      </c>
      <c r="JS13" s="71">
        <v>0</v>
      </c>
      <c r="JT13" s="72">
        <v>0</v>
      </c>
      <c r="JU13" s="244"/>
      <c r="JV13" s="71">
        <v>0</v>
      </c>
      <c r="JW13" s="71">
        <v>0</v>
      </c>
      <c r="JX13" s="71">
        <v>0</v>
      </c>
      <c r="JY13" s="71">
        <v>0</v>
      </c>
      <c r="JZ13" s="71">
        <v>0</v>
      </c>
      <c r="KA13" s="72">
        <v>0</v>
      </c>
      <c r="KB13" s="73">
        <v>0</v>
      </c>
      <c r="KC13" s="70">
        <v>203</v>
      </c>
      <c r="KD13" s="71">
        <v>138</v>
      </c>
      <c r="KE13" s="72">
        <v>341</v>
      </c>
      <c r="KF13" s="244"/>
      <c r="KG13" s="71">
        <v>245</v>
      </c>
      <c r="KH13" s="71">
        <v>168</v>
      </c>
      <c r="KI13" s="71">
        <v>143</v>
      </c>
      <c r="KJ13" s="71">
        <v>116</v>
      </c>
      <c r="KK13" s="71">
        <v>62</v>
      </c>
      <c r="KL13" s="72">
        <v>734</v>
      </c>
      <c r="KM13" s="73">
        <v>1075</v>
      </c>
    </row>
    <row r="14" spans="2:299" ht="19.5" customHeight="1" x14ac:dyDescent="0.2">
      <c r="B14" s="126" t="s">
        <v>10</v>
      </c>
      <c r="C14" s="316">
        <v>344</v>
      </c>
      <c r="D14" s="82">
        <v>203</v>
      </c>
      <c r="E14" s="83">
        <v>547</v>
      </c>
      <c r="F14" s="241"/>
      <c r="G14" s="82">
        <v>341</v>
      </c>
      <c r="H14" s="82">
        <v>195</v>
      </c>
      <c r="I14" s="82">
        <v>138</v>
      </c>
      <c r="J14" s="82">
        <v>141</v>
      </c>
      <c r="K14" s="82">
        <v>73</v>
      </c>
      <c r="L14" s="84">
        <v>888</v>
      </c>
      <c r="M14" s="85">
        <v>1435</v>
      </c>
      <c r="N14" s="70">
        <v>0</v>
      </c>
      <c r="O14" s="71">
        <v>2</v>
      </c>
      <c r="P14" s="72">
        <v>2</v>
      </c>
      <c r="Q14" s="244"/>
      <c r="R14" s="71">
        <v>5</v>
      </c>
      <c r="S14" s="71">
        <v>5</v>
      </c>
      <c r="T14" s="71">
        <v>2</v>
      </c>
      <c r="U14" s="71">
        <v>0</v>
      </c>
      <c r="V14" s="71">
        <v>1</v>
      </c>
      <c r="W14" s="72">
        <v>13</v>
      </c>
      <c r="X14" s="73">
        <v>15</v>
      </c>
      <c r="Y14" s="70">
        <v>9</v>
      </c>
      <c r="Z14" s="71">
        <v>7</v>
      </c>
      <c r="AA14" s="72">
        <v>16</v>
      </c>
      <c r="AB14" s="244"/>
      <c r="AC14" s="71">
        <v>14</v>
      </c>
      <c r="AD14" s="71">
        <v>5</v>
      </c>
      <c r="AE14" s="71">
        <v>2</v>
      </c>
      <c r="AF14" s="71">
        <v>9</v>
      </c>
      <c r="AG14" s="71">
        <v>3</v>
      </c>
      <c r="AH14" s="72">
        <v>33</v>
      </c>
      <c r="AI14" s="73">
        <v>49</v>
      </c>
      <c r="AJ14" s="70">
        <v>22</v>
      </c>
      <c r="AK14" s="71">
        <v>10</v>
      </c>
      <c r="AL14" s="72">
        <v>32</v>
      </c>
      <c r="AM14" s="244"/>
      <c r="AN14" s="71">
        <v>26</v>
      </c>
      <c r="AO14" s="71">
        <v>13</v>
      </c>
      <c r="AP14" s="71">
        <v>14</v>
      </c>
      <c r="AQ14" s="71">
        <v>8</v>
      </c>
      <c r="AR14" s="71">
        <v>5</v>
      </c>
      <c r="AS14" s="72">
        <v>66</v>
      </c>
      <c r="AT14" s="73">
        <v>98</v>
      </c>
      <c r="AU14" s="70">
        <v>81</v>
      </c>
      <c r="AV14" s="71">
        <v>47</v>
      </c>
      <c r="AW14" s="72">
        <v>128</v>
      </c>
      <c r="AX14" s="244"/>
      <c r="AY14" s="71">
        <v>65</v>
      </c>
      <c r="AZ14" s="71">
        <v>32</v>
      </c>
      <c r="BA14" s="71">
        <v>22</v>
      </c>
      <c r="BB14" s="71">
        <v>21</v>
      </c>
      <c r="BC14" s="71">
        <v>15</v>
      </c>
      <c r="BD14" s="72">
        <v>155</v>
      </c>
      <c r="BE14" s="73">
        <v>283</v>
      </c>
      <c r="BF14" s="70">
        <v>140</v>
      </c>
      <c r="BG14" s="71">
        <v>70</v>
      </c>
      <c r="BH14" s="72">
        <v>210</v>
      </c>
      <c r="BI14" s="244"/>
      <c r="BJ14" s="71">
        <v>105</v>
      </c>
      <c r="BK14" s="71">
        <v>57</v>
      </c>
      <c r="BL14" s="71">
        <v>38</v>
      </c>
      <c r="BM14" s="71">
        <v>52</v>
      </c>
      <c r="BN14" s="71">
        <v>23</v>
      </c>
      <c r="BO14" s="72">
        <v>275</v>
      </c>
      <c r="BP14" s="73">
        <v>485</v>
      </c>
      <c r="BQ14" s="70">
        <v>92</v>
      </c>
      <c r="BR14" s="71">
        <v>67</v>
      </c>
      <c r="BS14" s="72">
        <v>159</v>
      </c>
      <c r="BT14" s="244"/>
      <c r="BU14" s="71">
        <v>126</v>
      </c>
      <c r="BV14" s="71">
        <v>83</v>
      </c>
      <c r="BW14" s="71">
        <v>60</v>
      </c>
      <c r="BX14" s="71">
        <v>51</v>
      </c>
      <c r="BY14" s="71">
        <v>26</v>
      </c>
      <c r="BZ14" s="72">
        <v>346</v>
      </c>
      <c r="CA14" s="73">
        <v>505</v>
      </c>
      <c r="CB14" s="70">
        <v>0</v>
      </c>
      <c r="CC14" s="71">
        <v>0</v>
      </c>
      <c r="CD14" s="72">
        <v>0</v>
      </c>
      <c r="CE14" s="244"/>
      <c r="CF14" s="71">
        <v>0</v>
      </c>
      <c r="CG14" s="71">
        <v>0</v>
      </c>
      <c r="CH14" s="71">
        <v>0</v>
      </c>
      <c r="CI14" s="71">
        <v>0</v>
      </c>
      <c r="CJ14" s="71">
        <v>0</v>
      </c>
      <c r="CK14" s="72">
        <v>0</v>
      </c>
      <c r="CL14" s="73">
        <v>0</v>
      </c>
      <c r="CM14" s="70">
        <v>344</v>
      </c>
      <c r="CN14" s="71">
        <v>203</v>
      </c>
      <c r="CO14" s="72">
        <v>547</v>
      </c>
      <c r="CP14" s="244"/>
      <c r="CQ14" s="71">
        <v>341</v>
      </c>
      <c r="CR14" s="71">
        <v>195</v>
      </c>
      <c r="CS14" s="71">
        <v>138</v>
      </c>
      <c r="CT14" s="71">
        <v>141</v>
      </c>
      <c r="CU14" s="71">
        <v>73</v>
      </c>
      <c r="CV14" s="72">
        <v>888</v>
      </c>
      <c r="CW14" s="73">
        <v>1435</v>
      </c>
      <c r="CX14" s="123">
        <v>36</v>
      </c>
      <c r="CY14" s="82">
        <v>37</v>
      </c>
      <c r="CZ14" s="83">
        <v>73</v>
      </c>
      <c r="DA14" s="241"/>
      <c r="DB14" s="82">
        <v>57</v>
      </c>
      <c r="DC14" s="82">
        <v>19</v>
      </c>
      <c r="DD14" s="82">
        <v>21</v>
      </c>
      <c r="DE14" s="82">
        <v>16</v>
      </c>
      <c r="DF14" s="82">
        <v>18</v>
      </c>
      <c r="DG14" s="84">
        <v>131</v>
      </c>
      <c r="DH14" s="85">
        <v>204</v>
      </c>
      <c r="DI14" s="70">
        <v>0</v>
      </c>
      <c r="DJ14" s="71">
        <v>1</v>
      </c>
      <c r="DK14" s="72">
        <v>1</v>
      </c>
      <c r="DL14" s="244"/>
      <c r="DM14" s="71">
        <v>2</v>
      </c>
      <c r="DN14" s="71">
        <v>0</v>
      </c>
      <c r="DO14" s="71">
        <v>0</v>
      </c>
      <c r="DP14" s="71">
        <v>0</v>
      </c>
      <c r="DQ14" s="71">
        <v>0</v>
      </c>
      <c r="DR14" s="72">
        <v>2</v>
      </c>
      <c r="DS14" s="73">
        <v>3</v>
      </c>
      <c r="DT14" s="70">
        <v>1</v>
      </c>
      <c r="DU14" s="71">
        <v>0</v>
      </c>
      <c r="DV14" s="72">
        <v>1</v>
      </c>
      <c r="DW14" s="244"/>
      <c r="DX14" s="71">
        <v>2</v>
      </c>
      <c r="DY14" s="71">
        <v>1</v>
      </c>
      <c r="DZ14" s="71">
        <v>0</v>
      </c>
      <c r="EA14" s="71">
        <v>0</v>
      </c>
      <c r="EB14" s="71">
        <v>0</v>
      </c>
      <c r="EC14" s="72">
        <v>3</v>
      </c>
      <c r="ED14" s="73">
        <v>4</v>
      </c>
      <c r="EE14" s="70">
        <v>4</v>
      </c>
      <c r="EF14" s="71">
        <v>2</v>
      </c>
      <c r="EG14" s="72">
        <v>6</v>
      </c>
      <c r="EH14" s="244"/>
      <c r="EI14" s="71">
        <v>3</v>
      </c>
      <c r="EJ14" s="71">
        <v>2</v>
      </c>
      <c r="EK14" s="71">
        <v>1</v>
      </c>
      <c r="EL14" s="71">
        <v>1</v>
      </c>
      <c r="EM14" s="71">
        <v>1</v>
      </c>
      <c r="EN14" s="72">
        <v>8</v>
      </c>
      <c r="EO14" s="73">
        <v>14</v>
      </c>
      <c r="EP14" s="70">
        <v>8</v>
      </c>
      <c r="EQ14" s="71">
        <v>8</v>
      </c>
      <c r="ER14" s="72">
        <v>16</v>
      </c>
      <c r="ES14" s="244"/>
      <c r="ET14" s="71">
        <v>9</v>
      </c>
      <c r="EU14" s="71">
        <v>3</v>
      </c>
      <c r="EV14" s="71">
        <v>4</v>
      </c>
      <c r="EW14" s="71">
        <v>4</v>
      </c>
      <c r="EX14" s="71">
        <v>2</v>
      </c>
      <c r="EY14" s="72">
        <v>22</v>
      </c>
      <c r="EZ14" s="73">
        <v>38</v>
      </c>
      <c r="FA14" s="70">
        <v>16</v>
      </c>
      <c r="FB14" s="71">
        <v>15</v>
      </c>
      <c r="FC14" s="72">
        <v>31</v>
      </c>
      <c r="FD14" s="244"/>
      <c r="FE14" s="71">
        <v>16</v>
      </c>
      <c r="FF14" s="71">
        <v>3</v>
      </c>
      <c r="FG14" s="71">
        <v>7</v>
      </c>
      <c r="FH14" s="71">
        <v>3</v>
      </c>
      <c r="FI14" s="71">
        <v>4</v>
      </c>
      <c r="FJ14" s="72">
        <v>33</v>
      </c>
      <c r="FK14" s="73">
        <v>64</v>
      </c>
      <c r="FL14" s="70">
        <v>7</v>
      </c>
      <c r="FM14" s="71">
        <v>11</v>
      </c>
      <c r="FN14" s="72">
        <v>18</v>
      </c>
      <c r="FO14" s="244"/>
      <c r="FP14" s="71">
        <v>25</v>
      </c>
      <c r="FQ14" s="71">
        <v>10</v>
      </c>
      <c r="FR14" s="71">
        <v>9</v>
      </c>
      <c r="FS14" s="71">
        <v>8</v>
      </c>
      <c r="FT14" s="71">
        <v>11</v>
      </c>
      <c r="FU14" s="72">
        <v>63</v>
      </c>
      <c r="FV14" s="73">
        <v>81</v>
      </c>
      <c r="FW14" s="70">
        <v>0</v>
      </c>
      <c r="FX14" s="71">
        <v>0</v>
      </c>
      <c r="FY14" s="72">
        <v>0</v>
      </c>
      <c r="FZ14" s="244"/>
      <c r="GA14" s="71">
        <v>0</v>
      </c>
      <c r="GB14" s="71">
        <v>0</v>
      </c>
      <c r="GC14" s="71">
        <v>0</v>
      </c>
      <c r="GD14" s="71">
        <v>0</v>
      </c>
      <c r="GE14" s="71">
        <v>0</v>
      </c>
      <c r="GF14" s="72">
        <v>0</v>
      </c>
      <c r="GG14" s="73">
        <v>0</v>
      </c>
      <c r="GH14" s="70">
        <v>36</v>
      </c>
      <c r="GI14" s="71">
        <v>37</v>
      </c>
      <c r="GJ14" s="72">
        <v>73</v>
      </c>
      <c r="GK14" s="244"/>
      <c r="GL14" s="71">
        <v>57</v>
      </c>
      <c r="GM14" s="71">
        <v>19</v>
      </c>
      <c r="GN14" s="71">
        <v>21</v>
      </c>
      <c r="GO14" s="71">
        <v>16</v>
      </c>
      <c r="GP14" s="71">
        <v>18</v>
      </c>
      <c r="GQ14" s="72">
        <v>131</v>
      </c>
      <c r="GR14" s="73">
        <v>204</v>
      </c>
      <c r="GS14" s="123">
        <v>380</v>
      </c>
      <c r="GT14" s="82">
        <v>240</v>
      </c>
      <c r="GU14" s="83">
        <v>620</v>
      </c>
      <c r="GV14" s="241"/>
      <c r="GW14" s="82">
        <v>398</v>
      </c>
      <c r="GX14" s="82">
        <v>214</v>
      </c>
      <c r="GY14" s="82">
        <v>159</v>
      </c>
      <c r="GZ14" s="82">
        <v>157</v>
      </c>
      <c r="HA14" s="82">
        <v>91</v>
      </c>
      <c r="HB14" s="84">
        <v>1019</v>
      </c>
      <c r="HC14" s="85">
        <v>1639</v>
      </c>
      <c r="HD14" s="70">
        <v>0</v>
      </c>
      <c r="HE14" s="71">
        <v>3</v>
      </c>
      <c r="HF14" s="72">
        <v>3</v>
      </c>
      <c r="HG14" s="244"/>
      <c r="HH14" s="71">
        <v>7</v>
      </c>
      <c r="HI14" s="71">
        <v>5</v>
      </c>
      <c r="HJ14" s="71">
        <v>2</v>
      </c>
      <c r="HK14" s="71">
        <v>0</v>
      </c>
      <c r="HL14" s="71">
        <v>1</v>
      </c>
      <c r="HM14" s="72">
        <v>15</v>
      </c>
      <c r="HN14" s="73">
        <v>18</v>
      </c>
      <c r="HO14" s="70">
        <v>10</v>
      </c>
      <c r="HP14" s="71">
        <v>7</v>
      </c>
      <c r="HQ14" s="72">
        <v>17</v>
      </c>
      <c r="HR14" s="244"/>
      <c r="HS14" s="71">
        <v>16</v>
      </c>
      <c r="HT14" s="71">
        <v>6</v>
      </c>
      <c r="HU14" s="71">
        <v>2</v>
      </c>
      <c r="HV14" s="71">
        <v>9</v>
      </c>
      <c r="HW14" s="71">
        <v>3</v>
      </c>
      <c r="HX14" s="72">
        <v>36</v>
      </c>
      <c r="HY14" s="73">
        <v>53</v>
      </c>
      <c r="HZ14" s="70">
        <v>26</v>
      </c>
      <c r="IA14" s="71">
        <v>12</v>
      </c>
      <c r="IB14" s="72">
        <v>38</v>
      </c>
      <c r="IC14" s="244"/>
      <c r="ID14" s="71">
        <v>29</v>
      </c>
      <c r="IE14" s="71">
        <v>15</v>
      </c>
      <c r="IF14" s="71">
        <v>15</v>
      </c>
      <c r="IG14" s="71">
        <v>9</v>
      </c>
      <c r="IH14" s="71">
        <v>6</v>
      </c>
      <c r="II14" s="72">
        <v>74</v>
      </c>
      <c r="IJ14" s="73">
        <v>112</v>
      </c>
      <c r="IK14" s="70">
        <v>89</v>
      </c>
      <c r="IL14" s="71">
        <v>55</v>
      </c>
      <c r="IM14" s="72">
        <v>144</v>
      </c>
      <c r="IN14" s="244"/>
      <c r="IO14" s="71">
        <v>74</v>
      </c>
      <c r="IP14" s="71">
        <v>35</v>
      </c>
      <c r="IQ14" s="71">
        <v>26</v>
      </c>
      <c r="IR14" s="71">
        <v>25</v>
      </c>
      <c r="IS14" s="71">
        <v>17</v>
      </c>
      <c r="IT14" s="72">
        <v>177</v>
      </c>
      <c r="IU14" s="73">
        <v>321</v>
      </c>
      <c r="IV14" s="70">
        <v>156</v>
      </c>
      <c r="IW14" s="71">
        <v>85</v>
      </c>
      <c r="IX14" s="72">
        <v>241</v>
      </c>
      <c r="IY14" s="244"/>
      <c r="IZ14" s="71">
        <v>121</v>
      </c>
      <c r="JA14" s="71">
        <v>60</v>
      </c>
      <c r="JB14" s="71">
        <v>45</v>
      </c>
      <c r="JC14" s="71">
        <v>55</v>
      </c>
      <c r="JD14" s="71">
        <v>27</v>
      </c>
      <c r="JE14" s="72">
        <v>308</v>
      </c>
      <c r="JF14" s="73">
        <v>549</v>
      </c>
      <c r="JG14" s="70">
        <v>99</v>
      </c>
      <c r="JH14" s="71">
        <v>78</v>
      </c>
      <c r="JI14" s="72">
        <v>177</v>
      </c>
      <c r="JJ14" s="244"/>
      <c r="JK14" s="71">
        <v>151</v>
      </c>
      <c r="JL14" s="71">
        <v>93</v>
      </c>
      <c r="JM14" s="71">
        <v>69</v>
      </c>
      <c r="JN14" s="71">
        <v>59</v>
      </c>
      <c r="JO14" s="71">
        <v>37</v>
      </c>
      <c r="JP14" s="72">
        <v>409</v>
      </c>
      <c r="JQ14" s="73">
        <v>586</v>
      </c>
      <c r="JR14" s="70">
        <v>0</v>
      </c>
      <c r="JS14" s="71">
        <v>0</v>
      </c>
      <c r="JT14" s="72">
        <v>0</v>
      </c>
      <c r="JU14" s="244"/>
      <c r="JV14" s="71">
        <v>0</v>
      </c>
      <c r="JW14" s="71">
        <v>0</v>
      </c>
      <c r="JX14" s="71">
        <v>0</v>
      </c>
      <c r="JY14" s="71">
        <v>0</v>
      </c>
      <c r="JZ14" s="71">
        <v>0</v>
      </c>
      <c r="KA14" s="72">
        <v>0</v>
      </c>
      <c r="KB14" s="73">
        <v>0</v>
      </c>
      <c r="KC14" s="70">
        <v>380</v>
      </c>
      <c r="KD14" s="71">
        <v>240</v>
      </c>
      <c r="KE14" s="72">
        <v>620</v>
      </c>
      <c r="KF14" s="244"/>
      <c r="KG14" s="71">
        <v>398</v>
      </c>
      <c r="KH14" s="71">
        <v>214</v>
      </c>
      <c r="KI14" s="71">
        <v>159</v>
      </c>
      <c r="KJ14" s="71">
        <v>157</v>
      </c>
      <c r="KK14" s="71">
        <v>91</v>
      </c>
      <c r="KL14" s="72">
        <v>1019</v>
      </c>
      <c r="KM14" s="73">
        <v>1639</v>
      </c>
    </row>
    <row r="15" spans="2:299" ht="19.5" customHeight="1" x14ac:dyDescent="0.2">
      <c r="B15" s="126" t="s">
        <v>11</v>
      </c>
      <c r="C15" s="316">
        <v>91</v>
      </c>
      <c r="D15" s="82">
        <v>61</v>
      </c>
      <c r="E15" s="83">
        <v>152</v>
      </c>
      <c r="F15" s="241"/>
      <c r="G15" s="82">
        <v>133</v>
      </c>
      <c r="H15" s="82">
        <v>83</v>
      </c>
      <c r="I15" s="82">
        <v>68</v>
      </c>
      <c r="J15" s="82">
        <v>58</v>
      </c>
      <c r="K15" s="82">
        <v>21</v>
      </c>
      <c r="L15" s="84">
        <v>363</v>
      </c>
      <c r="M15" s="85">
        <v>515</v>
      </c>
      <c r="N15" s="70">
        <v>4</v>
      </c>
      <c r="O15" s="71">
        <v>1</v>
      </c>
      <c r="P15" s="72">
        <v>5</v>
      </c>
      <c r="Q15" s="244"/>
      <c r="R15" s="71">
        <v>5</v>
      </c>
      <c r="S15" s="71">
        <v>2</v>
      </c>
      <c r="T15" s="71">
        <v>1</v>
      </c>
      <c r="U15" s="71">
        <v>1</v>
      </c>
      <c r="V15" s="71">
        <v>0</v>
      </c>
      <c r="W15" s="72">
        <v>9</v>
      </c>
      <c r="X15" s="73">
        <v>14</v>
      </c>
      <c r="Y15" s="70">
        <v>9</v>
      </c>
      <c r="Z15" s="71">
        <v>7</v>
      </c>
      <c r="AA15" s="72">
        <v>16</v>
      </c>
      <c r="AB15" s="244"/>
      <c r="AC15" s="71">
        <v>8</v>
      </c>
      <c r="AD15" s="71">
        <v>2</v>
      </c>
      <c r="AE15" s="71">
        <v>4</v>
      </c>
      <c r="AF15" s="71">
        <v>4</v>
      </c>
      <c r="AG15" s="71">
        <v>3</v>
      </c>
      <c r="AH15" s="72">
        <v>21</v>
      </c>
      <c r="AI15" s="73">
        <v>37</v>
      </c>
      <c r="AJ15" s="70">
        <v>3</v>
      </c>
      <c r="AK15" s="71">
        <v>4</v>
      </c>
      <c r="AL15" s="72">
        <v>7</v>
      </c>
      <c r="AM15" s="244"/>
      <c r="AN15" s="71">
        <v>7</v>
      </c>
      <c r="AO15" s="71">
        <v>4</v>
      </c>
      <c r="AP15" s="71">
        <v>6</v>
      </c>
      <c r="AQ15" s="71">
        <v>3</v>
      </c>
      <c r="AR15" s="71">
        <v>1</v>
      </c>
      <c r="AS15" s="72">
        <v>21</v>
      </c>
      <c r="AT15" s="73">
        <v>28</v>
      </c>
      <c r="AU15" s="70">
        <v>16</v>
      </c>
      <c r="AV15" s="71">
        <v>14</v>
      </c>
      <c r="AW15" s="72">
        <v>30</v>
      </c>
      <c r="AX15" s="244"/>
      <c r="AY15" s="71">
        <v>25</v>
      </c>
      <c r="AZ15" s="71">
        <v>21</v>
      </c>
      <c r="BA15" s="71">
        <v>8</v>
      </c>
      <c r="BB15" s="71">
        <v>9</v>
      </c>
      <c r="BC15" s="71">
        <v>6</v>
      </c>
      <c r="BD15" s="72">
        <v>69</v>
      </c>
      <c r="BE15" s="73">
        <v>99</v>
      </c>
      <c r="BF15" s="70">
        <v>35</v>
      </c>
      <c r="BG15" s="71">
        <v>19</v>
      </c>
      <c r="BH15" s="72">
        <v>54</v>
      </c>
      <c r="BI15" s="244"/>
      <c r="BJ15" s="71">
        <v>39</v>
      </c>
      <c r="BK15" s="71">
        <v>22</v>
      </c>
      <c r="BL15" s="71">
        <v>17</v>
      </c>
      <c r="BM15" s="71">
        <v>21</v>
      </c>
      <c r="BN15" s="71">
        <v>6</v>
      </c>
      <c r="BO15" s="72">
        <v>105</v>
      </c>
      <c r="BP15" s="73">
        <v>159</v>
      </c>
      <c r="BQ15" s="70">
        <v>24</v>
      </c>
      <c r="BR15" s="71">
        <v>16</v>
      </c>
      <c r="BS15" s="72">
        <v>40</v>
      </c>
      <c r="BT15" s="244"/>
      <c r="BU15" s="71">
        <v>49</v>
      </c>
      <c r="BV15" s="71">
        <v>32</v>
      </c>
      <c r="BW15" s="71">
        <v>32</v>
      </c>
      <c r="BX15" s="71">
        <v>20</v>
      </c>
      <c r="BY15" s="71">
        <v>5</v>
      </c>
      <c r="BZ15" s="72">
        <v>138</v>
      </c>
      <c r="CA15" s="73">
        <v>178</v>
      </c>
      <c r="CB15" s="70">
        <v>0</v>
      </c>
      <c r="CC15" s="71">
        <v>0</v>
      </c>
      <c r="CD15" s="72">
        <v>0</v>
      </c>
      <c r="CE15" s="244"/>
      <c r="CF15" s="71">
        <v>0</v>
      </c>
      <c r="CG15" s="71">
        <v>0</v>
      </c>
      <c r="CH15" s="71">
        <v>0</v>
      </c>
      <c r="CI15" s="71">
        <v>0</v>
      </c>
      <c r="CJ15" s="71">
        <v>0</v>
      </c>
      <c r="CK15" s="72">
        <v>0</v>
      </c>
      <c r="CL15" s="73">
        <v>0</v>
      </c>
      <c r="CM15" s="70">
        <v>91</v>
      </c>
      <c r="CN15" s="71">
        <v>61</v>
      </c>
      <c r="CO15" s="72">
        <v>152</v>
      </c>
      <c r="CP15" s="244"/>
      <c r="CQ15" s="71">
        <v>133</v>
      </c>
      <c r="CR15" s="71">
        <v>83</v>
      </c>
      <c r="CS15" s="71">
        <v>68</v>
      </c>
      <c r="CT15" s="71">
        <v>58</v>
      </c>
      <c r="CU15" s="71">
        <v>21</v>
      </c>
      <c r="CV15" s="72">
        <v>363</v>
      </c>
      <c r="CW15" s="73">
        <v>515</v>
      </c>
      <c r="CX15" s="123">
        <v>15</v>
      </c>
      <c r="CY15" s="82">
        <v>11</v>
      </c>
      <c r="CZ15" s="83">
        <v>26</v>
      </c>
      <c r="DA15" s="241"/>
      <c r="DB15" s="82">
        <v>12</v>
      </c>
      <c r="DC15" s="82">
        <v>17</v>
      </c>
      <c r="DD15" s="82">
        <v>14</v>
      </c>
      <c r="DE15" s="82">
        <v>14</v>
      </c>
      <c r="DF15" s="82">
        <v>7</v>
      </c>
      <c r="DG15" s="84">
        <v>64</v>
      </c>
      <c r="DH15" s="85">
        <v>90</v>
      </c>
      <c r="DI15" s="70">
        <v>0</v>
      </c>
      <c r="DJ15" s="71">
        <v>0</v>
      </c>
      <c r="DK15" s="72">
        <v>0</v>
      </c>
      <c r="DL15" s="244"/>
      <c r="DM15" s="71">
        <v>0</v>
      </c>
      <c r="DN15" s="71">
        <v>0</v>
      </c>
      <c r="DO15" s="71">
        <v>0</v>
      </c>
      <c r="DP15" s="71">
        <v>0</v>
      </c>
      <c r="DQ15" s="71">
        <v>0</v>
      </c>
      <c r="DR15" s="72">
        <v>0</v>
      </c>
      <c r="DS15" s="73">
        <v>0</v>
      </c>
      <c r="DT15" s="70">
        <v>0</v>
      </c>
      <c r="DU15" s="71">
        <v>1</v>
      </c>
      <c r="DV15" s="72">
        <v>1</v>
      </c>
      <c r="DW15" s="244"/>
      <c r="DX15" s="71">
        <v>1</v>
      </c>
      <c r="DY15" s="71">
        <v>1</v>
      </c>
      <c r="DZ15" s="71">
        <v>0</v>
      </c>
      <c r="EA15" s="71">
        <v>1</v>
      </c>
      <c r="EB15" s="71">
        <v>0</v>
      </c>
      <c r="EC15" s="72">
        <v>3</v>
      </c>
      <c r="ED15" s="73">
        <v>4</v>
      </c>
      <c r="EE15" s="70">
        <v>0</v>
      </c>
      <c r="EF15" s="71">
        <v>0</v>
      </c>
      <c r="EG15" s="72">
        <v>0</v>
      </c>
      <c r="EH15" s="244"/>
      <c r="EI15" s="71">
        <v>0</v>
      </c>
      <c r="EJ15" s="71">
        <v>2</v>
      </c>
      <c r="EK15" s="71">
        <v>1</v>
      </c>
      <c r="EL15" s="71">
        <v>0</v>
      </c>
      <c r="EM15" s="71">
        <v>0</v>
      </c>
      <c r="EN15" s="72">
        <v>3</v>
      </c>
      <c r="EO15" s="73">
        <v>3</v>
      </c>
      <c r="EP15" s="70">
        <v>7</v>
      </c>
      <c r="EQ15" s="71">
        <v>1</v>
      </c>
      <c r="ER15" s="72">
        <v>8</v>
      </c>
      <c r="ES15" s="244"/>
      <c r="ET15" s="71">
        <v>2</v>
      </c>
      <c r="EU15" s="71">
        <v>0</v>
      </c>
      <c r="EV15" s="71">
        <v>0</v>
      </c>
      <c r="EW15" s="71">
        <v>0</v>
      </c>
      <c r="EX15" s="71">
        <v>1</v>
      </c>
      <c r="EY15" s="72">
        <v>3</v>
      </c>
      <c r="EZ15" s="73">
        <v>11</v>
      </c>
      <c r="FA15" s="70">
        <v>3</v>
      </c>
      <c r="FB15" s="71">
        <v>8</v>
      </c>
      <c r="FC15" s="72">
        <v>11</v>
      </c>
      <c r="FD15" s="244"/>
      <c r="FE15" s="71">
        <v>5</v>
      </c>
      <c r="FF15" s="71">
        <v>7</v>
      </c>
      <c r="FG15" s="71">
        <v>2</v>
      </c>
      <c r="FH15" s="71">
        <v>5</v>
      </c>
      <c r="FI15" s="71">
        <v>4</v>
      </c>
      <c r="FJ15" s="72">
        <v>23</v>
      </c>
      <c r="FK15" s="73">
        <v>34</v>
      </c>
      <c r="FL15" s="70">
        <v>5</v>
      </c>
      <c r="FM15" s="71">
        <v>1</v>
      </c>
      <c r="FN15" s="72">
        <v>6</v>
      </c>
      <c r="FO15" s="244"/>
      <c r="FP15" s="71">
        <v>4</v>
      </c>
      <c r="FQ15" s="71">
        <v>7</v>
      </c>
      <c r="FR15" s="71">
        <v>11</v>
      </c>
      <c r="FS15" s="71">
        <v>8</v>
      </c>
      <c r="FT15" s="71">
        <v>2</v>
      </c>
      <c r="FU15" s="72">
        <v>32</v>
      </c>
      <c r="FV15" s="73">
        <v>38</v>
      </c>
      <c r="FW15" s="70">
        <v>0</v>
      </c>
      <c r="FX15" s="71">
        <v>0</v>
      </c>
      <c r="FY15" s="72">
        <v>0</v>
      </c>
      <c r="FZ15" s="244"/>
      <c r="GA15" s="71">
        <v>0</v>
      </c>
      <c r="GB15" s="71">
        <v>0</v>
      </c>
      <c r="GC15" s="71">
        <v>0</v>
      </c>
      <c r="GD15" s="71">
        <v>0</v>
      </c>
      <c r="GE15" s="71">
        <v>0</v>
      </c>
      <c r="GF15" s="72">
        <v>0</v>
      </c>
      <c r="GG15" s="73">
        <v>0</v>
      </c>
      <c r="GH15" s="70">
        <v>15</v>
      </c>
      <c r="GI15" s="71">
        <v>11</v>
      </c>
      <c r="GJ15" s="72">
        <v>26</v>
      </c>
      <c r="GK15" s="244"/>
      <c r="GL15" s="71">
        <v>12</v>
      </c>
      <c r="GM15" s="71">
        <v>17</v>
      </c>
      <c r="GN15" s="71">
        <v>14</v>
      </c>
      <c r="GO15" s="71">
        <v>14</v>
      </c>
      <c r="GP15" s="71">
        <v>7</v>
      </c>
      <c r="GQ15" s="72">
        <v>64</v>
      </c>
      <c r="GR15" s="73">
        <v>90</v>
      </c>
      <c r="GS15" s="123">
        <v>106</v>
      </c>
      <c r="GT15" s="82">
        <v>72</v>
      </c>
      <c r="GU15" s="83">
        <v>178</v>
      </c>
      <c r="GV15" s="241"/>
      <c r="GW15" s="82">
        <v>145</v>
      </c>
      <c r="GX15" s="82">
        <v>100</v>
      </c>
      <c r="GY15" s="82">
        <v>82</v>
      </c>
      <c r="GZ15" s="82">
        <v>72</v>
      </c>
      <c r="HA15" s="82">
        <v>28</v>
      </c>
      <c r="HB15" s="84">
        <v>427</v>
      </c>
      <c r="HC15" s="85">
        <v>605</v>
      </c>
      <c r="HD15" s="70">
        <v>4</v>
      </c>
      <c r="HE15" s="71">
        <v>1</v>
      </c>
      <c r="HF15" s="72">
        <v>5</v>
      </c>
      <c r="HG15" s="244"/>
      <c r="HH15" s="71">
        <v>5</v>
      </c>
      <c r="HI15" s="71">
        <v>2</v>
      </c>
      <c r="HJ15" s="71">
        <v>1</v>
      </c>
      <c r="HK15" s="71">
        <v>1</v>
      </c>
      <c r="HL15" s="71">
        <v>0</v>
      </c>
      <c r="HM15" s="72">
        <v>9</v>
      </c>
      <c r="HN15" s="73">
        <v>14</v>
      </c>
      <c r="HO15" s="70">
        <v>9</v>
      </c>
      <c r="HP15" s="71">
        <v>8</v>
      </c>
      <c r="HQ15" s="72">
        <v>17</v>
      </c>
      <c r="HR15" s="244"/>
      <c r="HS15" s="71">
        <v>9</v>
      </c>
      <c r="HT15" s="71">
        <v>3</v>
      </c>
      <c r="HU15" s="71">
        <v>4</v>
      </c>
      <c r="HV15" s="71">
        <v>5</v>
      </c>
      <c r="HW15" s="71">
        <v>3</v>
      </c>
      <c r="HX15" s="72">
        <v>24</v>
      </c>
      <c r="HY15" s="73">
        <v>41</v>
      </c>
      <c r="HZ15" s="70">
        <v>3</v>
      </c>
      <c r="IA15" s="71">
        <v>4</v>
      </c>
      <c r="IB15" s="72">
        <v>7</v>
      </c>
      <c r="IC15" s="244"/>
      <c r="ID15" s="71">
        <v>7</v>
      </c>
      <c r="IE15" s="71">
        <v>6</v>
      </c>
      <c r="IF15" s="71">
        <v>7</v>
      </c>
      <c r="IG15" s="71">
        <v>3</v>
      </c>
      <c r="IH15" s="71">
        <v>1</v>
      </c>
      <c r="II15" s="72">
        <v>24</v>
      </c>
      <c r="IJ15" s="73">
        <v>31</v>
      </c>
      <c r="IK15" s="70">
        <v>23</v>
      </c>
      <c r="IL15" s="71">
        <v>15</v>
      </c>
      <c r="IM15" s="72">
        <v>38</v>
      </c>
      <c r="IN15" s="244"/>
      <c r="IO15" s="71">
        <v>27</v>
      </c>
      <c r="IP15" s="71">
        <v>21</v>
      </c>
      <c r="IQ15" s="71">
        <v>8</v>
      </c>
      <c r="IR15" s="71">
        <v>9</v>
      </c>
      <c r="IS15" s="71">
        <v>7</v>
      </c>
      <c r="IT15" s="72">
        <v>72</v>
      </c>
      <c r="IU15" s="73">
        <v>110</v>
      </c>
      <c r="IV15" s="70">
        <v>38</v>
      </c>
      <c r="IW15" s="71">
        <v>27</v>
      </c>
      <c r="IX15" s="72">
        <v>65</v>
      </c>
      <c r="IY15" s="244"/>
      <c r="IZ15" s="71">
        <v>44</v>
      </c>
      <c r="JA15" s="71">
        <v>29</v>
      </c>
      <c r="JB15" s="71">
        <v>19</v>
      </c>
      <c r="JC15" s="71">
        <v>26</v>
      </c>
      <c r="JD15" s="71">
        <v>10</v>
      </c>
      <c r="JE15" s="72">
        <v>128</v>
      </c>
      <c r="JF15" s="73">
        <v>193</v>
      </c>
      <c r="JG15" s="70">
        <v>29</v>
      </c>
      <c r="JH15" s="71">
        <v>17</v>
      </c>
      <c r="JI15" s="72">
        <v>46</v>
      </c>
      <c r="JJ15" s="244"/>
      <c r="JK15" s="71">
        <v>53</v>
      </c>
      <c r="JL15" s="71">
        <v>39</v>
      </c>
      <c r="JM15" s="71">
        <v>43</v>
      </c>
      <c r="JN15" s="71">
        <v>28</v>
      </c>
      <c r="JO15" s="71">
        <v>7</v>
      </c>
      <c r="JP15" s="72">
        <v>170</v>
      </c>
      <c r="JQ15" s="73">
        <v>216</v>
      </c>
      <c r="JR15" s="70">
        <v>0</v>
      </c>
      <c r="JS15" s="71">
        <v>0</v>
      </c>
      <c r="JT15" s="72">
        <v>0</v>
      </c>
      <c r="JU15" s="244"/>
      <c r="JV15" s="71">
        <v>0</v>
      </c>
      <c r="JW15" s="71">
        <v>0</v>
      </c>
      <c r="JX15" s="71">
        <v>0</v>
      </c>
      <c r="JY15" s="71">
        <v>0</v>
      </c>
      <c r="JZ15" s="71">
        <v>0</v>
      </c>
      <c r="KA15" s="72">
        <v>0</v>
      </c>
      <c r="KB15" s="73">
        <v>0</v>
      </c>
      <c r="KC15" s="70">
        <v>106</v>
      </c>
      <c r="KD15" s="71">
        <v>72</v>
      </c>
      <c r="KE15" s="72">
        <v>178</v>
      </c>
      <c r="KF15" s="244"/>
      <c r="KG15" s="71">
        <v>145</v>
      </c>
      <c r="KH15" s="71">
        <v>100</v>
      </c>
      <c r="KI15" s="71">
        <v>82</v>
      </c>
      <c r="KJ15" s="71">
        <v>72</v>
      </c>
      <c r="KK15" s="71">
        <v>28</v>
      </c>
      <c r="KL15" s="72">
        <v>427</v>
      </c>
      <c r="KM15" s="73">
        <v>605</v>
      </c>
    </row>
    <row r="16" spans="2:299" ht="19.5" customHeight="1" x14ac:dyDescent="0.2">
      <c r="B16" s="126" t="s">
        <v>12</v>
      </c>
      <c r="C16" s="316">
        <v>159</v>
      </c>
      <c r="D16" s="82">
        <v>112</v>
      </c>
      <c r="E16" s="83">
        <v>271</v>
      </c>
      <c r="F16" s="241"/>
      <c r="G16" s="82">
        <v>159</v>
      </c>
      <c r="H16" s="82">
        <v>130</v>
      </c>
      <c r="I16" s="82">
        <v>100</v>
      </c>
      <c r="J16" s="82">
        <v>95</v>
      </c>
      <c r="K16" s="82">
        <v>34</v>
      </c>
      <c r="L16" s="84">
        <v>518</v>
      </c>
      <c r="M16" s="85">
        <v>789</v>
      </c>
      <c r="N16" s="86">
        <v>3</v>
      </c>
      <c r="O16" s="71">
        <v>3</v>
      </c>
      <c r="P16" s="72">
        <v>6</v>
      </c>
      <c r="Q16" s="244"/>
      <c r="R16" s="71">
        <v>1</v>
      </c>
      <c r="S16" s="71">
        <v>1</v>
      </c>
      <c r="T16" s="71">
        <v>1</v>
      </c>
      <c r="U16" s="71">
        <v>1</v>
      </c>
      <c r="V16" s="71">
        <v>2</v>
      </c>
      <c r="W16" s="72">
        <v>6</v>
      </c>
      <c r="X16" s="73">
        <v>12</v>
      </c>
      <c r="Y16" s="70">
        <v>7</v>
      </c>
      <c r="Z16" s="71">
        <v>8</v>
      </c>
      <c r="AA16" s="72">
        <v>15</v>
      </c>
      <c r="AB16" s="244"/>
      <c r="AC16" s="71">
        <v>5</v>
      </c>
      <c r="AD16" s="71">
        <v>6</v>
      </c>
      <c r="AE16" s="71">
        <v>5</v>
      </c>
      <c r="AF16" s="71">
        <v>4</v>
      </c>
      <c r="AG16" s="71">
        <v>4</v>
      </c>
      <c r="AH16" s="72">
        <v>24</v>
      </c>
      <c r="AI16" s="73">
        <v>39</v>
      </c>
      <c r="AJ16" s="86">
        <v>11</v>
      </c>
      <c r="AK16" s="71">
        <v>10</v>
      </c>
      <c r="AL16" s="72">
        <v>21</v>
      </c>
      <c r="AM16" s="244"/>
      <c r="AN16" s="71">
        <v>8</v>
      </c>
      <c r="AO16" s="71">
        <v>6</v>
      </c>
      <c r="AP16" s="71">
        <v>9</v>
      </c>
      <c r="AQ16" s="71">
        <v>5</v>
      </c>
      <c r="AR16" s="71">
        <v>4</v>
      </c>
      <c r="AS16" s="72">
        <v>32</v>
      </c>
      <c r="AT16" s="73">
        <v>53</v>
      </c>
      <c r="AU16" s="70">
        <v>28</v>
      </c>
      <c r="AV16" s="71">
        <v>21</v>
      </c>
      <c r="AW16" s="72">
        <v>49</v>
      </c>
      <c r="AX16" s="244"/>
      <c r="AY16" s="71">
        <v>31</v>
      </c>
      <c r="AZ16" s="71">
        <v>29</v>
      </c>
      <c r="BA16" s="71">
        <v>13</v>
      </c>
      <c r="BB16" s="71">
        <v>17</v>
      </c>
      <c r="BC16" s="71">
        <v>10</v>
      </c>
      <c r="BD16" s="72">
        <v>100</v>
      </c>
      <c r="BE16" s="73">
        <v>149</v>
      </c>
      <c r="BF16" s="86">
        <v>61</v>
      </c>
      <c r="BG16" s="71">
        <v>26</v>
      </c>
      <c r="BH16" s="72">
        <v>87</v>
      </c>
      <c r="BI16" s="244"/>
      <c r="BJ16" s="71">
        <v>60</v>
      </c>
      <c r="BK16" s="71">
        <v>39</v>
      </c>
      <c r="BL16" s="71">
        <v>35</v>
      </c>
      <c r="BM16" s="71">
        <v>27</v>
      </c>
      <c r="BN16" s="71">
        <v>7</v>
      </c>
      <c r="BO16" s="72">
        <v>168</v>
      </c>
      <c r="BP16" s="73">
        <v>255</v>
      </c>
      <c r="BQ16" s="70">
        <v>49</v>
      </c>
      <c r="BR16" s="71">
        <v>44</v>
      </c>
      <c r="BS16" s="72">
        <v>93</v>
      </c>
      <c r="BT16" s="244"/>
      <c r="BU16" s="71">
        <v>54</v>
      </c>
      <c r="BV16" s="71">
        <v>49</v>
      </c>
      <c r="BW16" s="71">
        <v>37</v>
      </c>
      <c r="BX16" s="71">
        <v>41</v>
      </c>
      <c r="BY16" s="71">
        <v>7</v>
      </c>
      <c r="BZ16" s="72">
        <v>188</v>
      </c>
      <c r="CA16" s="73">
        <v>281</v>
      </c>
      <c r="CB16" s="70">
        <v>0</v>
      </c>
      <c r="CC16" s="71">
        <v>0</v>
      </c>
      <c r="CD16" s="72">
        <v>0</v>
      </c>
      <c r="CE16" s="244"/>
      <c r="CF16" s="71">
        <v>0</v>
      </c>
      <c r="CG16" s="71">
        <v>0</v>
      </c>
      <c r="CH16" s="71">
        <v>0</v>
      </c>
      <c r="CI16" s="71">
        <v>0</v>
      </c>
      <c r="CJ16" s="71">
        <v>0</v>
      </c>
      <c r="CK16" s="72">
        <v>0</v>
      </c>
      <c r="CL16" s="73">
        <v>0</v>
      </c>
      <c r="CM16" s="70">
        <v>159</v>
      </c>
      <c r="CN16" s="71">
        <v>112</v>
      </c>
      <c r="CO16" s="72">
        <v>271</v>
      </c>
      <c r="CP16" s="244"/>
      <c r="CQ16" s="71">
        <v>159</v>
      </c>
      <c r="CR16" s="71">
        <v>130</v>
      </c>
      <c r="CS16" s="71">
        <v>100</v>
      </c>
      <c r="CT16" s="71">
        <v>95</v>
      </c>
      <c r="CU16" s="71">
        <v>34</v>
      </c>
      <c r="CV16" s="72">
        <v>518</v>
      </c>
      <c r="CW16" s="73">
        <v>789</v>
      </c>
      <c r="CX16" s="123">
        <v>12</v>
      </c>
      <c r="CY16" s="82">
        <v>21</v>
      </c>
      <c r="CZ16" s="83">
        <v>33</v>
      </c>
      <c r="DA16" s="241"/>
      <c r="DB16" s="82">
        <v>20</v>
      </c>
      <c r="DC16" s="82">
        <v>6</v>
      </c>
      <c r="DD16" s="82">
        <v>14</v>
      </c>
      <c r="DE16" s="82">
        <v>17</v>
      </c>
      <c r="DF16" s="82">
        <v>6</v>
      </c>
      <c r="DG16" s="84">
        <v>63</v>
      </c>
      <c r="DH16" s="85">
        <v>96</v>
      </c>
      <c r="DI16" s="86">
        <v>0</v>
      </c>
      <c r="DJ16" s="71">
        <v>0</v>
      </c>
      <c r="DK16" s="72">
        <v>0</v>
      </c>
      <c r="DL16" s="244"/>
      <c r="DM16" s="71">
        <v>0</v>
      </c>
      <c r="DN16" s="71">
        <v>0</v>
      </c>
      <c r="DO16" s="71">
        <v>0</v>
      </c>
      <c r="DP16" s="71">
        <v>0</v>
      </c>
      <c r="DQ16" s="71">
        <v>0</v>
      </c>
      <c r="DR16" s="72">
        <v>0</v>
      </c>
      <c r="DS16" s="73">
        <v>0</v>
      </c>
      <c r="DT16" s="70">
        <v>1</v>
      </c>
      <c r="DU16" s="71">
        <v>1</v>
      </c>
      <c r="DV16" s="72">
        <v>2</v>
      </c>
      <c r="DW16" s="244"/>
      <c r="DX16" s="71">
        <v>1</v>
      </c>
      <c r="DY16" s="71">
        <v>0</v>
      </c>
      <c r="DZ16" s="71">
        <v>2</v>
      </c>
      <c r="EA16" s="71">
        <v>0</v>
      </c>
      <c r="EB16" s="71">
        <v>1</v>
      </c>
      <c r="EC16" s="72">
        <v>4</v>
      </c>
      <c r="ED16" s="73">
        <v>6</v>
      </c>
      <c r="EE16" s="86">
        <v>1</v>
      </c>
      <c r="EF16" s="71">
        <v>1</v>
      </c>
      <c r="EG16" s="72">
        <v>2</v>
      </c>
      <c r="EH16" s="244"/>
      <c r="EI16" s="71">
        <v>2</v>
      </c>
      <c r="EJ16" s="71">
        <v>1</v>
      </c>
      <c r="EK16" s="71">
        <v>0</v>
      </c>
      <c r="EL16" s="71">
        <v>0</v>
      </c>
      <c r="EM16" s="71">
        <v>0</v>
      </c>
      <c r="EN16" s="72">
        <v>3</v>
      </c>
      <c r="EO16" s="73">
        <v>5</v>
      </c>
      <c r="EP16" s="70">
        <v>3</v>
      </c>
      <c r="EQ16" s="71">
        <v>6</v>
      </c>
      <c r="ER16" s="72">
        <v>9</v>
      </c>
      <c r="ES16" s="244"/>
      <c r="ET16" s="71">
        <v>0</v>
      </c>
      <c r="EU16" s="71">
        <v>0</v>
      </c>
      <c r="EV16" s="71">
        <v>0</v>
      </c>
      <c r="EW16" s="71">
        <v>5</v>
      </c>
      <c r="EX16" s="71">
        <v>1</v>
      </c>
      <c r="EY16" s="72">
        <v>6</v>
      </c>
      <c r="EZ16" s="73">
        <v>15</v>
      </c>
      <c r="FA16" s="86">
        <v>3</v>
      </c>
      <c r="FB16" s="71">
        <v>9</v>
      </c>
      <c r="FC16" s="72">
        <v>12</v>
      </c>
      <c r="FD16" s="244"/>
      <c r="FE16" s="71">
        <v>6</v>
      </c>
      <c r="FF16" s="71">
        <v>1</v>
      </c>
      <c r="FG16" s="71">
        <v>3</v>
      </c>
      <c r="FH16" s="71">
        <v>0</v>
      </c>
      <c r="FI16" s="71">
        <v>1</v>
      </c>
      <c r="FJ16" s="72">
        <v>11</v>
      </c>
      <c r="FK16" s="73">
        <v>23</v>
      </c>
      <c r="FL16" s="70">
        <v>4</v>
      </c>
      <c r="FM16" s="71">
        <v>4</v>
      </c>
      <c r="FN16" s="72">
        <v>8</v>
      </c>
      <c r="FO16" s="244"/>
      <c r="FP16" s="71">
        <v>11</v>
      </c>
      <c r="FQ16" s="71">
        <v>4</v>
      </c>
      <c r="FR16" s="71">
        <v>9</v>
      </c>
      <c r="FS16" s="71">
        <v>12</v>
      </c>
      <c r="FT16" s="71">
        <v>3</v>
      </c>
      <c r="FU16" s="72">
        <v>39</v>
      </c>
      <c r="FV16" s="73">
        <v>47</v>
      </c>
      <c r="FW16" s="70">
        <v>0</v>
      </c>
      <c r="FX16" s="71">
        <v>0</v>
      </c>
      <c r="FY16" s="72">
        <v>0</v>
      </c>
      <c r="FZ16" s="244"/>
      <c r="GA16" s="71">
        <v>0</v>
      </c>
      <c r="GB16" s="71">
        <v>0</v>
      </c>
      <c r="GC16" s="71">
        <v>0</v>
      </c>
      <c r="GD16" s="71">
        <v>0</v>
      </c>
      <c r="GE16" s="71">
        <v>0</v>
      </c>
      <c r="GF16" s="72">
        <v>0</v>
      </c>
      <c r="GG16" s="73">
        <v>0</v>
      </c>
      <c r="GH16" s="70">
        <v>12</v>
      </c>
      <c r="GI16" s="71">
        <v>21</v>
      </c>
      <c r="GJ16" s="72">
        <v>33</v>
      </c>
      <c r="GK16" s="244"/>
      <c r="GL16" s="71">
        <v>20</v>
      </c>
      <c r="GM16" s="71">
        <v>6</v>
      </c>
      <c r="GN16" s="71">
        <v>14</v>
      </c>
      <c r="GO16" s="71">
        <v>17</v>
      </c>
      <c r="GP16" s="71">
        <v>6</v>
      </c>
      <c r="GQ16" s="72">
        <v>63</v>
      </c>
      <c r="GR16" s="73">
        <v>96</v>
      </c>
      <c r="GS16" s="123">
        <v>171</v>
      </c>
      <c r="GT16" s="82">
        <v>133</v>
      </c>
      <c r="GU16" s="83">
        <v>304</v>
      </c>
      <c r="GV16" s="241"/>
      <c r="GW16" s="82">
        <v>179</v>
      </c>
      <c r="GX16" s="82">
        <v>136</v>
      </c>
      <c r="GY16" s="82">
        <v>114</v>
      </c>
      <c r="GZ16" s="82">
        <v>112</v>
      </c>
      <c r="HA16" s="82">
        <v>40</v>
      </c>
      <c r="HB16" s="84">
        <v>581</v>
      </c>
      <c r="HC16" s="85">
        <v>885</v>
      </c>
      <c r="HD16" s="86">
        <v>3</v>
      </c>
      <c r="HE16" s="71">
        <v>3</v>
      </c>
      <c r="HF16" s="72">
        <v>6</v>
      </c>
      <c r="HG16" s="244"/>
      <c r="HH16" s="71">
        <v>1</v>
      </c>
      <c r="HI16" s="71">
        <v>1</v>
      </c>
      <c r="HJ16" s="71">
        <v>1</v>
      </c>
      <c r="HK16" s="71">
        <v>1</v>
      </c>
      <c r="HL16" s="71">
        <v>2</v>
      </c>
      <c r="HM16" s="72">
        <v>6</v>
      </c>
      <c r="HN16" s="73">
        <v>12</v>
      </c>
      <c r="HO16" s="70">
        <v>8</v>
      </c>
      <c r="HP16" s="71">
        <v>9</v>
      </c>
      <c r="HQ16" s="72">
        <v>17</v>
      </c>
      <c r="HR16" s="244"/>
      <c r="HS16" s="71">
        <v>6</v>
      </c>
      <c r="HT16" s="71">
        <v>6</v>
      </c>
      <c r="HU16" s="71">
        <v>7</v>
      </c>
      <c r="HV16" s="71">
        <v>4</v>
      </c>
      <c r="HW16" s="71">
        <v>5</v>
      </c>
      <c r="HX16" s="72">
        <v>28</v>
      </c>
      <c r="HY16" s="73">
        <v>45</v>
      </c>
      <c r="HZ16" s="86">
        <v>12</v>
      </c>
      <c r="IA16" s="71">
        <v>11</v>
      </c>
      <c r="IB16" s="72">
        <v>23</v>
      </c>
      <c r="IC16" s="244"/>
      <c r="ID16" s="71">
        <v>10</v>
      </c>
      <c r="IE16" s="71">
        <v>7</v>
      </c>
      <c r="IF16" s="71">
        <v>9</v>
      </c>
      <c r="IG16" s="71">
        <v>5</v>
      </c>
      <c r="IH16" s="71">
        <v>4</v>
      </c>
      <c r="II16" s="72">
        <v>35</v>
      </c>
      <c r="IJ16" s="73">
        <v>58</v>
      </c>
      <c r="IK16" s="70">
        <v>31</v>
      </c>
      <c r="IL16" s="71">
        <v>27</v>
      </c>
      <c r="IM16" s="72">
        <v>58</v>
      </c>
      <c r="IN16" s="244"/>
      <c r="IO16" s="71">
        <v>31</v>
      </c>
      <c r="IP16" s="71">
        <v>29</v>
      </c>
      <c r="IQ16" s="71">
        <v>13</v>
      </c>
      <c r="IR16" s="71">
        <v>22</v>
      </c>
      <c r="IS16" s="71">
        <v>11</v>
      </c>
      <c r="IT16" s="72">
        <v>106</v>
      </c>
      <c r="IU16" s="73">
        <v>164</v>
      </c>
      <c r="IV16" s="86">
        <v>64</v>
      </c>
      <c r="IW16" s="71">
        <v>35</v>
      </c>
      <c r="IX16" s="72">
        <v>99</v>
      </c>
      <c r="IY16" s="244"/>
      <c r="IZ16" s="71">
        <v>66</v>
      </c>
      <c r="JA16" s="71">
        <v>40</v>
      </c>
      <c r="JB16" s="71">
        <v>38</v>
      </c>
      <c r="JC16" s="71">
        <v>27</v>
      </c>
      <c r="JD16" s="71">
        <v>8</v>
      </c>
      <c r="JE16" s="72">
        <v>179</v>
      </c>
      <c r="JF16" s="73">
        <v>278</v>
      </c>
      <c r="JG16" s="70">
        <v>53</v>
      </c>
      <c r="JH16" s="71">
        <v>48</v>
      </c>
      <c r="JI16" s="72">
        <v>101</v>
      </c>
      <c r="JJ16" s="244"/>
      <c r="JK16" s="71">
        <v>65</v>
      </c>
      <c r="JL16" s="71">
        <v>53</v>
      </c>
      <c r="JM16" s="71">
        <v>46</v>
      </c>
      <c r="JN16" s="71">
        <v>53</v>
      </c>
      <c r="JO16" s="71">
        <v>10</v>
      </c>
      <c r="JP16" s="72">
        <v>227</v>
      </c>
      <c r="JQ16" s="73">
        <v>328</v>
      </c>
      <c r="JR16" s="70">
        <v>0</v>
      </c>
      <c r="JS16" s="71">
        <v>0</v>
      </c>
      <c r="JT16" s="72">
        <v>0</v>
      </c>
      <c r="JU16" s="244"/>
      <c r="JV16" s="71">
        <v>0</v>
      </c>
      <c r="JW16" s="71">
        <v>0</v>
      </c>
      <c r="JX16" s="71">
        <v>0</v>
      </c>
      <c r="JY16" s="71">
        <v>0</v>
      </c>
      <c r="JZ16" s="71">
        <v>0</v>
      </c>
      <c r="KA16" s="72">
        <v>0</v>
      </c>
      <c r="KB16" s="73">
        <v>0</v>
      </c>
      <c r="KC16" s="70">
        <v>171</v>
      </c>
      <c r="KD16" s="71">
        <v>133</v>
      </c>
      <c r="KE16" s="72">
        <v>304</v>
      </c>
      <c r="KF16" s="244"/>
      <c r="KG16" s="71">
        <v>179</v>
      </c>
      <c r="KH16" s="71">
        <v>136</v>
      </c>
      <c r="KI16" s="71">
        <v>114</v>
      </c>
      <c r="KJ16" s="71">
        <v>112</v>
      </c>
      <c r="KK16" s="71">
        <v>40</v>
      </c>
      <c r="KL16" s="72">
        <v>581</v>
      </c>
      <c r="KM16" s="73">
        <v>885</v>
      </c>
    </row>
    <row r="17" spans="2:299" ht="19.5" customHeight="1" x14ac:dyDescent="0.2">
      <c r="B17" s="126" t="s">
        <v>13</v>
      </c>
      <c r="C17" s="316">
        <v>39</v>
      </c>
      <c r="D17" s="82">
        <v>50</v>
      </c>
      <c r="E17" s="83">
        <v>89</v>
      </c>
      <c r="F17" s="241"/>
      <c r="G17" s="82">
        <v>90</v>
      </c>
      <c r="H17" s="82">
        <v>64</v>
      </c>
      <c r="I17" s="82">
        <v>42</v>
      </c>
      <c r="J17" s="82">
        <v>42</v>
      </c>
      <c r="K17" s="82">
        <v>23</v>
      </c>
      <c r="L17" s="84">
        <v>261</v>
      </c>
      <c r="M17" s="85">
        <v>350</v>
      </c>
      <c r="N17" s="70">
        <v>0</v>
      </c>
      <c r="O17" s="71">
        <v>0</v>
      </c>
      <c r="P17" s="72">
        <v>0</v>
      </c>
      <c r="Q17" s="244"/>
      <c r="R17" s="71">
        <v>2</v>
      </c>
      <c r="S17" s="71">
        <v>0</v>
      </c>
      <c r="T17" s="71">
        <v>0</v>
      </c>
      <c r="U17" s="71">
        <v>0</v>
      </c>
      <c r="V17" s="71">
        <v>0</v>
      </c>
      <c r="W17" s="72">
        <v>2</v>
      </c>
      <c r="X17" s="73">
        <v>2</v>
      </c>
      <c r="Y17" s="70">
        <v>4</v>
      </c>
      <c r="Z17" s="71">
        <v>1</v>
      </c>
      <c r="AA17" s="72">
        <v>5</v>
      </c>
      <c r="AB17" s="244"/>
      <c r="AC17" s="71">
        <v>3</v>
      </c>
      <c r="AD17" s="71">
        <v>2</v>
      </c>
      <c r="AE17" s="71">
        <v>0</v>
      </c>
      <c r="AF17" s="71">
        <v>1</v>
      </c>
      <c r="AG17" s="71">
        <v>1</v>
      </c>
      <c r="AH17" s="72">
        <v>7</v>
      </c>
      <c r="AI17" s="73">
        <v>12</v>
      </c>
      <c r="AJ17" s="70">
        <v>4</v>
      </c>
      <c r="AK17" s="71">
        <v>3</v>
      </c>
      <c r="AL17" s="72">
        <v>7</v>
      </c>
      <c r="AM17" s="244"/>
      <c r="AN17" s="71">
        <v>4</v>
      </c>
      <c r="AO17" s="71">
        <v>6</v>
      </c>
      <c r="AP17" s="71">
        <v>5</v>
      </c>
      <c r="AQ17" s="71">
        <v>2</v>
      </c>
      <c r="AR17" s="71">
        <v>3</v>
      </c>
      <c r="AS17" s="72">
        <v>20</v>
      </c>
      <c r="AT17" s="73">
        <v>27</v>
      </c>
      <c r="AU17" s="70">
        <v>1</v>
      </c>
      <c r="AV17" s="71">
        <v>16</v>
      </c>
      <c r="AW17" s="72">
        <v>17</v>
      </c>
      <c r="AX17" s="244"/>
      <c r="AY17" s="71">
        <v>17</v>
      </c>
      <c r="AZ17" s="71">
        <v>8</v>
      </c>
      <c r="BA17" s="71">
        <v>6</v>
      </c>
      <c r="BB17" s="71">
        <v>6</v>
      </c>
      <c r="BC17" s="71">
        <v>6</v>
      </c>
      <c r="BD17" s="72">
        <v>43</v>
      </c>
      <c r="BE17" s="73">
        <v>60</v>
      </c>
      <c r="BF17" s="70">
        <v>16</v>
      </c>
      <c r="BG17" s="71">
        <v>20</v>
      </c>
      <c r="BH17" s="72">
        <v>36</v>
      </c>
      <c r="BI17" s="244"/>
      <c r="BJ17" s="71">
        <v>35</v>
      </c>
      <c r="BK17" s="71">
        <v>20</v>
      </c>
      <c r="BL17" s="71">
        <v>14</v>
      </c>
      <c r="BM17" s="71">
        <v>18</v>
      </c>
      <c r="BN17" s="71">
        <v>4</v>
      </c>
      <c r="BO17" s="72">
        <v>91</v>
      </c>
      <c r="BP17" s="73">
        <v>127</v>
      </c>
      <c r="BQ17" s="70">
        <v>14</v>
      </c>
      <c r="BR17" s="71">
        <v>10</v>
      </c>
      <c r="BS17" s="72">
        <v>24</v>
      </c>
      <c r="BT17" s="244"/>
      <c r="BU17" s="71">
        <v>29</v>
      </c>
      <c r="BV17" s="71">
        <v>28</v>
      </c>
      <c r="BW17" s="71">
        <v>17</v>
      </c>
      <c r="BX17" s="71">
        <v>15</v>
      </c>
      <c r="BY17" s="71">
        <v>9</v>
      </c>
      <c r="BZ17" s="72">
        <v>98</v>
      </c>
      <c r="CA17" s="73">
        <v>122</v>
      </c>
      <c r="CB17" s="70">
        <v>0</v>
      </c>
      <c r="CC17" s="71">
        <v>0</v>
      </c>
      <c r="CD17" s="72">
        <v>0</v>
      </c>
      <c r="CE17" s="244"/>
      <c r="CF17" s="71">
        <v>0</v>
      </c>
      <c r="CG17" s="71">
        <v>0</v>
      </c>
      <c r="CH17" s="71">
        <v>0</v>
      </c>
      <c r="CI17" s="71">
        <v>0</v>
      </c>
      <c r="CJ17" s="71">
        <v>0</v>
      </c>
      <c r="CK17" s="72">
        <v>0</v>
      </c>
      <c r="CL17" s="73">
        <v>0</v>
      </c>
      <c r="CM17" s="70">
        <v>39</v>
      </c>
      <c r="CN17" s="71">
        <v>50</v>
      </c>
      <c r="CO17" s="72">
        <v>89</v>
      </c>
      <c r="CP17" s="244"/>
      <c r="CQ17" s="71">
        <v>90</v>
      </c>
      <c r="CR17" s="71">
        <v>64</v>
      </c>
      <c r="CS17" s="71">
        <v>42</v>
      </c>
      <c r="CT17" s="71">
        <v>42</v>
      </c>
      <c r="CU17" s="71">
        <v>23</v>
      </c>
      <c r="CV17" s="72">
        <v>261</v>
      </c>
      <c r="CW17" s="73">
        <v>350</v>
      </c>
      <c r="CX17" s="123">
        <v>8</v>
      </c>
      <c r="CY17" s="82">
        <v>5</v>
      </c>
      <c r="CZ17" s="83">
        <v>13</v>
      </c>
      <c r="DA17" s="241"/>
      <c r="DB17" s="82">
        <v>10</v>
      </c>
      <c r="DC17" s="82">
        <v>6</v>
      </c>
      <c r="DD17" s="82">
        <v>5</v>
      </c>
      <c r="DE17" s="82">
        <v>9</v>
      </c>
      <c r="DF17" s="82">
        <v>3</v>
      </c>
      <c r="DG17" s="84">
        <v>33</v>
      </c>
      <c r="DH17" s="85">
        <v>46</v>
      </c>
      <c r="DI17" s="70">
        <v>0</v>
      </c>
      <c r="DJ17" s="71">
        <v>0</v>
      </c>
      <c r="DK17" s="72">
        <v>0</v>
      </c>
      <c r="DL17" s="244"/>
      <c r="DM17" s="71">
        <v>0</v>
      </c>
      <c r="DN17" s="71">
        <v>0</v>
      </c>
      <c r="DO17" s="71">
        <v>0</v>
      </c>
      <c r="DP17" s="71">
        <v>1</v>
      </c>
      <c r="DQ17" s="71">
        <v>0</v>
      </c>
      <c r="DR17" s="72">
        <v>1</v>
      </c>
      <c r="DS17" s="73">
        <v>1</v>
      </c>
      <c r="DT17" s="70">
        <v>0</v>
      </c>
      <c r="DU17" s="71">
        <v>0</v>
      </c>
      <c r="DV17" s="72">
        <v>0</v>
      </c>
      <c r="DW17" s="244"/>
      <c r="DX17" s="71">
        <v>0</v>
      </c>
      <c r="DY17" s="71">
        <v>0</v>
      </c>
      <c r="DZ17" s="71">
        <v>0</v>
      </c>
      <c r="EA17" s="71">
        <v>0</v>
      </c>
      <c r="EB17" s="71">
        <v>0</v>
      </c>
      <c r="EC17" s="72">
        <v>0</v>
      </c>
      <c r="ED17" s="73">
        <v>0</v>
      </c>
      <c r="EE17" s="70">
        <v>1</v>
      </c>
      <c r="EF17" s="71">
        <v>0</v>
      </c>
      <c r="EG17" s="72">
        <v>1</v>
      </c>
      <c r="EH17" s="244"/>
      <c r="EI17" s="71">
        <v>1</v>
      </c>
      <c r="EJ17" s="71">
        <v>0</v>
      </c>
      <c r="EK17" s="71">
        <v>1</v>
      </c>
      <c r="EL17" s="71">
        <v>0</v>
      </c>
      <c r="EM17" s="71">
        <v>0</v>
      </c>
      <c r="EN17" s="72">
        <v>2</v>
      </c>
      <c r="EO17" s="73">
        <v>3</v>
      </c>
      <c r="EP17" s="70">
        <v>2</v>
      </c>
      <c r="EQ17" s="71">
        <v>1</v>
      </c>
      <c r="ER17" s="72">
        <v>3</v>
      </c>
      <c r="ES17" s="244"/>
      <c r="ET17" s="71">
        <v>3</v>
      </c>
      <c r="EU17" s="71">
        <v>2</v>
      </c>
      <c r="EV17" s="71">
        <v>0</v>
      </c>
      <c r="EW17" s="71">
        <v>0</v>
      </c>
      <c r="EX17" s="71">
        <v>0</v>
      </c>
      <c r="EY17" s="72">
        <v>5</v>
      </c>
      <c r="EZ17" s="73">
        <v>8</v>
      </c>
      <c r="FA17" s="70">
        <v>2</v>
      </c>
      <c r="FB17" s="71">
        <v>0</v>
      </c>
      <c r="FC17" s="72">
        <v>2</v>
      </c>
      <c r="FD17" s="244"/>
      <c r="FE17" s="71">
        <v>3</v>
      </c>
      <c r="FF17" s="71">
        <v>1</v>
      </c>
      <c r="FG17" s="71">
        <v>2</v>
      </c>
      <c r="FH17" s="71">
        <v>1</v>
      </c>
      <c r="FI17" s="71">
        <v>1</v>
      </c>
      <c r="FJ17" s="72">
        <v>8</v>
      </c>
      <c r="FK17" s="73">
        <v>10</v>
      </c>
      <c r="FL17" s="70">
        <v>3</v>
      </c>
      <c r="FM17" s="71">
        <v>4</v>
      </c>
      <c r="FN17" s="72">
        <v>7</v>
      </c>
      <c r="FO17" s="244"/>
      <c r="FP17" s="71">
        <v>3</v>
      </c>
      <c r="FQ17" s="71">
        <v>3</v>
      </c>
      <c r="FR17" s="71">
        <v>2</v>
      </c>
      <c r="FS17" s="71">
        <v>7</v>
      </c>
      <c r="FT17" s="71">
        <v>2</v>
      </c>
      <c r="FU17" s="72">
        <v>17</v>
      </c>
      <c r="FV17" s="73">
        <v>24</v>
      </c>
      <c r="FW17" s="70">
        <v>0</v>
      </c>
      <c r="FX17" s="71">
        <v>0</v>
      </c>
      <c r="FY17" s="72">
        <v>0</v>
      </c>
      <c r="FZ17" s="244"/>
      <c r="GA17" s="71">
        <v>0</v>
      </c>
      <c r="GB17" s="71">
        <v>0</v>
      </c>
      <c r="GC17" s="71">
        <v>0</v>
      </c>
      <c r="GD17" s="71">
        <v>0</v>
      </c>
      <c r="GE17" s="71">
        <v>0</v>
      </c>
      <c r="GF17" s="72">
        <v>0</v>
      </c>
      <c r="GG17" s="73">
        <v>0</v>
      </c>
      <c r="GH17" s="70">
        <v>8</v>
      </c>
      <c r="GI17" s="71">
        <v>5</v>
      </c>
      <c r="GJ17" s="72">
        <v>13</v>
      </c>
      <c r="GK17" s="244"/>
      <c r="GL17" s="71">
        <v>10</v>
      </c>
      <c r="GM17" s="71">
        <v>6</v>
      </c>
      <c r="GN17" s="71">
        <v>5</v>
      </c>
      <c r="GO17" s="71">
        <v>9</v>
      </c>
      <c r="GP17" s="71">
        <v>3</v>
      </c>
      <c r="GQ17" s="72">
        <v>33</v>
      </c>
      <c r="GR17" s="73">
        <v>46</v>
      </c>
      <c r="GS17" s="123">
        <v>47</v>
      </c>
      <c r="GT17" s="82">
        <v>55</v>
      </c>
      <c r="GU17" s="83">
        <v>102</v>
      </c>
      <c r="GV17" s="241"/>
      <c r="GW17" s="82">
        <v>100</v>
      </c>
      <c r="GX17" s="82">
        <v>70</v>
      </c>
      <c r="GY17" s="82">
        <v>47</v>
      </c>
      <c r="GZ17" s="82">
        <v>51</v>
      </c>
      <c r="HA17" s="82">
        <v>26</v>
      </c>
      <c r="HB17" s="84">
        <v>294</v>
      </c>
      <c r="HC17" s="85">
        <v>396</v>
      </c>
      <c r="HD17" s="70">
        <v>0</v>
      </c>
      <c r="HE17" s="71">
        <v>0</v>
      </c>
      <c r="HF17" s="72">
        <v>0</v>
      </c>
      <c r="HG17" s="244"/>
      <c r="HH17" s="71">
        <v>2</v>
      </c>
      <c r="HI17" s="71">
        <v>0</v>
      </c>
      <c r="HJ17" s="71">
        <v>0</v>
      </c>
      <c r="HK17" s="71">
        <v>1</v>
      </c>
      <c r="HL17" s="71">
        <v>0</v>
      </c>
      <c r="HM17" s="72">
        <v>3</v>
      </c>
      <c r="HN17" s="73">
        <v>3</v>
      </c>
      <c r="HO17" s="70">
        <v>4</v>
      </c>
      <c r="HP17" s="71">
        <v>1</v>
      </c>
      <c r="HQ17" s="72">
        <v>5</v>
      </c>
      <c r="HR17" s="244"/>
      <c r="HS17" s="71">
        <v>3</v>
      </c>
      <c r="HT17" s="71">
        <v>2</v>
      </c>
      <c r="HU17" s="71">
        <v>0</v>
      </c>
      <c r="HV17" s="71">
        <v>1</v>
      </c>
      <c r="HW17" s="71">
        <v>1</v>
      </c>
      <c r="HX17" s="72">
        <v>7</v>
      </c>
      <c r="HY17" s="73">
        <v>12</v>
      </c>
      <c r="HZ17" s="70">
        <v>5</v>
      </c>
      <c r="IA17" s="71">
        <v>3</v>
      </c>
      <c r="IB17" s="72">
        <v>8</v>
      </c>
      <c r="IC17" s="244"/>
      <c r="ID17" s="71">
        <v>5</v>
      </c>
      <c r="IE17" s="71">
        <v>6</v>
      </c>
      <c r="IF17" s="71">
        <v>6</v>
      </c>
      <c r="IG17" s="71">
        <v>2</v>
      </c>
      <c r="IH17" s="71">
        <v>3</v>
      </c>
      <c r="II17" s="72">
        <v>22</v>
      </c>
      <c r="IJ17" s="73">
        <v>30</v>
      </c>
      <c r="IK17" s="70">
        <v>3</v>
      </c>
      <c r="IL17" s="71">
        <v>17</v>
      </c>
      <c r="IM17" s="72">
        <v>20</v>
      </c>
      <c r="IN17" s="244"/>
      <c r="IO17" s="71">
        <v>20</v>
      </c>
      <c r="IP17" s="71">
        <v>10</v>
      </c>
      <c r="IQ17" s="71">
        <v>6</v>
      </c>
      <c r="IR17" s="71">
        <v>6</v>
      </c>
      <c r="IS17" s="71">
        <v>6</v>
      </c>
      <c r="IT17" s="72">
        <v>48</v>
      </c>
      <c r="IU17" s="73">
        <v>68</v>
      </c>
      <c r="IV17" s="70">
        <v>18</v>
      </c>
      <c r="IW17" s="71">
        <v>20</v>
      </c>
      <c r="IX17" s="72">
        <v>38</v>
      </c>
      <c r="IY17" s="244"/>
      <c r="IZ17" s="71">
        <v>38</v>
      </c>
      <c r="JA17" s="71">
        <v>21</v>
      </c>
      <c r="JB17" s="71">
        <v>16</v>
      </c>
      <c r="JC17" s="71">
        <v>19</v>
      </c>
      <c r="JD17" s="71">
        <v>5</v>
      </c>
      <c r="JE17" s="72">
        <v>99</v>
      </c>
      <c r="JF17" s="73">
        <v>137</v>
      </c>
      <c r="JG17" s="70">
        <v>17</v>
      </c>
      <c r="JH17" s="71">
        <v>14</v>
      </c>
      <c r="JI17" s="72">
        <v>31</v>
      </c>
      <c r="JJ17" s="244"/>
      <c r="JK17" s="71">
        <v>32</v>
      </c>
      <c r="JL17" s="71">
        <v>31</v>
      </c>
      <c r="JM17" s="71">
        <v>19</v>
      </c>
      <c r="JN17" s="71">
        <v>22</v>
      </c>
      <c r="JO17" s="71">
        <v>11</v>
      </c>
      <c r="JP17" s="72">
        <v>115</v>
      </c>
      <c r="JQ17" s="73">
        <v>146</v>
      </c>
      <c r="JR17" s="70">
        <v>0</v>
      </c>
      <c r="JS17" s="71">
        <v>0</v>
      </c>
      <c r="JT17" s="72">
        <v>0</v>
      </c>
      <c r="JU17" s="244"/>
      <c r="JV17" s="71">
        <v>0</v>
      </c>
      <c r="JW17" s="71">
        <v>0</v>
      </c>
      <c r="JX17" s="71">
        <v>0</v>
      </c>
      <c r="JY17" s="71">
        <v>0</v>
      </c>
      <c r="JZ17" s="71">
        <v>0</v>
      </c>
      <c r="KA17" s="72">
        <v>0</v>
      </c>
      <c r="KB17" s="73">
        <v>0</v>
      </c>
      <c r="KC17" s="70">
        <v>47</v>
      </c>
      <c r="KD17" s="71">
        <v>55</v>
      </c>
      <c r="KE17" s="72">
        <v>102</v>
      </c>
      <c r="KF17" s="244"/>
      <c r="KG17" s="71">
        <v>100</v>
      </c>
      <c r="KH17" s="71">
        <v>70</v>
      </c>
      <c r="KI17" s="71">
        <v>47</v>
      </c>
      <c r="KJ17" s="71">
        <v>51</v>
      </c>
      <c r="KK17" s="71">
        <v>26</v>
      </c>
      <c r="KL17" s="72">
        <v>294</v>
      </c>
      <c r="KM17" s="73">
        <v>396</v>
      </c>
    </row>
    <row r="18" spans="2:299" ht="19.5" customHeight="1" x14ac:dyDescent="0.2">
      <c r="B18" s="126" t="s">
        <v>15</v>
      </c>
      <c r="C18" s="316">
        <v>21</v>
      </c>
      <c r="D18" s="82">
        <v>24</v>
      </c>
      <c r="E18" s="83">
        <v>45</v>
      </c>
      <c r="F18" s="241"/>
      <c r="G18" s="82">
        <v>34</v>
      </c>
      <c r="H18" s="82">
        <v>25</v>
      </c>
      <c r="I18" s="82">
        <v>24</v>
      </c>
      <c r="J18" s="82">
        <v>23</v>
      </c>
      <c r="K18" s="82">
        <v>8</v>
      </c>
      <c r="L18" s="84">
        <v>114</v>
      </c>
      <c r="M18" s="85">
        <v>159</v>
      </c>
      <c r="N18" s="70">
        <v>1</v>
      </c>
      <c r="O18" s="71">
        <v>0</v>
      </c>
      <c r="P18" s="72">
        <v>1</v>
      </c>
      <c r="Q18" s="244"/>
      <c r="R18" s="71">
        <v>0</v>
      </c>
      <c r="S18" s="71">
        <v>1</v>
      </c>
      <c r="T18" s="71">
        <v>0</v>
      </c>
      <c r="U18" s="71">
        <v>2</v>
      </c>
      <c r="V18" s="71">
        <v>0</v>
      </c>
      <c r="W18" s="72">
        <v>3</v>
      </c>
      <c r="X18" s="73">
        <v>4</v>
      </c>
      <c r="Y18" s="70">
        <v>1</v>
      </c>
      <c r="Z18" s="71">
        <v>2</v>
      </c>
      <c r="AA18" s="72">
        <v>3</v>
      </c>
      <c r="AB18" s="244"/>
      <c r="AC18" s="71">
        <v>3</v>
      </c>
      <c r="AD18" s="71">
        <v>0</v>
      </c>
      <c r="AE18" s="71">
        <v>1</v>
      </c>
      <c r="AF18" s="71">
        <v>3</v>
      </c>
      <c r="AG18" s="71">
        <v>2</v>
      </c>
      <c r="AH18" s="72">
        <v>9</v>
      </c>
      <c r="AI18" s="73">
        <v>12</v>
      </c>
      <c r="AJ18" s="70">
        <v>5</v>
      </c>
      <c r="AK18" s="71">
        <v>1</v>
      </c>
      <c r="AL18" s="72">
        <v>6</v>
      </c>
      <c r="AM18" s="244"/>
      <c r="AN18" s="71">
        <v>6</v>
      </c>
      <c r="AO18" s="71">
        <v>3</v>
      </c>
      <c r="AP18" s="71">
        <v>0</v>
      </c>
      <c r="AQ18" s="71">
        <v>0</v>
      </c>
      <c r="AR18" s="71">
        <v>1</v>
      </c>
      <c r="AS18" s="72">
        <v>10</v>
      </c>
      <c r="AT18" s="73">
        <v>16</v>
      </c>
      <c r="AU18" s="70">
        <v>5</v>
      </c>
      <c r="AV18" s="71">
        <v>3</v>
      </c>
      <c r="AW18" s="72">
        <v>8</v>
      </c>
      <c r="AX18" s="244"/>
      <c r="AY18" s="71">
        <v>7</v>
      </c>
      <c r="AZ18" s="71">
        <v>6</v>
      </c>
      <c r="BA18" s="71">
        <v>3</v>
      </c>
      <c r="BB18" s="71">
        <v>5</v>
      </c>
      <c r="BC18" s="71">
        <v>1</v>
      </c>
      <c r="BD18" s="72">
        <v>22</v>
      </c>
      <c r="BE18" s="73">
        <v>30</v>
      </c>
      <c r="BF18" s="70">
        <v>4</v>
      </c>
      <c r="BG18" s="71">
        <v>10</v>
      </c>
      <c r="BH18" s="72">
        <v>14</v>
      </c>
      <c r="BI18" s="244"/>
      <c r="BJ18" s="71">
        <v>5</v>
      </c>
      <c r="BK18" s="71">
        <v>3</v>
      </c>
      <c r="BL18" s="71">
        <v>5</v>
      </c>
      <c r="BM18" s="71">
        <v>5</v>
      </c>
      <c r="BN18" s="71">
        <v>2</v>
      </c>
      <c r="BO18" s="72">
        <v>20</v>
      </c>
      <c r="BP18" s="73">
        <v>34</v>
      </c>
      <c r="BQ18" s="70">
        <v>5</v>
      </c>
      <c r="BR18" s="71">
        <v>8</v>
      </c>
      <c r="BS18" s="72">
        <v>13</v>
      </c>
      <c r="BT18" s="244"/>
      <c r="BU18" s="71">
        <v>13</v>
      </c>
      <c r="BV18" s="71">
        <v>12</v>
      </c>
      <c r="BW18" s="71">
        <v>15</v>
      </c>
      <c r="BX18" s="71">
        <v>8</v>
      </c>
      <c r="BY18" s="71">
        <v>2</v>
      </c>
      <c r="BZ18" s="72">
        <v>50</v>
      </c>
      <c r="CA18" s="73">
        <v>63</v>
      </c>
      <c r="CB18" s="70">
        <v>0</v>
      </c>
      <c r="CC18" s="71">
        <v>0</v>
      </c>
      <c r="CD18" s="72">
        <v>0</v>
      </c>
      <c r="CE18" s="244"/>
      <c r="CF18" s="71">
        <v>0</v>
      </c>
      <c r="CG18" s="71">
        <v>0</v>
      </c>
      <c r="CH18" s="71">
        <v>0</v>
      </c>
      <c r="CI18" s="71">
        <v>0</v>
      </c>
      <c r="CJ18" s="71">
        <v>0</v>
      </c>
      <c r="CK18" s="72">
        <v>0</v>
      </c>
      <c r="CL18" s="73">
        <v>0</v>
      </c>
      <c r="CM18" s="70">
        <v>21</v>
      </c>
      <c r="CN18" s="71">
        <v>24</v>
      </c>
      <c r="CO18" s="72">
        <v>45</v>
      </c>
      <c r="CP18" s="244"/>
      <c r="CQ18" s="71">
        <v>34</v>
      </c>
      <c r="CR18" s="71">
        <v>25</v>
      </c>
      <c r="CS18" s="71">
        <v>24</v>
      </c>
      <c r="CT18" s="71">
        <v>23</v>
      </c>
      <c r="CU18" s="71">
        <v>8</v>
      </c>
      <c r="CV18" s="72">
        <v>114</v>
      </c>
      <c r="CW18" s="73">
        <v>159</v>
      </c>
      <c r="CX18" s="123">
        <v>2</v>
      </c>
      <c r="CY18" s="82">
        <v>2</v>
      </c>
      <c r="CZ18" s="83">
        <v>4</v>
      </c>
      <c r="DA18" s="241"/>
      <c r="DB18" s="82">
        <v>2</v>
      </c>
      <c r="DC18" s="82">
        <v>8</v>
      </c>
      <c r="DD18" s="82">
        <v>2</v>
      </c>
      <c r="DE18" s="82">
        <v>2</v>
      </c>
      <c r="DF18" s="82">
        <v>3</v>
      </c>
      <c r="DG18" s="84">
        <v>17</v>
      </c>
      <c r="DH18" s="85">
        <v>21</v>
      </c>
      <c r="DI18" s="70">
        <v>0</v>
      </c>
      <c r="DJ18" s="71">
        <v>0</v>
      </c>
      <c r="DK18" s="72">
        <v>0</v>
      </c>
      <c r="DL18" s="244"/>
      <c r="DM18" s="71">
        <v>0</v>
      </c>
      <c r="DN18" s="71">
        <v>0</v>
      </c>
      <c r="DO18" s="71">
        <v>0</v>
      </c>
      <c r="DP18" s="71">
        <v>0</v>
      </c>
      <c r="DQ18" s="71">
        <v>0</v>
      </c>
      <c r="DR18" s="72">
        <v>0</v>
      </c>
      <c r="DS18" s="73">
        <v>0</v>
      </c>
      <c r="DT18" s="70">
        <v>0</v>
      </c>
      <c r="DU18" s="71">
        <v>0</v>
      </c>
      <c r="DV18" s="72">
        <v>0</v>
      </c>
      <c r="DW18" s="244"/>
      <c r="DX18" s="71">
        <v>0</v>
      </c>
      <c r="DY18" s="71">
        <v>1</v>
      </c>
      <c r="DZ18" s="71">
        <v>0</v>
      </c>
      <c r="EA18" s="71">
        <v>0</v>
      </c>
      <c r="EB18" s="71">
        <v>0</v>
      </c>
      <c r="EC18" s="72">
        <v>1</v>
      </c>
      <c r="ED18" s="73">
        <v>1</v>
      </c>
      <c r="EE18" s="70">
        <v>0</v>
      </c>
      <c r="EF18" s="71">
        <v>0</v>
      </c>
      <c r="EG18" s="72">
        <v>0</v>
      </c>
      <c r="EH18" s="244"/>
      <c r="EI18" s="71">
        <v>0</v>
      </c>
      <c r="EJ18" s="71">
        <v>0</v>
      </c>
      <c r="EK18" s="71">
        <v>0</v>
      </c>
      <c r="EL18" s="71">
        <v>0</v>
      </c>
      <c r="EM18" s="71">
        <v>0</v>
      </c>
      <c r="EN18" s="72">
        <v>0</v>
      </c>
      <c r="EO18" s="73">
        <v>0</v>
      </c>
      <c r="EP18" s="70">
        <v>0</v>
      </c>
      <c r="EQ18" s="71">
        <v>0</v>
      </c>
      <c r="ER18" s="72">
        <v>0</v>
      </c>
      <c r="ES18" s="244"/>
      <c r="ET18" s="71">
        <v>0</v>
      </c>
      <c r="EU18" s="71">
        <v>0</v>
      </c>
      <c r="EV18" s="71">
        <v>0</v>
      </c>
      <c r="EW18" s="71">
        <v>0</v>
      </c>
      <c r="EX18" s="71">
        <v>0</v>
      </c>
      <c r="EY18" s="72">
        <v>0</v>
      </c>
      <c r="EZ18" s="73">
        <v>0</v>
      </c>
      <c r="FA18" s="70">
        <v>0</v>
      </c>
      <c r="FB18" s="71">
        <v>0</v>
      </c>
      <c r="FC18" s="72">
        <v>0</v>
      </c>
      <c r="FD18" s="244"/>
      <c r="FE18" s="71">
        <v>0</v>
      </c>
      <c r="FF18" s="71">
        <v>0</v>
      </c>
      <c r="FG18" s="71">
        <v>1</v>
      </c>
      <c r="FH18" s="71">
        <v>0</v>
      </c>
      <c r="FI18" s="71">
        <v>1</v>
      </c>
      <c r="FJ18" s="72">
        <v>2</v>
      </c>
      <c r="FK18" s="73">
        <v>2</v>
      </c>
      <c r="FL18" s="70">
        <v>2</v>
      </c>
      <c r="FM18" s="71">
        <v>2</v>
      </c>
      <c r="FN18" s="72">
        <v>4</v>
      </c>
      <c r="FO18" s="244"/>
      <c r="FP18" s="71">
        <v>2</v>
      </c>
      <c r="FQ18" s="71">
        <v>7</v>
      </c>
      <c r="FR18" s="71">
        <v>1</v>
      </c>
      <c r="FS18" s="71">
        <v>2</v>
      </c>
      <c r="FT18" s="71">
        <v>2</v>
      </c>
      <c r="FU18" s="72">
        <v>14</v>
      </c>
      <c r="FV18" s="73">
        <v>18</v>
      </c>
      <c r="FW18" s="70">
        <v>0</v>
      </c>
      <c r="FX18" s="71">
        <v>0</v>
      </c>
      <c r="FY18" s="72">
        <v>0</v>
      </c>
      <c r="FZ18" s="244"/>
      <c r="GA18" s="71">
        <v>0</v>
      </c>
      <c r="GB18" s="71">
        <v>0</v>
      </c>
      <c r="GC18" s="71">
        <v>0</v>
      </c>
      <c r="GD18" s="71">
        <v>0</v>
      </c>
      <c r="GE18" s="71">
        <v>0</v>
      </c>
      <c r="GF18" s="72">
        <v>0</v>
      </c>
      <c r="GG18" s="73">
        <v>0</v>
      </c>
      <c r="GH18" s="70">
        <v>2</v>
      </c>
      <c r="GI18" s="71">
        <v>2</v>
      </c>
      <c r="GJ18" s="72">
        <v>4</v>
      </c>
      <c r="GK18" s="244"/>
      <c r="GL18" s="71">
        <v>2</v>
      </c>
      <c r="GM18" s="71">
        <v>8</v>
      </c>
      <c r="GN18" s="71">
        <v>2</v>
      </c>
      <c r="GO18" s="71">
        <v>2</v>
      </c>
      <c r="GP18" s="71">
        <v>3</v>
      </c>
      <c r="GQ18" s="72">
        <v>17</v>
      </c>
      <c r="GR18" s="73">
        <v>21</v>
      </c>
      <c r="GS18" s="123">
        <v>23</v>
      </c>
      <c r="GT18" s="82">
        <v>26</v>
      </c>
      <c r="GU18" s="83">
        <v>49</v>
      </c>
      <c r="GV18" s="241"/>
      <c r="GW18" s="82">
        <v>36</v>
      </c>
      <c r="GX18" s="82">
        <v>33</v>
      </c>
      <c r="GY18" s="82">
        <v>26</v>
      </c>
      <c r="GZ18" s="82">
        <v>25</v>
      </c>
      <c r="HA18" s="82">
        <v>11</v>
      </c>
      <c r="HB18" s="84">
        <v>131</v>
      </c>
      <c r="HC18" s="85">
        <v>180</v>
      </c>
      <c r="HD18" s="70">
        <v>1</v>
      </c>
      <c r="HE18" s="71">
        <v>0</v>
      </c>
      <c r="HF18" s="72">
        <v>1</v>
      </c>
      <c r="HG18" s="244"/>
      <c r="HH18" s="71">
        <v>0</v>
      </c>
      <c r="HI18" s="71">
        <v>1</v>
      </c>
      <c r="HJ18" s="71">
        <v>0</v>
      </c>
      <c r="HK18" s="71">
        <v>2</v>
      </c>
      <c r="HL18" s="71">
        <v>0</v>
      </c>
      <c r="HM18" s="72">
        <v>3</v>
      </c>
      <c r="HN18" s="73">
        <v>4</v>
      </c>
      <c r="HO18" s="70">
        <v>1</v>
      </c>
      <c r="HP18" s="71">
        <v>2</v>
      </c>
      <c r="HQ18" s="72">
        <v>3</v>
      </c>
      <c r="HR18" s="244"/>
      <c r="HS18" s="71">
        <v>3</v>
      </c>
      <c r="HT18" s="71">
        <v>1</v>
      </c>
      <c r="HU18" s="71">
        <v>1</v>
      </c>
      <c r="HV18" s="71">
        <v>3</v>
      </c>
      <c r="HW18" s="71">
        <v>2</v>
      </c>
      <c r="HX18" s="72">
        <v>10</v>
      </c>
      <c r="HY18" s="73">
        <v>13</v>
      </c>
      <c r="HZ18" s="70">
        <v>5</v>
      </c>
      <c r="IA18" s="71">
        <v>1</v>
      </c>
      <c r="IB18" s="72">
        <v>6</v>
      </c>
      <c r="IC18" s="244"/>
      <c r="ID18" s="71">
        <v>6</v>
      </c>
      <c r="IE18" s="71">
        <v>3</v>
      </c>
      <c r="IF18" s="71">
        <v>0</v>
      </c>
      <c r="IG18" s="71">
        <v>0</v>
      </c>
      <c r="IH18" s="71">
        <v>1</v>
      </c>
      <c r="II18" s="72">
        <v>10</v>
      </c>
      <c r="IJ18" s="73">
        <v>16</v>
      </c>
      <c r="IK18" s="70">
        <v>5</v>
      </c>
      <c r="IL18" s="71">
        <v>3</v>
      </c>
      <c r="IM18" s="72">
        <v>8</v>
      </c>
      <c r="IN18" s="244"/>
      <c r="IO18" s="71">
        <v>7</v>
      </c>
      <c r="IP18" s="71">
        <v>6</v>
      </c>
      <c r="IQ18" s="71">
        <v>3</v>
      </c>
      <c r="IR18" s="71">
        <v>5</v>
      </c>
      <c r="IS18" s="71">
        <v>1</v>
      </c>
      <c r="IT18" s="72">
        <v>22</v>
      </c>
      <c r="IU18" s="73">
        <v>30</v>
      </c>
      <c r="IV18" s="70">
        <v>4</v>
      </c>
      <c r="IW18" s="71">
        <v>10</v>
      </c>
      <c r="IX18" s="72">
        <v>14</v>
      </c>
      <c r="IY18" s="244"/>
      <c r="IZ18" s="71">
        <v>5</v>
      </c>
      <c r="JA18" s="71">
        <v>3</v>
      </c>
      <c r="JB18" s="71">
        <v>6</v>
      </c>
      <c r="JC18" s="71">
        <v>5</v>
      </c>
      <c r="JD18" s="71">
        <v>3</v>
      </c>
      <c r="JE18" s="72">
        <v>22</v>
      </c>
      <c r="JF18" s="73">
        <v>36</v>
      </c>
      <c r="JG18" s="70">
        <v>7</v>
      </c>
      <c r="JH18" s="71">
        <v>10</v>
      </c>
      <c r="JI18" s="72">
        <v>17</v>
      </c>
      <c r="JJ18" s="244"/>
      <c r="JK18" s="71">
        <v>15</v>
      </c>
      <c r="JL18" s="71">
        <v>19</v>
      </c>
      <c r="JM18" s="71">
        <v>16</v>
      </c>
      <c r="JN18" s="71">
        <v>10</v>
      </c>
      <c r="JO18" s="71">
        <v>4</v>
      </c>
      <c r="JP18" s="72">
        <v>64</v>
      </c>
      <c r="JQ18" s="73">
        <v>81</v>
      </c>
      <c r="JR18" s="70">
        <v>0</v>
      </c>
      <c r="JS18" s="71">
        <v>0</v>
      </c>
      <c r="JT18" s="72">
        <v>0</v>
      </c>
      <c r="JU18" s="244"/>
      <c r="JV18" s="71">
        <v>0</v>
      </c>
      <c r="JW18" s="71">
        <v>0</v>
      </c>
      <c r="JX18" s="71">
        <v>0</v>
      </c>
      <c r="JY18" s="71">
        <v>0</v>
      </c>
      <c r="JZ18" s="71">
        <v>0</v>
      </c>
      <c r="KA18" s="72">
        <v>0</v>
      </c>
      <c r="KB18" s="73">
        <v>0</v>
      </c>
      <c r="KC18" s="70">
        <v>23</v>
      </c>
      <c r="KD18" s="71">
        <v>26</v>
      </c>
      <c r="KE18" s="72">
        <v>49</v>
      </c>
      <c r="KF18" s="244"/>
      <c r="KG18" s="71">
        <v>36</v>
      </c>
      <c r="KH18" s="71">
        <v>33</v>
      </c>
      <c r="KI18" s="71">
        <v>26</v>
      </c>
      <c r="KJ18" s="71">
        <v>25</v>
      </c>
      <c r="KK18" s="71">
        <v>11</v>
      </c>
      <c r="KL18" s="72">
        <v>131</v>
      </c>
      <c r="KM18" s="73">
        <v>180</v>
      </c>
    </row>
    <row r="19" spans="2:299" ht="19.5" customHeight="1" x14ac:dyDescent="0.2">
      <c r="B19" s="126" t="s">
        <v>16</v>
      </c>
      <c r="C19" s="316">
        <v>38</v>
      </c>
      <c r="D19" s="82">
        <v>42</v>
      </c>
      <c r="E19" s="83">
        <v>80</v>
      </c>
      <c r="F19" s="241"/>
      <c r="G19" s="82">
        <v>82</v>
      </c>
      <c r="H19" s="82">
        <v>92</v>
      </c>
      <c r="I19" s="82">
        <v>51</v>
      </c>
      <c r="J19" s="82">
        <v>45</v>
      </c>
      <c r="K19" s="82">
        <v>25</v>
      </c>
      <c r="L19" s="84">
        <v>295</v>
      </c>
      <c r="M19" s="85">
        <v>375</v>
      </c>
      <c r="N19" s="70">
        <v>0</v>
      </c>
      <c r="O19" s="71">
        <v>3</v>
      </c>
      <c r="P19" s="72">
        <v>3</v>
      </c>
      <c r="Q19" s="244"/>
      <c r="R19" s="71">
        <v>4</v>
      </c>
      <c r="S19" s="71">
        <v>2</v>
      </c>
      <c r="T19" s="71">
        <v>0</v>
      </c>
      <c r="U19" s="71">
        <v>1</v>
      </c>
      <c r="V19" s="71">
        <v>1</v>
      </c>
      <c r="W19" s="72">
        <v>8</v>
      </c>
      <c r="X19" s="73">
        <v>11</v>
      </c>
      <c r="Y19" s="70">
        <v>6</v>
      </c>
      <c r="Z19" s="71">
        <v>3</v>
      </c>
      <c r="AA19" s="72">
        <v>9</v>
      </c>
      <c r="AB19" s="244"/>
      <c r="AC19" s="71">
        <v>1</v>
      </c>
      <c r="AD19" s="71">
        <v>6</v>
      </c>
      <c r="AE19" s="71">
        <v>6</v>
      </c>
      <c r="AF19" s="71">
        <v>1</v>
      </c>
      <c r="AG19" s="71">
        <v>1</v>
      </c>
      <c r="AH19" s="72">
        <v>15</v>
      </c>
      <c r="AI19" s="73">
        <v>24</v>
      </c>
      <c r="AJ19" s="70">
        <v>5</v>
      </c>
      <c r="AK19" s="71">
        <v>4</v>
      </c>
      <c r="AL19" s="72">
        <v>9</v>
      </c>
      <c r="AM19" s="244"/>
      <c r="AN19" s="71">
        <v>12</v>
      </c>
      <c r="AO19" s="71">
        <v>5</v>
      </c>
      <c r="AP19" s="71">
        <v>4</v>
      </c>
      <c r="AQ19" s="71">
        <v>4</v>
      </c>
      <c r="AR19" s="71">
        <v>2</v>
      </c>
      <c r="AS19" s="72">
        <v>27</v>
      </c>
      <c r="AT19" s="73">
        <v>36</v>
      </c>
      <c r="AU19" s="70">
        <v>6</v>
      </c>
      <c r="AV19" s="71">
        <v>6</v>
      </c>
      <c r="AW19" s="72">
        <v>12</v>
      </c>
      <c r="AX19" s="244"/>
      <c r="AY19" s="71">
        <v>20</v>
      </c>
      <c r="AZ19" s="71">
        <v>26</v>
      </c>
      <c r="BA19" s="71">
        <v>8</v>
      </c>
      <c r="BB19" s="71">
        <v>5</v>
      </c>
      <c r="BC19" s="71">
        <v>8</v>
      </c>
      <c r="BD19" s="72">
        <v>67</v>
      </c>
      <c r="BE19" s="73">
        <v>79</v>
      </c>
      <c r="BF19" s="70">
        <v>13</v>
      </c>
      <c r="BG19" s="71">
        <v>13</v>
      </c>
      <c r="BH19" s="72">
        <v>26</v>
      </c>
      <c r="BI19" s="244"/>
      <c r="BJ19" s="71">
        <v>18</v>
      </c>
      <c r="BK19" s="71">
        <v>26</v>
      </c>
      <c r="BL19" s="71">
        <v>15</v>
      </c>
      <c r="BM19" s="71">
        <v>10</v>
      </c>
      <c r="BN19" s="71">
        <v>8</v>
      </c>
      <c r="BO19" s="72">
        <v>77</v>
      </c>
      <c r="BP19" s="73">
        <v>103</v>
      </c>
      <c r="BQ19" s="70">
        <v>8</v>
      </c>
      <c r="BR19" s="71">
        <v>13</v>
      </c>
      <c r="BS19" s="72">
        <v>21</v>
      </c>
      <c r="BT19" s="244"/>
      <c r="BU19" s="71">
        <v>27</v>
      </c>
      <c r="BV19" s="71">
        <v>27</v>
      </c>
      <c r="BW19" s="71">
        <v>18</v>
      </c>
      <c r="BX19" s="71">
        <v>24</v>
      </c>
      <c r="BY19" s="71">
        <v>5</v>
      </c>
      <c r="BZ19" s="72">
        <v>101</v>
      </c>
      <c r="CA19" s="73">
        <v>122</v>
      </c>
      <c r="CB19" s="70">
        <v>0</v>
      </c>
      <c r="CC19" s="71">
        <v>0</v>
      </c>
      <c r="CD19" s="72">
        <v>0</v>
      </c>
      <c r="CE19" s="244"/>
      <c r="CF19" s="71">
        <v>0</v>
      </c>
      <c r="CG19" s="71">
        <v>0</v>
      </c>
      <c r="CH19" s="71">
        <v>0</v>
      </c>
      <c r="CI19" s="71">
        <v>0</v>
      </c>
      <c r="CJ19" s="71">
        <v>0</v>
      </c>
      <c r="CK19" s="72">
        <v>0</v>
      </c>
      <c r="CL19" s="73">
        <v>0</v>
      </c>
      <c r="CM19" s="70">
        <v>38</v>
      </c>
      <c r="CN19" s="71">
        <v>42</v>
      </c>
      <c r="CO19" s="72">
        <v>80</v>
      </c>
      <c r="CP19" s="244"/>
      <c r="CQ19" s="71">
        <v>82</v>
      </c>
      <c r="CR19" s="71">
        <v>92</v>
      </c>
      <c r="CS19" s="71">
        <v>51</v>
      </c>
      <c r="CT19" s="71">
        <v>45</v>
      </c>
      <c r="CU19" s="71">
        <v>25</v>
      </c>
      <c r="CV19" s="72">
        <v>295</v>
      </c>
      <c r="CW19" s="73">
        <v>375</v>
      </c>
      <c r="CX19" s="123">
        <v>3</v>
      </c>
      <c r="CY19" s="82">
        <v>7</v>
      </c>
      <c r="CZ19" s="83">
        <v>10</v>
      </c>
      <c r="DA19" s="241"/>
      <c r="DB19" s="82">
        <v>12</v>
      </c>
      <c r="DC19" s="82">
        <v>22</v>
      </c>
      <c r="DD19" s="82">
        <v>8</v>
      </c>
      <c r="DE19" s="82">
        <v>9</v>
      </c>
      <c r="DF19" s="82">
        <v>8</v>
      </c>
      <c r="DG19" s="84">
        <v>59</v>
      </c>
      <c r="DH19" s="85">
        <v>69</v>
      </c>
      <c r="DI19" s="70">
        <v>0</v>
      </c>
      <c r="DJ19" s="71">
        <v>0</v>
      </c>
      <c r="DK19" s="72">
        <v>0</v>
      </c>
      <c r="DL19" s="244"/>
      <c r="DM19" s="71">
        <v>1</v>
      </c>
      <c r="DN19" s="71">
        <v>0</v>
      </c>
      <c r="DO19" s="71">
        <v>0</v>
      </c>
      <c r="DP19" s="71">
        <v>0</v>
      </c>
      <c r="DQ19" s="71">
        <v>0</v>
      </c>
      <c r="DR19" s="72">
        <v>1</v>
      </c>
      <c r="DS19" s="73">
        <v>1</v>
      </c>
      <c r="DT19" s="70">
        <v>0</v>
      </c>
      <c r="DU19" s="71">
        <v>2</v>
      </c>
      <c r="DV19" s="72">
        <v>2</v>
      </c>
      <c r="DW19" s="244"/>
      <c r="DX19" s="71">
        <v>2</v>
      </c>
      <c r="DY19" s="71">
        <v>1</v>
      </c>
      <c r="DZ19" s="71">
        <v>0</v>
      </c>
      <c r="EA19" s="71">
        <v>1</v>
      </c>
      <c r="EB19" s="71">
        <v>0</v>
      </c>
      <c r="EC19" s="72">
        <v>4</v>
      </c>
      <c r="ED19" s="73">
        <v>6</v>
      </c>
      <c r="EE19" s="70">
        <v>1</v>
      </c>
      <c r="EF19" s="71">
        <v>0</v>
      </c>
      <c r="EG19" s="72">
        <v>1</v>
      </c>
      <c r="EH19" s="244"/>
      <c r="EI19" s="71">
        <v>0</v>
      </c>
      <c r="EJ19" s="71">
        <v>2</v>
      </c>
      <c r="EK19" s="71">
        <v>0</v>
      </c>
      <c r="EL19" s="71">
        <v>0</v>
      </c>
      <c r="EM19" s="71">
        <v>0</v>
      </c>
      <c r="EN19" s="72">
        <v>2</v>
      </c>
      <c r="EO19" s="73">
        <v>3</v>
      </c>
      <c r="EP19" s="70">
        <v>0</v>
      </c>
      <c r="EQ19" s="71">
        <v>2</v>
      </c>
      <c r="ER19" s="72">
        <v>2</v>
      </c>
      <c r="ES19" s="244"/>
      <c r="ET19" s="71">
        <v>2</v>
      </c>
      <c r="EU19" s="71">
        <v>7</v>
      </c>
      <c r="EV19" s="71">
        <v>0</v>
      </c>
      <c r="EW19" s="71">
        <v>0</v>
      </c>
      <c r="EX19" s="71">
        <v>0</v>
      </c>
      <c r="EY19" s="72">
        <v>9</v>
      </c>
      <c r="EZ19" s="73">
        <v>11</v>
      </c>
      <c r="FA19" s="70">
        <v>2</v>
      </c>
      <c r="FB19" s="71">
        <v>1</v>
      </c>
      <c r="FC19" s="72">
        <v>3</v>
      </c>
      <c r="FD19" s="244"/>
      <c r="FE19" s="71">
        <v>0</v>
      </c>
      <c r="FF19" s="71">
        <v>4</v>
      </c>
      <c r="FG19" s="71">
        <v>3</v>
      </c>
      <c r="FH19" s="71">
        <v>1</v>
      </c>
      <c r="FI19" s="71">
        <v>3</v>
      </c>
      <c r="FJ19" s="72">
        <v>11</v>
      </c>
      <c r="FK19" s="73">
        <v>14</v>
      </c>
      <c r="FL19" s="70">
        <v>0</v>
      </c>
      <c r="FM19" s="71">
        <v>2</v>
      </c>
      <c r="FN19" s="72">
        <v>2</v>
      </c>
      <c r="FO19" s="244"/>
      <c r="FP19" s="71">
        <v>7</v>
      </c>
      <c r="FQ19" s="71">
        <v>8</v>
      </c>
      <c r="FR19" s="71">
        <v>5</v>
      </c>
      <c r="FS19" s="71">
        <v>7</v>
      </c>
      <c r="FT19" s="71">
        <v>5</v>
      </c>
      <c r="FU19" s="72">
        <v>32</v>
      </c>
      <c r="FV19" s="73">
        <v>34</v>
      </c>
      <c r="FW19" s="70">
        <v>0</v>
      </c>
      <c r="FX19" s="71">
        <v>0</v>
      </c>
      <c r="FY19" s="72">
        <v>0</v>
      </c>
      <c r="FZ19" s="244"/>
      <c r="GA19" s="71">
        <v>0</v>
      </c>
      <c r="GB19" s="71">
        <v>0</v>
      </c>
      <c r="GC19" s="71">
        <v>0</v>
      </c>
      <c r="GD19" s="71">
        <v>0</v>
      </c>
      <c r="GE19" s="71">
        <v>0</v>
      </c>
      <c r="GF19" s="72">
        <v>0</v>
      </c>
      <c r="GG19" s="73">
        <v>0</v>
      </c>
      <c r="GH19" s="70">
        <v>3</v>
      </c>
      <c r="GI19" s="71">
        <v>7</v>
      </c>
      <c r="GJ19" s="72">
        <v>10</v>
      </c>
      <c r="GK19" s="244"/>
      <c r="GL19" s="71">
        <v>12</v>
      </c>
      <c r="GM19" s="71">
        <v>22</v>
      </c>
      <c r="GN19" s="71">
        <v>8</v>
      </c>
      <c r="GO19" s="71">
        <v>9</v>
      </c>
      <c r="GP19" s="71">
        <v>8</v>
      </c>
      <c r="GQ19" s="72">
        <v>59</v>
      </c>
      <c r="GR19" s="73">
        <v>69</v>
      </c>
      <c r="GS19" s="123">
        <v>41</v>
      </c>
      <c r="GT19" s="82">
        <v>49</v>
      </c>
      <c r="GU19" s="83">
        <v>90</v>
      </c>
      <c r="GV19" s="241"/>
      <c r="GW19" s="82">
        <v>94</v>
      </c>
      <c r="GX19" s="82">
        <v>114</v>
      </c>
      <c r="GY19" s="82">
        <v>59</v>
      </c>
      <c r="GZ19" s="82">
        <v>54</v>
      </c>
      <c r="HA19" s="82">
        <v>33</v>
      </c>
      <c r="HB19" s="84">
        <v>354</v>
      </c>
      <c r="HC19" s="85">
        <v>444</v>
      </c>
      <c r="HD19" s="70">
        <v>0</v>
      </c>
      <c r="HE19" s="71">
        <v>3</v>
      </c>
      <c r="HF19" s="72">
        <v>3</v>
      </c>
      <c r="HG19" s="244"/>
      <c r="HH19" s="71">
        <v>5</v>
      </c>
      <c r="HI19" s="71">
        <v>2</v>
      </c>
      <c r="HJ19" s="71">
        <v>0</v>
      </c>
      <c r="HK19" s="71">
        <v>1</v>
      </c>
      <c r="HL19" s="71">
        <v>1</v>
      </c>
      <c r="HM19" s="72">
        <v>9</v>
      </c>
      <c r="HN19" s="73">
        <v>12</v>
      </c>
      <c r="HO19" s="70">
        <v>6</v>
      </c>
      <c r="HP19" s="71">
        <v>5</v>
      </c>
      <c r="HQ19" s="72">
        <v>11</v>
      </c>
      <c r="HR19" s="244"/>
      <c r="HS19" s="71">
        <v>3</v>
      </c>
      <c r="HT19" s="71">
        <v>7</v>
      </c>
      <c r="HU19" s="71">
        <v>6</v>
      </c>
      <c r="HV19" s="71">
        <v>2</v>
      </c>
      <c r="HW19" s="71">
        <v>1</v>
      </c>
      <c r="HX19" s="72">
        <v>19</v>
      </c>
      <c r="HY19" s="73">
        <v>30</v>
      </c>
      <c r="HZ19" s="70">
        <v>6</v>
      </c>
      <c r="IA19" s="71">
        <v>4</v>
      </c>
      <c r="IB19" s="72">
        <v>10</v>
      </c>
      <c r="IC19" s="244"/>
      <c r="ID19" s="71">
        <v>12</v>
      </c>
      <c r="IE19" s="71">
        <v>7</v>
      </c>
      <c r="IF19" s="71">
        <v>4</v>
      </c>
      <c r="IG19" s="71">
        <v>4</v>
      </c>
      <c r="IH19" s="71">
        <v>2</v>
      </c>
      <c r="II19" s="72">
        <v>29</v>
      </c>
      <c r="IJ19" s="73">
        <v>39</v>
      </c>
      <c r="IK19" s="70">
        <v>6</v>
      </c>
      <c r="IL19" s="71">
        <v>8</v>
      </c>
      <c r="IM19" s="72">
        <v>14</v>
      </c>
      <c r="IN19" s="244"/>
      <c r="IO19" s="71">
        <v>22</v>
      </c>
      <c r="IP19" s="71">
        <v>33</v>
      </c>
      <c r="IQ19" s="71">
        <v>8</v>
      </c>
      <c r="IR19" s="71">
        <v>5</v>
      </c>
      <c r="IS19" s="71">
        <v>8</v>
      </c>
      <c r="IT19" s="72">
        <v>76</v>
      </c>
      <c r="IU19" s="73">
        <v>90</v>
      </c>
      <c r="IV19" s="70">
        <v>15</v>
      </c>
      <c r="IW19" s="71">
        <v>14</v>
      </c>
      <c r="IX19" s="72">
        <v>29</v>
      </c>
      <c r="IY19" s="244"/>
      <c r="IZ19" s="71">
        <v>18</v>
      </c>
      <c r="JA19" s="71">
        <v>30</v>
      </c>
      <c r="JB19" s="71">
        <v>18</v>
      </c>
      <c r="JC19" s="71">
        <v>11</v>
      </c>
      <c r="JD19" s="71">
        <v>11</v>
      </c>
      <c r="JE19" s="72">
        <v>88</v>
      </c>
      <c r="JF19" s="73">
        <v>117</v>
      </c>
      <c r="JG19" s="70">
        <v>8</v>
      </c>
      <c r="JH19" s="71">
        <v>15</v>
      </c>
      <c r="JI19" s="72">
        <v>23</v>
      </c>
      <c r="JJ19" s="244"/>
      <c r="JK19" s="71">
        <v>34</v>
      </c>
      <c r="JL19" s="71">
        <v>35</v>
      </c>
      <c r="JM19" s="71">
        <v>23</v>
      </c>
      <c r="JN19" s="71">
        <v>31</v>
      </c>
      <c r="JO19" s="71">
        <v>10</v>
      </c>
      <c r="JP19" s="72">
        <v>133</v>
      </c>
      <c r="JQ19" s="73">
        <v>156</v>
      </c>
      <c r="JR19" s="70">
        <v>0</v>
      </c>
      <c r="JS19" s="71">
        <v>0</v>
      </c>
      <c r="JT19" s="72">
        <v>0</v>
      </c>
      <c r="JU19" s="244"/>
      <c r="JV19" s="71">
        <v>0</v>
      </c>
      <c r="JW19" s="71">
        <v>0</v>
      </c>
      <c r="JX19" s="71">
        <v>0</v>
      </c>
      <c r="JY19" s="71">
        <v>0</v>
      </c>
      <c r="JZ19" s="71">
        <v>0</v>
      </c>
      <c r="KA19" s="72">
        <v>0</v>
      </c>
      <c r="KB19" s="73">
        <v>0</v>
      </c>
      <c r="KC19" s="70">
        <v>41</v>
      </c>
      <c r="KD19" s="71">
        <v>49</v>
      </c>
      <c r="KE19" s="72">
        <v>90</v>
      </c>
      <c r="KF19" s="244"/>
      <c r="KG19" s="71">
        <v>94</v>
      </c>
      <c r="KH19" s="71">
        <v>114</v>
      </c>
      <c r="KI19" s="71">
        <v>59</v>
      </c>
      <c r="KJ19" s="71">
        <v>54</v>
      </c>
      <c r="KK19" s="71">
        <v>33</v>
      </c>
      <c r="KL19" s="72">
        <v>354</v>
      </c>
      <c r="KM19" s="73">
        <v>444</v>
      </c>
    </row>
    <row r="20" spans="2:299" ht="19.5" customHeight="1" x14ac:dyDescent="0.2">
      <c r="B20" s="126" t="s">
        <v>17</v>
      </c>
      <c r="C20" s="316">
        <v>64</v>
      </c>
      <c r="D20" s="82">
        <v>57</v>
      </c>
      <c r="E20" s="83">
        <v>121</v>
      </c>
      <c r="F20" s="241"/>
      <c r="G20" s="82">
        <v>101</v>
      </c>
      <c r="H20" s="82">
        <v>93</v>
      </c>
      <c r="I20" s="82">
        <v>71</v>
      </c>
      <c r="J20" s="82">
        <v>49</v>
      </c>
      <c r="K20" s="82">
        <v>38</v>
      </c>
      <c r="L20" s="84">
        <v>352</v>
      </c>
      <c r="M20" s="85">
        <v>473</v>
      </c>
      <c r="N20" s="70">
        <v>3</v>
      </c>
      <c r="O20" s="71">
        <v>0</v>
      </c>
      <c r="P20" s="72">
        <v>3</v>
      </c>
      <c r="Q20" s="244"/>
      <c r="R20" s="71">
        <v>1</v>
      </c>
      <c r="S20" s="71">
        <v>3</v>
      </c>
      <c r="T20" s="71">
        <v>6</v>
      </c>
      <c r="U20" s="71">
        <v>1</v>
      </c>
      <c r="V20" s="71">
        <v>2</v>
      </c>
      <c r="W20" s="72">
        <v>13</v>
      </c>
      <c r="X20" s="73">
        <v>16</v>
      </c>
      <c r="Y20" s="70">
        <v>2</v>
      </c>
      <c r="Z20" s="71">
        <v>2</v>
      </c>
      <c r="AA20" s="72">
        <v>4</v>
      </c>
      <c r="AB20" s="244"/>
      <c r="AC20" s="71">
        <v>3</v>
      </c>
      <c r="AD20" s="71">
        <v>5</v>
      </c>
      <c r="AE20" s="71">
        <v>5</v>
      </c>
      <c r="AF20" s="71">
        <v>2</v>
      </c>
      <c r="AG20" s="71">
        <v>0</v>
      </c>
      <c r="AH20" s="72">
        <v>15</v>
      </c>
      <c r="AI20" s="73">
        <v>19</v>
      </c>
      <c r="AJ20" s="70">
        <v>10</v>
      </c>
      <c r="AK20" s="71">
        <v>5</v>
      </c>
      <c r="AL20" s="72">
        <v>15</v>
      </c>
      <c r="AM20" s="244"/>
      <c r="AN20" s="71">
        <v>9</v>
      </c>
      <c r="AO20" s="71">
        <v>10</v>
      </c>
      <c r="AP20" s="71">
        <v>4</v>
      </c>
      <c r="AQ20" s="71">
        <v>5</v>
      </c>
      <c r="AR20" s="71">
        <v>5</v>
      </c>
      <c r="AS20" s="72">
        <v>33</v>
      </c>
      <c r="AT20" s="73">
        <v>48</v>
      </c>
      <c r="AU20" s="70">
        <v>12</v>
      </c>
      <c r="AV20" s="71">
        <v>16</v>
      </c>
      <c r="AW20" s="72">
        <v>28</v>
      </c>
      <c r="AX20" s="244"/>
      <c r="AY20" s="71">
        <v>31</v>
      </c>
      <c r="AZ20" s="71">
        <v>18</v>
      </c>
      <c r="BA20" s="71">
        <v>11</v>
      </c>
      <c r="BB20" s="71">
        <v>9</v>
      </c>
      <c r="BC20" s="71">
        <v>9</v>
      </c>
      <c r="BD20" s="72">
        <v>78</v>
      </c>
      <c r="BE20" s="73">
        <v>106</v>
      </c>
      <c r="BF20" s="70">
        <v>22</v>
      </c>
      <c r="BG20" s="71">
        <v>14</v>
      </c>
      <c r="BH20" s="72">
        <v>36</v>
      </c>
      <c r="BI20" s="244"/>
      <c r="BJ20" s="71">
        <v>29</v>
      </c>
      <c r="BK20" s="71">
        <v>37</v>
      </c>
      <c r="BL20" s="71">
        <v>22</v>
      </c>
      <c r="BM20" s="71">
        <v>17</v>
      </c>
      <c r="BN20" s="71">
        <v>14</v>
      </c>
      <c r="BO20" s="72">
        <v>119</v>
      </c>
      <c r="BP20" s="73">
        <v>155</v>
      </c>
      <c r="BQ20" s="70">
        <v>15</v>
      </c>
      <c r="BR20" s="71">
        <v>20</v>
      </c>
      <c r="BS20" s="72">
        <v>35</v>
      </c>
      <c r="BT20" s="244"/>
      <c r="BU20" s="71">
        <v>28</v>
      </c>
      <c r="BV20" s="71">
        <v>20</v>
      </c>
      <c r="BW20" s="71">
        <v>23</v>
      </c>
      <c r="BX20" s="71">
        <v>15</v>
      </c>
      <c r="BY20" s="71">
        <v>8</v>
      </c>
      <c r="BZ20" s="72">
        <v>94</v>
      </c>
      <c r="CA20" s="73">
        <v>129</v>
      </c>
      <c r="CB20" s="70">
        <v>0</v>
      </c>
      <c r="CC20" s="71">
        <v>0</v>
      </c>
      <c r="CD20" s="72">
        <v>0</v>
      </c>
      <c r="CE20" s="244"/>
      <c r="CF20" s="71">
        <v>0</v>
      </c>
      <c r="CG20" s="71">
        <v>0</v>
      </c>
      <c r="CH20" s="71">
        <v>0</v>
      </c>
      <c r="CI20" s="71">
        <v>0</v>
      </c>
      <c r="CJ20" s="71">
        <v>0</v>
      </c>
      <c r="CK20" s="72">
        <v>0</v>
      </c>
      <c r="CL20" s="73">
        <v>0</v>
      </c>
      <c r="CM20" s="70">
        <v>64</v>
      </c>
      <c r="CN20" s="71">
        <v>57</v>
      </c>
      <c r="CO20" s="72">
        <v>121</v>
      </c>
      <c r="CP20" s="244"/>
      <c r="CQ20" s="71">
        <v>101</v>
      </c>
      <c r="CR20" s="71">
        <v>93</v>
      </c>
      <c r="CS20" s="71">
        <v>71</v>
      </c>
      <c r="CT20" s="71">
        <v>49</v>
      </c>
      <c r="CU20" s="71">
        <v>38</v>
      </c>
      <c r="CV20" s="72">
        <v>352</v>
      </c>
      <c r="CW20" s="73">
        <v>473</v>
      </c>
      <c r="CX20" s="123">
        <v>11</v>
      </c>
      <c r="CY20" s="82">
        <v>6</v>
      </c>
      <c r="CZ20" s="83">
        <v>17</v>
      </c>
      <c r="DA20" s="241"/>
      <c r="DB20" s="82">
        <v>10</v>
      </c>
      <c r="DC20" s="82">
        <v>20</v>
      </c>
      <c r="DD20" s="82">
        <v>9</v>
      </c>
      <c r="DE20" s="82">
        <v>8</v>
      </c>
      <c r="DF20" s="82">
        <v>5</v>
      </c>
      <c r="DG20" s="84">
        <v>52</v>
      </c>
      <c r="DH20" s="85">
        <v>69</v>
      </c>
      <c r="DI20" s="70">
        <v>0</v>
      </c>
      <c r="DJ20" s="71">
        <v>0</v>
      </c>
      <c r="DK20" s="72">
        <v>0</v>
      </c>
      <c r="DL20" s="244"/>
      <c r="DM20" s="71">
        <v>0</v>
      </c>
      <c r="DN20" s="71">
        <v>1</v>
      </c>
      <c r="DO20" s="71">
        <v>1</v>
      </c>
      <c r="DP20" s="71">
        <v>0</v>
      </c>
      <c r="DQ20" s="71">
        <v>0</v>
      </c>
      <c r="DR20" s="72">
        <v>2</v>
      </c>
      <c r="DS20" s="73">
        <v>2</v>
      </c>
      <c r="DT20" s="70">
        <v>1</v>
      </c>
      <c r="DU20" s="71">
        <v>1</v>
      </c>
      <c r="DV20" s="72">
        <v>2</v>
      </c>
      <c r="DW20" s="244"/>
      <c r="DX20" s="71">
        <v>1</v>
      </c>
      <c r="DY20" s="71">
        <v>2</v>
      </c>
      <c r="DZ20" s="71">
        <v>1</v>
      </c>
      <c r="EA20" s="71">
        <v>0</v>
      </c>
      <c r="EB20" s="71">
        <v>0</v>
      </c>
      <c r="EC20" s="72">
        <v>4</v>
      </c>
      <c r="ED20" s="73">
        <v>6</v>
      </c>
      <c r="EE20" s="70">
        <v>1</v>
      </c>
      <c r="EF20" s="71">
        <v>0</v>
      </c>
      <c r="EG20" s="72">
        <v>1</v>
      </c>
      <c r="EH20" s="244"/>
      <c r="EI20" s="71">
        <v>1</v>
      </c>
      <c r="EJ20" s="71">
        <v>1</v>
      </c>
      <c r="EK20" s="71">
        <v>0</v>
      </c>
      <c r="EL20" s="71">
        <v>0</v>
      </c>
      <c r="EM20" s="71">
        <v>0</v>
      </c>
      <c r="EN20" s="72">
        <v>2</v>
      </c>
      <c r="EO20" s="73">
        <v>3</v>
      </c>
      <c r="EP20" s="70">
        <v>5</v>
      </c>
      <c r="EQ20" s="71">
        <v>3</v>
      </c>
      <c r="ER20" s="72">
        <v>8</v>
      </c>
      <c r="ES20" s="244"/>
      <c r="ET20" s="71">
        <v>3</v>
      </c>
      <c r="EU20" s="71">
        <v>4</v>
      </c>
      <c r="EV20" s="71">
        <v>3</v>
      </c>
      <c r="EW20" s="71">
        <v>2</v>
      </c>
      <c r="EX20" s="71">
        <v>1</v>
      </c>
      <c r="EY20" s="72">
        <v>13</v>
      </c>
      <c r="EZ20" s="73">
        <v>21</v>
      </c>
      <c r="FA20" s="70">
        <v>4</v>
      </c>
      <c r="FB20" s="71">
        <v>1</v>
      </c>
      <c r="FC20" s="72">
        <v>5</v>
      </c>
      <c r="FD20" s="244"/>
      <c r="FE20" s="71">
        <v>3</v>
      </c>
      <c r="FF20" s="71">
        <v>5</v>
      </c>
      <c r="FG20" s="71">
        <v>1</v>
      </c>
      <c r="FH20" s="71">
        <v>2</v>
      </c>
      <c r="FI20" s="71">
        <v>2</v>
      </c>
      <c r="FJ20" s="72">
        <v>13</v>
      </c>
      <c r="FK20" s="73">
        <v>18</v>
      </c>
      <c r="FL20" s="70">
        <v>0</v>
      </c>
      <c r="FM20" s="71">
        <v>1</v>
      </c>
      <c r="FN20" s="72">
        <v>1</v>
      </c>
      <c r="FO20" s="244"/>
      <c r="FP20" s="71">
        <v>2</v>
      </c>
      <c r="FQ20" s="71">
        <v>7</v>
      </c>
      <c r="FR20" s="71">
        <v>3</v>
      </c>
      <c r="FS20" s="71">
        <v>4</v>
      </c>
      <c r="FT20" s="71">
        <v>2</v>
      </c>
      <c r="FU20" s="72">
        <v>18</v>
      </c>
      <c r="FV20" s="73">
        <v>19</v>
      </c>
      <c r="FW20" s="70">
        <v>0</v>
      </c>
      <c r="FX20" s="71">
        <v>0</v>
      </c>
      <c r="FY20" s="72">
        <v>0</v>
      </c>
      <c r="FZ20" s="244"/>
      <c r="GA20" s="71">
        <v>0</v>
      </c>
      <c r="GB20" s="71">
        <v>0</v>
      </c>
      <c r="GC20" s="71">
        <v>0</v>
      </c>
      <c r="GD20" s="71">
        <v>0</v>
      </c>
      <c r="GE20" s="71">
        <v>0</v>
      </c>
      <c r="GF20" s="72">
        <v>0</v>
      </c>
      <c r="GG20" s="73">
        <v>0</v>
      </c>
      <c r="GH20" s="70">
        <v>11</v>
      </c>
      <c r="GI20" s="71">
        <v>6</v>
      </c>
      <c r="GJ20" s="72">
        <v>17</v>
      </c>
      <c r="GK20" s="244"/>
      <c r="GL20" s="71">
        <v>10</v>
      </c>
      <c r="GM20" s="71">
        <v>20</v>
      </c>
      <c r="GN20" s="71">
        <v>9</v>
      </c>
      <c r="GO20" s="71">
        <v>8</v>
      </c>
      <c r="GP20" s="71">
        <v>5</v>
      </c>
      <c r="GQ20" s="72">
        <v>52</v>
      </c>
      <c r="GR20" s="73">
        <v>69</v>
      </c>
      <c r="GS20" s="123">
        <v>75</v>
      </c>
      <c r="GT20" s="82">
        <v>63</v>
      </c>
      <c r="GU20" s="83">
        <v>138</v>
      </c>
      <c r="GV20" s="241"/>
      <c r="GW20" s="82">
        <v>111</v>
      </c>
      <c r="GX20" s="82">
        <v>113</v>
      </c>
      <c r="GY20" s="82">
        <v>80</v>
      </c>
      <c r="GZ20" s="82">
        <v>57</v>
      </c>
      <c r="HA20" s="82">
        <v>43</v>
      </c>
      <c r="HB20" s="84">
        <v>404</v>
      </c>
      <c r="HC20" s="85">
        <v>542</v>
      </c>
      <c r="HD20" s="70">
        <v>3</v>
      </c>
      <c r="HE20" s="71">
        <v>0</v>
      </c>
      <c r="HF20" s="72">
        <v>3</v>
      </c>
      <c r="HG20" s="244"/>
      <c r="HH20" s="71">
        <v>1</v>
      </c>
      <c r="HI20" s="71">
        <v>4</v>
      </c>
      <c r="HJ20" s="71">
        <v>7</v>
      </c>
      <c r="HK20" s="71">
        <v>1</v>
      </c>
      <c r="HL20" s="71">
        <v>2</v>
      </c>
      <c r="HM20" s="72">
        <v>15</v>
      </c>
      <c r="HN20" s="73">
        <v>18</v>
      </c>
      <c r="HO20" s="70">
        <v>3</v>
      </c>
      <c r="HP20" s="71">
        <v>3</v>
      </c>
      <c r="HQ20" s="72">
        <v>6</v>
      </c>
      <c r="HR20" s="244"/>
      <c r="HS20" s="71">
        <v>4</v>
      </c>
      <c r="HT20" s="71">
        <v>7</v>
      </c>
      <c r="HU20" s="71">
        <v>6</v>
      </c>
      <c r="HV20" s="71">
        <v>2</v>
      </c>
      <c r="HW20" s="71">
        <v>0</v>
      </c>
      <c r="HX20" s="72">
        <v>19</v>
      </c>
      <c r="HY20" s="73">
        <v>25</v>
      </c>
      <c r="HZ20" s="70">
        <v>11</v>
      </c>
      <c r="IA20" s="71">
        <v>5</v>
      </c>
      <c r="IB20" s="72">
        <v>16</v>
      </c>
      <c r="IC20" s="244"/>
      <c r="ID20" s="71">
        <v>10</v>
      </c>
      <c r="IE20" s="71">
        <v>11</v>
      </c>
      <c r="IF20" s="71">
        <v>4</v>
      </c>
      <c r="IG20" s="71">
        <v>5</v>
      </c>
      <c r="IH20" s="71">
        <v>5</v>
      </c>
      <c r="II20" s="72">
        <v>35</v>
      </c>
      <c r="IJ20" s="73">
        <v>51</v>
      </c>
      <c r="IK20" s="70">
        <v>17</v>
      </c>
      <c r="IL20" s="71">
        <v>19</v>
      </c>
      <c r="IM20" s="72">
        <v>36</v>
      </c>
      <c r="IN20" s="244"/>
      <c r="IO20" s="71">
        <v>34</v>
      </c>
      <c r="IP20" s="71">
        <v>22</v>
      </c>
      <c r="IQ20" s="71">
        <v>14</v>
      </c>
      <c r="IR20" s="71">
        <v>11</v>
      </c>
      <c r="IS20" s="71">
        <v>10</v>
      </c>
      <c r="IT20" s="72">
        <v>91</v>
      </c>
      <c r="IU20" s="73">
        <v>127</v>
      </c>
      <c r="IV20" s="70">
        <v>26</v>
      </c>
      <c r="IW20" s="71">
        <v>15</v>
      </c>
      <c r="IX20" s="72">
        <v>41</v>
      </c>
      <c r="IY20" s="244"/>
      <c r="IZ20" s="71">
        <v>32</v>
      </c>
      <c r="JA20" s="71">
        <v>42</v>
      </c>
      <c r="JB20" s="71">
        <v>23</v>
      </c>
      <c r="JC20" s="71">
        <v>19</v>
      </c>
      <c r="JD20" s="71">
        <v>16</v>
      </c>
      <c r="JE20" s="72">
        <v>132</v>
      </c>
      <c r="JF20" s="73">
        <v>173</v>
      </c>
      <c r="JG20" s="70">
        <v>15</v>
      </c>
      <c r="JH20" s="71">
        <v>21</v>
      </c>
      <c r="JI20" s="72">
        <v>36</v>
      </c>
      <c r="JJ20" s="244"/>
      <c r="JK20" s="71">
        <v>30</v>
      </c>
      <c r="JL20" s="71">
        <v>27</v>
      </c>
      <c r="JM20" s="71">
        <v>26</v>
      </c>
      <c r="JN20" s="71">
        <v>19</v>
      </c>
      <c r="JO20" s="71">
        <v>10</v>
      </c>
      <c r="JP20" s="72">
        <v>112</v>
      </c>
      <c r="JQ20" s="73">
        <v>148</v>
      </c>
      <c r="JR20" s="70">
        <v>0</v>
      </c>
      <c r="JS20" s="71">
        <v>0</v>
      </c>
      <c r="JT20" s="72">
        <v>0</v>
      </c>
      <c r="JU20" s="244"/>
      <c r="JV20" s="71">
        <v>0</v>
      </c>
      <c r="JW20" s="71">
        <v>0</v>
      </c>
      <c r="JX20" s="71">
        <v>0</v>
      </c>
      <c r="JY20" s="71">
        <v>0</v>
      </c>
      <c r="JZ20" s="71">
        <v>0</v>
      </c>
      <c r="KA20" s="72">
        <v>0</v>
      </c>
      <c r="KB20" s="73">
        <v>0</v>
      </c>
      <c r="KC20" s="70">
        <v>75</v>
      </c>
      <c r="KD20" s="71">
        <v>63</v>
      </c>
      <c r="KE20" s="72">
        <v>138</v>
      </c>
      <c r="KF20" s="244"/>
      <c r="KG20" s="71">
        <v>111</v>
      </c>
      <c r="KH20" s="71">
        <v>113</v>
      </c>
      <c r="KI20" s="71">
        <v>80</v>
      </c>
      <c r="KJ20" s="71">
        <v>57</v>
      </c>
      <c r="KK20" s="71">
        <v>43</v>
      </c>
      <c r="KL20" s="72">
        <v>404</v>
      </c>
      <c r="KM20" s="73">
        <v>542</v>
      </c>
    </row>
    <row r="21" spans="2:299" ht="19.5" customHeight="1" x14ac:dyDescent="0.2">
      <c r="B21" s="126" t="s">
        <v>18</v>
      </c>
      <c r="C21" s="316">
        <v>83</v>
      </c>
      <c r="D21" s="82">
        <v>77</v>
      </c>
      <c r="E21" s="83">
        <v>160</v>
      </c>
      <c r="F21" s="241"/>
      <c r="G21" s="82">
        <v>154</v>
      </c>
      <c r="H21" s="82">
        <v>120</v>
      </c>
      <c r="I21" s="82">
        <v>87</v>
      </c>
      <c r="J21" s="82">
        <v>68</v>
      </c>
      <c r="K21" s="82">
        <v>42</v>
      </c>
      <c r="L21" s="84">
        <v>471</v>
      </c>
      <c r="M21" s="85">
        <v>631</v>
      </c>
      <c r="N21" s="70">
        <v>0</v>
      </c>
      <c r="O21" s="71">
        <v>3</v>
      </c>
      <c r="P21" s="72">
        <v>3</v>
      </c>
      <c r="Q21" s="244"/>
      <c r="R21" s="71">
        <v>2</v>
      </c>
      <c r="S21" s="71">
        <v>1</v>
      </c>
      <c r="T21" s="71">
        <v>3</v>
      </c>
      <c r="U21" s="71">
        <v>1</v>
      </c>
      <c r="V21" s="71">
        <v>2</v>
      </c>
      <c r="W21" s="72">
        <v>9</v>
      </c>
      <c r="X21" s="73">
        <v>12</v>
      </c>
      <c r="Y21" s="70">
        <v>2</v>
      </c>
      <c r="Z21" s="71">
        <v>3</v>
      </c>
      <c r="AA21" s="72">
        <v>5</v>
      </c>
      <c r="AB21" s="244"/>
      <c r="AC21" s="71">
        <v>10</v>
      </c>
      <c r="AD21" s="71">
        <v>2</v>
      </c>
      <c r="AE21" s="71">
        <v>4</v>
      </c>
      <c r="AF21" s="71">
        <v>4</v>
      </c>
      <c r="AG21" s="71">
        <v>4</v>
      </c>
      <c r="AH21" s="72">
        <v>24</v>
      </c>
      <c r="AI21" s="73">
        <v>29</v>
      </c>
      <c r="AJ21" s="70">
        <v>7</v>
      </c>
      <c r="AK21" s="71">
        <v>6</v>
      </c>
      <c r="AL21" s="72">
        <v>13</v>
      </c>
      <c r="AM21" s="244"/>
      <c r="AN21" s="71">
        <v>16</v>
      </c>
      <c r="AO21" s="71">
        <v>9</v>
      </c>
      <c r="AP21" s="71">
        <v>8</v>
      </c>
      <c r="AQ21" s="71">
        <v>5</v>
      </c>
      <c r="AR21" s="71">
        <v>5</v>
      </c>
      <c r="AS21" s="72">
        <v>43</v>
      </c>
      <c r="AT21" s="73">
        <v>56</v>
      </c>
      <c r="AU21" s="70">
        <v>26</v>
      </c>
      <c r="AV21" s="71">
        <v>15</v>
      </c>
      <c r="AW21" s="72">
        <v>41</v>
      </c>
      <c r="AX21" s="244"/>
      <c r="AY21" s="71">
        <v>26</v>
      </c>
      <c r="AZ21" s="71">
        <v>21</v>
      </c>
      <c r="BA21" s="71">
        <v>18</v>
      </c>
      <c r="BB21" s="71">
        <v>10</v>
      </c>
      <c r="BC21" s="71">
        <v>12</v>
      </c>
      <c r="BD21" s="72">
        <v>87</v>
      </c>
      <c r="BE21" s="73">
        <v>128</v>
      </c>
      <c r="BF21" s="70">
        <v>25</v>
      </c>
      <c r="BG21" s="71">
        <v>31</v>
      </c>
      <c r="BH21" s="72">
        <v>56</v>
      </c>
      <c r="BI21" s="244"/>
      <c r="BJ21" s="71">
        <v>48</v>
      </c>
      <c r="BK21" s="71">
        <v>41</v>
      </c>
      <c r="BL21" s="71">
        <v>29</v>
      </c>
      <c r="BM21" s="71">
        <v>24</v>
      </c>
      <c r="BN21" s="71">
        <v>7</v>
      </c>
      <c r="BO21" s="72">
        <v>149</v>
      </c>
      <c r="BP21" s="73">
        <v>205</v>
      </c>
      <c r="BQ21" s="70">
        <v>23</v>
      </c>
      <c r="BR21" s="71">
        <v>19</v>
      </c>
      <c r="BS21" s="72">
        <v>42</v>
      </c>
      <c r="BT21" s="244"/>
      <c r="BU21" s="71">
        <v>52</v>
      </c>
      <c r="BV21" s="71">
        <v>46</v>
      </c>
      <c r="BW21" s="71">
        <v>25</v>
      </c>
      <c r="BX21" s="71">
        <v>24</v>
      </c>
      <c r="BY21" s="71">
        <v>12</v>
      </c>
      <c r="BZ21" s="72">
        <v>159</v>
      </c>
      <c r="CA21" s="73">
        <v>201</v>
      </c>
      <c r="CB21" s="70">
        <v>0</v>
      </c>
      <c r="CC21" s="71">
        <v>0</v>
      </c>
      <c r="CD21" s="72">
        <v>0</v>
      </c>
      <c r="CE21" s="244"/>
      <c r="CF21" s="71">
        <v>0</v>
      </c>
      <c r="CG21" s="71">
        <v>0</v>
      </c>
      <c r="CH21" s="71">
        <v>0</v>
      </c>
      <c r="CI21" s="71">
        <v>0</v>
      </c>
      <c r="CJ21" s="71">
        <v>0</v>
      </c>
      <c r="CK21" s="72">
        <v>0</v>
      </c>
      <c r="CL21" s="73">
        <v>0</v>
      </c>
      <c r="CM21" s="70">
        <v>83</v>
      </c>
      <c r="CN21" s="71">
        <v>77</v>
      </c>
      <c r="CO21" s="72">
        <v>160</v>
      </c>
      <c r="CP21" s="244"/>
      <c r="CQ21" s="71">
        <v>154</v>
      </c>
      <c r="CR21" s="71">
        <v>120</v>
      </c>
      <c r="CS21" s="71">
        <v>87</v>
      </c>
      <c r="CT21" s="71">
        <v>68</v>
      </c>
      <c r="CU21" s="71">
        <v>42</v>
      </c>
      <c r="CV21" s="72">
        <v>471</v>
      </c>
      <c r="CW21" s="73">
        <v>631</v>
      </c>
      <c r="CX21" s="123">
        <v>11</v>
      </c>
      <c r="CY21" s="82">
        <v>12</v>
      </c>
      <c r="CZ21" s="83">
        <v>23</v>
      </c>
      <c r="DA21" s="241"/>
      <c r="DB21" s="82">
        <v>18</v>
      </c>
      <c r="DC21" s="82">
        <v>15</v>
      </c>
      <c r="DD21" s="82">
        <v>11</v>
      </c>
      <c r="DE21" s="82">
        <v>5</v>
      </c>
      <c r="DF21" s="82">
        <v>4</v>
      </c>
      <c r="DG21" s="84">
        <v>53</v>
      </c>
      <c r="DH21" s="85">
        <v>76</v>
      </c>
      <c r="DI21" s="70">
        <v>0</v>
      </c>
      <c r="DJ21" s="71">
        <v>1</v>
      </c>
      <c r="DK21" s="72">
        <v>1</v>
      </c>
      <c r="DL21" s="244"/>
      <c r="DM21" s="71">
        <v>0</v>
      </c>
      <c r="DN21" s="71">
        <v>0</v>
      </c>
      <c r="DO21" s="71">
        <v>1</v>
      </c>
      <c r="DP21" s="71">
        <v>0</v>
      </c>
      <c r="DQ21" s="71">
        <v>0</v>
      </c>
      <c r="DR21" s="72">
        <v>1</v>
      </c>
      <c r="DS21" s="73">
        <v>2</v>
      </c>
      <c r="DT21" s="70">
        <v>1</v>
      </c>
      <c r="DU21" s="71">
        <v>1</v>
      </c>
      <c r="DV21" s="72">
        <v>2</v>
      </c>
      <c r="DW21" s="244"/>
      <c r="DX21" s="71">
        <v>1</v>
      </c>
      <c r="DY21" s="71">
        <v>0</v>
      </c>
      <c r="DZ21" s="71">
        <v>0</v>
      </c>
      <c r="EA21" s="71">
        <v>0</v>
      </c>
      <c r="EB21" s="71">
        <v>0</v>
      </c>
      <c r="EC21" s="72">
        <v>1</v>
      </c>
      <c r="ED21" s="73">
        <v>3</v>
      </c>
      <c r="EE21" s="70">
        <v>0</v>
      </c>
      <c r="EF21" s="71">
        <v>3</v>
      </c>
      <c r="EG21" s="72">
        <v>3</v>
      </c>
      <c r="EH21" s="244"/>
      <c r="EI21" s="71">
        <v>2</v>
      </c>
      <c r="EJ21" s="71">
        <v>4</v>
      </c>
      <c r="EK21" s="71">
        <v>2</v>
      </c>
      <c r="EL21" s="71">
        <v>0</v>
      </c>
      <c r="EM21" s="71">
        <v>0</v>
      </c>
      <c r="EN21" s="72">
        <v>8</v>
      </c>
      <c r="EO21" s="73">
        <v>11</v>
      </c>
      <c r="EP21" s="70">
        <v>8</v>
      </c>
      <c r="EQ21" s="71">
        <v>6</v>
      </c>
      <c r="ER21" s="72">
        <v>14</v>
      </c>
      <c r="ES21" s="244"/>
      <c r="ET21" s="71">
        <v>2</v>
      </c>
      <c r="EU21" s="71">
        <v>1</v>
      </c>
      <c r="EV21" s="71">
        <v>0</v>
      </c>
      <c r="EW21" s="71">
        <v>1</v>
      </c>
      <c r="EX21" s="71">
        <v>0</v>
      </c>
      <c r="EY21" s="72">
        <v>4</v>
      </c>
      <c r="EZ21" s="73">
        <v>18</v>
      </c>
      <c r="FA21" s="70">
        <v>1</v>
      </c>
      <c r="FB21" s="71">
        <v>1</v>
      </c>
      <c r="FC21" s="72">
        <v>2</v>
      </c>
      <c r="FD21" s="244"/>
      <c r="FE21" s="71">
        <v>10</v>
      </c>
      <c r="FF21" s="71">
        <v>7</v>
      </c>
      <c r="FG21" s="71">
        <v>3</v>
      </c>
      <c r="FH21" s="71">
        <v>2</v>
      </c>
      <c r="FI21" s="71">
        <v>3</v>
      </c>
      <c r="FJ21" s="72">
        <v>25</v>
      </c>
      <c r="FK21" s="73">
        <v>27</v>
      </c>
      <c r="FL21" s="70">
        <v>1</v>
      </c>
      <c r="FM21" s="71">
        <v>0</v>
      </c>
      <c r="FN21" s="72">
        <v>1</v>
      </c>
      <c r="FO21" s="244"/>
      <c r="FP21" s="71">
        <v>3</v>
      </c>
      <c r="FQ21" s="71">
        <v>3</v>
      </c>
      <c r="FR21" s="71">
        <v>5</v>
      </c>
      <c r="FS21" s="71">
        <v>2</v>
      </c>
      <c r="FT21" s="71">
        <v>1</v>
      </c>
      <c r="FU21" s="72">
        <v>14</v>
      </c>
      <c r="FV21" s="73">
        <v>15</v>
      </c>
      <c r="FW21" s="70">
        <v>0</v>
      </c>
      <c r="FX21" s="71">
        <v>0</v>
      </c>
      <c r="FY21" s="72">
        <v>0</v>
      </c>
      <c r="FZ21" s="244"/>
      <c r="GA21" s="71">
        <v>0</v>
      </c>
      <c r="GB21" s="71">
        <v>0</v>
      </c>
      <c r="GC21" s="71">
        <v>0</v>
      </c>
      <c r="GD21" s="71">
        <v>0</v>
      </c>
      <c r="GE21" s="71">
        <v>0</v>
      </c>
      <c r="GF21" s="72">
        <v>0</v>
      </c>
      <c r="GG21" s="73">
        <v>0</v>
      </c>
      <c r="GH21" s="70">
        <v>11</v>
      </c>
      <c r="GI21" s="71">
        <v>12</v>
      </c>
      <c r="GJ21" s="72">
        <v>23</v>
      </c>
      <c r="GK21" s="244"/>
      <c r="GL21" s="71">
        <v>18</v>
      </c>
      <c r="GM21" s="71">
        <v>15</v>
      </c>
      <c r="GN21" s="71">
        <v>11</v>
      </c>
      <c r="GO21" s="71">
        <v>5</v>
      </c>
      <c r="GP21" s="71">
        <v>4</v>
      </c>
      <c r="GQ21" s="72">
        <v>53</v>
      </c>
      <c r="GR21" s="73">
        <v>76</v>
      </c>
      <c r="GS21" s="123">
        <v>94</v>
      </c>
      <c r="GT21" s="82">
        <v>89</v>
      </c>
      <c r="GU21" s="83">
        <v>183</v>
      </c>
      <c r="GV21" s="241"/>
      <c r="GW21" s="82">
        <v>172</v>
      </c>
      <c r="GX21" s="82">
        <v>135</v>
      </c>
      <c r="GY21" s="82">
        <v>98</v>
      </c>
      <c r="GZ21" s="82">
        <v>73</v>
      </c>
      <c r="HA21" s="82">
        <v>46</v>
      </c>
      <c r="HB21" s="84">
        <v>524</v>
      </c>
      <c r="HC21" s="85">
        <v>707</v>
      </c>
      <c r="HD21" s="70">
        <v>0</v>
      </c>
      <c r="HE21" s="71">
        <v>4</v>
      </c>
      <c r="HF21" s="72">
        <v>4</v>
      </c>
      <c r="HG21" s="244"/>
      <c r="HH21" s="71">
        <v>2</v>
      </c>
      <c r="HI21" s="71">
        <v>1</v>
      </c>
      <c r="HJ21" s="71">
        <v>4</v>
      </c>
      <c r="HK21" s="71">
        <v>1</v>
      </c>
      <c r="HL21" s="71">
        <v>2</v>
      </c>
      <c r="HM21" s="72">
        <v>10</v>
      </c>
      <c r="HN21" s="73">
        <v>14</v>
      </c>
      <c r="HO21" s="70">
        <v>3</v>
      </c>
      <c r="HP21" s="71">
        <v>4</v>
      </c>
      <c r="HQ21" s="72">
        <v>7</v>
      </c>
      <c r="HR21" s="244"/>
      <c r="HS21" s="71">
        <v>11</v>
      </c>
      <c r="HT21" s="71">
        <v>2</v>
      </c>
      <c r="HU21" s="71">
        <v>4</v>
      </c>
      <c r="HV21" s="71">
        <v>4</v>
      </c>
      <c r="HW21" s="71">
        <v>4</v>
      </c>
      <c r="HX21" s="72">
        <v>25</v>
      </c>
      <c r="HY21" s="73">
        <v>32</v>
      </c>
      <c r="HZ21" s="70">
        <v>7</v>
      </c>
      <c r="IA21" s="71">
        <v>9</v>
      </c>
      <c r="IB21" s="72">
        <v>16</v>
      </c>
      <c r="IC21" s="244"/>
      <c r="ID21" s="71">
        <v>18</v>
      </c>
      <c r="IE21" s="71">
        <v>13</v>
      </c>
      <c r="IF21" s="71">
        <v>10</v>
      </c>
      <c r="IG21" s="71">
        <v>5</v>
      </c>
      <c r="IH21" s="71">
        <v>5</v>
      </c>
      <c r="II21" s="72">
        <v>51</v>
      </c>
      <c r="IJ21" s="73">
        <v>67</v>
      </c>
      <c r="IK21" s="70">
        <v>34</v>
      </c>
      <c r="IL21" s="71">
        <v>21</v>
      </c>
      <c r="IM21" s="72">
        <v>55</v>
      </c>
      <c r="IN21" s="244"/>
      <c r="IO21" s="71">
        <v>28</v>
      </c>
      <c r="IP21" s="71">
        <v>22</v>
      </c>
      <c r="IQ21" s="71">
        <v>18</v>
      </c>
      <c r="IR21" s="71">
        <v>11</v>
      </c>
      <c r="IS21" s="71">
        <v>12</v>
      </c>
      <c r="IT21" s="72">
        <v>91</v>
      </c>
      <c r="IU21" s="73">
        <v>146</v>
      </c>
      <c r="IV21" s="70">
        <v>26</v>
      </c>
      <c r="IW21" s="71">
        <v>32</v>
      </c>
      <c r="IX21" s="72">
        <v>58</v>
      </c>
      <c r="IY21" s="244"/>
      <c r="IZ21" s="71">
        <v>58</v>
      </c>
      <c r="JA21" s="71">
        <v>48</v>
      </c>
      <c r="JB21" s="71">
        <v>32</v>
      </c>
      <c r="JC21" s="71">
        <v>26</v>
      </c>
      <c r="JD21" s="71">
        <v>10</v>
      </c>
      <c r="JE21" s="72">
        <v>174</v>
      </c>
      <c r="JF21" s="73">
        <v>232</v>
      </c>
      <c r="JG21" s="70">
        <v>24</v>
      </c>
      <c r="JH21" s="71">
        <v>19</v>
      </c>
      <c r="JI21" s="72">
        <v>43</v>
      </c>
      <c r="JJ21" s="244"/>
      <c r="JK21" s="71">
        <v>55</v>
      </c>
      <c r="JL21" s="71">
        <v>49</v>
      </c>
      <c r="JM21" s="71">
        <v>30</v>
      </c>
      <c r="JN21" s="71">
        <v>26</v>
      </c>
      <c r="JO21" s="71">
        <v>13</v>
      </c>
      <c r="JP21" s="72">
        <v>173</v>
      </c>
      <c r="JQ21" s="73">
        <v>216</v>
      </c>
      <c r="JR21" s="70">
        <v>0</v>
      </c>
      <c r="JS21" s="71">
        <v>0</v>
      </c>
      <c r="JT21" s="72">
        <v>0</v>
      </c>
      <c r="JU21" s="244"/>
      <c r="JV21" s="71">
        <v>0</v>
      </c>
      <c r="JW21" s="71">
        <v>0</v>
      </c>
      <c r="JX21" s="71">
        <v>0</v>
      </c>
      <c r="JY21" s="71">
        <v>0</v>
      </c>
      <c r="JZ21" s="71">
        <v>0</v>
      </c>
      <c r="KA21" s="72">
        <v>0</v>
      </c>
      <c r="KB21" s="73">
        <v>0</v>
      </c>
      <c r="KC21" s="70">
        <v>94</v>
      </c>
      <c r="KD21" s="71">
        <v>89</v>
      </c>
      <c r="KE21" s="72">
        <v>183</v>
      </c>
      <c r="KF21" s="244"/>
      <c r="KG21" s="71">
        <v>172</v>
      </c>
      <c r="KH21" s="71">
        <v>135</v>
      </c>
      <c r="KI21" s="71">
        <v>98</v>
      </c>
      <c r="KJ21" s="71">
        <v>73</v>
      </c>
      <c r="KK21" s="71">
        <v>46</v>
      </c>
      <c r="KL21" s="72">
        <v>524</v>
      </c>
      <c r="KM21" s="73">
        <v>707</v>
      </c>
    </row>
    <row r="22" spans="2:299" ht="19.5" customHeight="1" x14ac:dyDescent="0.2">
      <c r="B22" s="126" t="s">
        <v>19</v>
      </c>
      <c r="C22" s="316">
        <v>33</v>
      </c>
      <c r="D22" s="82">
        <v>29</v>
      </c>
      <c r="E22" s="83">
        <v>62</v>
      </c>
      <c r="F22" s="241"/>
      <c r="G22" s="82">
        <v>74</v>
      </c>
      <c r="H22" s="82">
        <v>52</v>
      </c>
      <c r="I22" s="82">
        <v>18</v>
      </c>
      <c r="J22" s="82">
        <v>25</v>
      </c>
      <c r="K22" s="82">
        <v>15</v>
      </c>
      <c r="L22" s="84">
        <v>184</v>
      </c>
      <c r="M22" s="85">
        <v>246</v>
      </c>
      <c r="N22" s="86">
        <v>1</v>
      </c>
      <c r="O22" s="71">
        <v>0</v>
      </c>
      <c r="P22" s="72">
        <v>1</v>
      </c>
      <c r="Q22" s="244"/>
      <c r="R22" s="71">
        <v>2</v>
      </c>
      <c r="S22" s="71">
        <v>2</v>
      </c>
      <c r="T22" s="71">
        <v>1</v>
      </c>
      <c r="U22" s="71">
        <v>0</v>
      </c>
      <c r="V22" s="71">
        <v>0</v>
      </c>
      <c r="W22" s="72">
        <v>5</v>
      </c>
      <c r="X22" s="73">
        <v>6</v>
      </c>
      <c r="Y22" s="70">
        <v>2</v>
      </c>
      <c r="Z22" s="71">
        <v>1</v>
      </c>
      <c r="AA22" s="72">
        <v>3</v>
      </c>
      <c r="AB22" s="244"/>
      <c r="AC22" s="71">
        <v>1</v>
      </c>
      <c r="AD22" s="71">
        <v>4</v>
      </c>
      <c r="AE22" s="71">
        <v>0</v>
      </c>
      <c r="AF22" s="71">
        <v>1</v>
      </c>
      <c r="AG22" s="71">
        <v>2</v>
      </c>
      <c r="AH22" s="72">
        <v>8</v>
      </c>
      <c r="AI22" s="73">
        <v>11</v>
      </c>
      <c r="AJ22" s="86">
        <v>1</v>
      </c>
      <c r="AK22" s="71">
        <v>2</v>
      </c>
      <c r="AL22" s="72">
        <v>3</v>
      </c>
      <c r="AM22" s="244"/>
      <c r="AN22" s="71">
        <v>5</v>
      </c>
      <c r="AO22" s="71">
        <v>4</v>
      </c>
      <c r="AP22" s="71">
        <v>0</v>
      </c>
      <c r="AQ22" s="71">
        <v>1</v>
      </c>
      <c r="AR22" s="71">
        <v>0</v>
      </c>
      <c r="AS22" s="72">
        <v>10</v>
      </c>
      <c r="AT22" s="73">
        <v>13</v>
      </c>
      <c r="AU22" s="70">
        <v>10</v>
      </c>
      <c r="AV22" s="71">
        <v>5</v>
      </c>
      <c r="AW22" s="72">
        <v>15</v>
      </c>
      <c r="AX22" s="244"/>
      <c r="AY22" s="71">
        <v>8</v>
      </c>
      <c r="AZ22" s="71">
        <v>11</v>
      </c>
      <c r="BA22" s="71">
        <v>4</v>
      </c>
      <c r="BB22" s="71">
        <v>8</v>
      </c>
      <c r="BC22" s="71">
        <v>3</v>
      </c>
      <c r="BD22" s="72">
        <v>34</v>
      </c>
      <c r="BE22" s="73">
        <v>49</v>
      </c>
      <c r="BF22" s="86">
        <v>10</v>
      </c>
      <c r="BG22" s="71">
        <v>13</v>
      </c>
      <c r="BH22" s="72">
        <v>23</v>
      </c>
      <c r="BI22" s="244"/>
      <c r="BJ22" s="71">
        <v>32</v>
      </c>
      <c r="BK22" s="71">
        <v>17</v>
      </c>
      <c r="BL22" s="71">
        <v>8</v>
      </c>
      <c r="BM22" s="71">
        <v>5</v>
      </c>
      <c r="BN22" s="71">
        <v>2</v>
      </c>
      <c r="BO22" s="72">
        <v>64</v>
      </c>
      <c r="BP22" s="73">
        <v>87</v>
      </c>
      <c r="BQ22" s="70">
        <v>9</v>
      </c>
      <c r="BR22" s="71">
        <v>8</v>
      </c>
      <c r="BS22" s="72">
        <v>17</v>
      </c>
      <c r="BT22" s="244"/>
      <c r="BU22" s="71">
        <v>26</v>
      </c>
      <c r="BV22" s="71">
        <v>14</v>
      </c>
      <c r="BW22" s="71">
        <v>5</v>
      </c>
      <c r="BX22" s="71">
        <v>10</v>
      </c>
      <c r="BY22" s="71">
        <v>8</v>
      </c>
      <c r="BZ22" s="72">
        <v>63</v>
      </c>
      <c r="CA22" s="73">
        <v>80</v>
      </c>
      <c r="CB22" s="70">
        <v>0</v>
      </c>
      <c r="CC22" s="71">
        <v>0</v>
      </c>
      <c r="CD22" s="72">
        <v>0</v>
      </c>
      <c r="CE22" s="244"/>
      <c r="CF22" s="71">
        <v>0</v>
      </c>
      <c r="CG22" s="71">
        <v>0</v>
      </c>
      <c r="CH22" s="71">
        <v>0</v>
      </c>
      <c r="CI22" s="71">
        <v>0</v>
      </c>
      <c r="CJ22" s="71">
        <v>0</v>
      </c>
      <c r="CK22" s="72">
        <v>0</v>
      </c>
      <c r="CL22" s="73">
        <v>0</v>
      </c>
      <c r="CM22" s="70">
        <v>33</v>
      </c>
      <c r="CN22" s="71">
        <v>29</v>
      </c>
      <c r="CO22" s="72">
        <v>62</v>
      </c>
      <c r="CP22" s="244"/>
      <c r="CQ22" s="71">
        <v>74</v>
      </c>
      <c r="CR22" s="71">
        <v>52</v>
      </c>
      <c r="CS22" s="71">
        <v>18</v>
      </c>
      <c r="CT22" s="71">
        <v>25</v>
      </c>
      <c r="CU22" s="71">
        <v>15</v>
      </c>
      <c r="CV22" s="72">
        <v>184</v>
      </c>
      <c r="CW22" s="73">
        <v>246</v>
      </c>
      <c r="CX22" s="123">
        <v>1</v>
      </c>
      <c r="CY22" s="82">
        <v>8</v>
      </c>
      <c r="CZ22" s="83">
        <v>9</v>
      </c>
      <c r="DA22" s="241"/>
      <c r="DB22" s="82">
        <v>9</v>
      </c>
      <c r="DC22" s="82">
        <v>7</v>
      </c>
      <c r="DD22" s="82">
        <v>8</v>
      </c>
      <c r="DE22" s="82">
        <v>4</v>
      </c>
      <c r="DF22" s="82">
        <v>3</v>
      </c>
      <c r="DG22" s="84">
        <v>31</v>
      </c>
      <c r="DH22" s="85">
        <v>40</v>
      </c>
      <c r="DI22" s="86">
        <v>0</v>
      </c>
      <c r="DJ22" s="71">
        <v>0</v>
      </c>
      <c r="DK22" s="72">
        <v>0</v>
      </c>
      <c r="DL22" s="244"/>
      <c r="DM22" s="71">
        <v>0</v>
      </c>
      <c r="DN22" s="71">
        <v>0</v>
      </c>
      <c r="DO22" s="71">
        <v>1</v>
      </c>
      <c r="DP22" s="71">
        <v>0</v>
      </c>
      <c r="DQ22" s="71">
        <v>0</v>
      </c>
      <c r="DR22" s="72">
        <v>1</v>
      </c>
      <c r="DS22" s="73">
        <v>1</v>
      </c>
      <c r="DT22" s="70">
        <v>0</v>
      </c>
      <c r="DU22" s="71">
        <v>1</v>
      </c>
      <c r="DV22" s="72">
        <v>1</v>
      </c>
      <c r="DW22" s="244"/>
      <c r="DX22" s="71">
        <v>0</v>
      </c>
      <c r="DY22" s="71">
        <v>0</v>
      </c>
      <c r="DZ22" s="71">
        <v>0</v>
      </c>
      <c r="EA22" s="71">
        <v>0</v>
      </c>
      <c r="EB22" s="71">
        <v>0</v>
      </c>
      <c r="EC22" s="72">
        <v>0</v>
      </c>
      <c r="ED22" s="73">
        <v>1</v>
      </c>
      <c r="EE22" s="86">
        <v>1</v>
      </c>
      <c r="EF22" s="71">
        <v>0</v>
      </c>
      <c r="EG22" s="72">
        <v>1</v>
      </c>
      <c r="EH22" s="244"/>
      <c r="EI22" s="71">
        <v>2</v>
      </c>
      <c r="EJ22" s="71">
        <v>0</v>
      </c>
      <c r="EK22" s="71">
        <v>0</v>
      </c>
      <c r="EL22" s="71">
        <v>0</v>
      </c>
      <c r="EM22" s="71">
        <v>0</v>
      </c>
      <c r="EN22" s="72">
        <v>2</v>
      </c>
      <c r="EO22" s="73">
        <v>3</v>
      </c>
      <c r="EP22" s="70">
        <v>0</v>
      </c>
      <c r="EQ22" s="71">
        <v>4</v>
      </c>
      <c r="ER22" s="72">
        <v>4</v>
      </c>
      <c r="ES22" s="244"/>
      <c r="ET22" s="71">
        <v>1</v>
      </c>
      <c r="EU22" s="71">
        <v>1</v>
      </c>
      <c r="EV22" s="71">
        <v>2</v>
      </c>
      <c r="EW22" s="71">
        <v>0</v>
      </c>
      <c r="EX22" s="71">
        <v>0</v>
      </c>
      <c r="EY22" s="72">
        <v>4</v>
      </c>
      <c r="EZ22" s="73">
        <v>8</v>
      </c>
      <c r="FA22" s="86">
        <v>0</v>
      </c>
      <c r="FB22" s="71">
        <v>0</v>
      </c>
      <c r="FC22" s="72">
        <v>0</v>
      </c>
      <c r="FD22" s="244"/>
      <c r="FE22" s="71">
        <v>3</v>
      </c>
      <c r="FF22" s="71">
        <v>3</v>
      </c>
      <c r="FG22" s="71">
        <v>3</v>
      </c>
      <c r="FH22" s="71">
        <v>0</v>
      </c>
      <c r="FI22" s="71">
        <v>0</v>
      </c>
      <c r="FJ22" s="72">
        <v>9</v>
      </c>
      <c r="FK22" s="73">
        <v>9</v>
      </c>
      <c r="FL22" s="70">
        <v>0</v>
      </c>
      <c r="FM22" s="71">
        <v>3</v>
      </c>
      <c r="FN22" s="72">
        <v>3</v>
      </c>
      <c r="FO22" s="244"/>
      <c r="FP22" s="71">
        <v>3</v>
      </c>
      <c r="FQ22" s="71">
        <v>3</v>
      </c>
      <c r="FR22" s="71">
        <v>2</v>
      </c>
      <c r="FS22" s="71">
        <v>4</v>
      </c>
      <c r="FT22" s="71">
        <v>3</v>
      </c>
      <c r="FU22" s="72">
        <v>15</v>
      </c>
      <c r="FV22" s="73">
        <v>18</v>
      </c>
      <c r="FW22" s="70">
        <v>0</v>
      </c>
      <c r="FX22" s="71">
        <v>0</v>
      </c>
      <c r="FY22" s="72">
        <v>0</v>
      </c>
      <c r="FZ22" s="244"/>
      <c r="GA22" s="71">
        <v>0</v>
      </c>
      <c r="GB22" s="71">
        <v>0</v>
      </c>
      <c r="GC22" s="71">
        <v>0</v>
      </c>
      <c r="GD22" s="71">
        <v>0</v>
      </c>
      <c r="GE22" s="71">
        <v>0</v>
      </c>
      <c r="GF22" s="72">
        <v>0</v>
      </c>
      <c r="GG22" s="73">
        <v>0</v>
      </c>
      <c r="GH22" s="70">
        <v>1</v>
      </c>
      <c r="GI22" s="71">
        <v>8</v>
      </c>
      <c r="GJ22" s="72">
        <v>9</v>
      </c>
      <c r="GK22" s="244"/>
      <c r="GL22" s="71">
        <v>9</v>
      </c>
      <c r="GM22" s="71">
        <v>7</v>
      </c>
      <c r="GN22" s="71">
        <v>8</v>
      </c>
      <c r="GO22" s="71">
        <v>4</v>
      </c>
      <c r="GP22" s="71">
        <v>3</v>
      </c>
      <c r="GQ22" s="72">
        <v>31</v>
      </c>
      <c r="GR22" s="73">
        <v>40</v>
      </c>
      <c r="GS22" s="123">
        <v>34</v>
      </c>
      <c r="GT22" s="82">
        <v>37</v>
      </c>
      <c r="GU22" s="83">
        <v>71</v>
      </c>
      <c r="GV22" s="241"/>
      <c r="GW22" s="82">
        <v>83</v>
      </c>
      <c r="GX22" s="82">
        <v>59</v>
      </c>
      <c r="GY22" s="82">
        <v>26</v>
      </c>
      <c r="GZ22" s="82">
        <v>29</v>
      </c>
      <c r="HA22" s="82">
        <v>18</v>
      </c>
      <c r="HB22" s="84">
        <v>215</v>
      </c>
      <c r="HC22" s="85">
        <v>286</v>
      </c>
      <c r="HD22" s="86">
        <v>1</v>
      </c>
      <c r="HE22" s="71">
        <v>0</v>
      </c>
      <c r="HF22" s="72">
        <v>1</v>
      </c>
      <c r="HG22" s="244"/>
      <c r="HH22" s="71">
        <v>2</v>
      </c>
      <c r="HI22" s="71">
        <v>2</v>
      </c>
      <c r="HJ22" s="71">
        <v>2</v>
      </c>
      <c r="HK22" s="71">
        <v>0</v>
      </c>
      <c r="HL22" s="71">
        <v>0</v>
      </c>
      <c r="HM22" s="72">
        <v>6</v>
      </c>
      <c r="HN22" s="73">
        <v>7</v>
      </c>
      <c r="HO22" s="70">
        <v>2</v>
      </c>
      <c r="HP22" s="71">
        <v>2</v>
      </c>
      <c r="HQ22" s="72">
        <v>4</v>
      </c>
      <c r="HR22" s="244"/>
      <c r="HS22" s="71">
        <v>1</v>
      </c>
      <c r="HT22" s="71">
        <v>4</v>
      </c>
      <c r="HU22" s="71">
        <v>0</v>
      </c>
      <c r="HV22" s="71">
        <v>1</v>
      </c>
      <c r="HW22" s="71">
        <v>2</v>
      </c>
      <c r="HX22" s="72">
        <v>8</v>
      </c>
      <c r="HY22" s="73">
        <v>12</v>
      </c>
      <c r="HZ22" s="86">
        <v>2</v>
      </c>
      <c r="IA22" s="71">
        <v>2</v>
      </c>
      <c r="IB22" s="72">
        <v>4</v>
      </c>
      <c r="IC22" s="244"/>
      <c r="ID22" s="71">
        <v>7</v>
      </c>
      <c r="IE22" s="71">
        <v>4</v>
      </c>
      <c r="IF22" s="71">
        <v>0</v>
      </c>
      <c r="IG22" s="71">
        <v>1</v>
      </c>
      <c r="IH22" s="71">
        <v>0</v>
      </c>
      <c r="II22" s="72">
        <v>12</v>
      </c>
      <c r="IJ22" s="73">
        <v>16</v>
      </c>
      <c r="IK22" s="70">
        <v>10</v>
      </c>
      <c r="IL22" s="71">
        <v>9</v>
      </c>
      <c r="IM22" s="72">
        <v>19</v>
      </c>
      <c r="IN22" s="244"/>
      <c r="IO22" s="71">
        <v>9</v>
      </c>
      <c r="IP22" s="71">
        <v>12</v>
      </c>
      <c r="IQ22" s="71">
        <v>6</v>
      </c>
      <c r="IR22" s="71">
        <v>8</v>
      </c>
      <c r="IS22" s="71">
        <v>3</v>
      </c>
      <c r="IT22" s="72">
        <v>38</v>
      </c>
      <c r="IU22" s="73">
        <v>57</v>
      </c>
      <c r="IV22" s="86">
        <v>10</v>
      </c>
      <c r="IW22" s="71">
        <v>13</v>
      </c>
      <c r="IX22" s="72">
        <v>23</v>
      </c>
      <c r="IY22" s="244"/>
      <c r="IZ22" s="71">
        <v>35</v>
      </c>
      <c r="JA22" s="71">
        <v>20</v>
      </c>
      <c r="JB22" s="71">
        <v>11</v>
      </c>
      <c r="JC22" s="71">
        <v>5</v>
      </c>
      <c r="JD22" s="71">
        <v>2</v>
      </c>
      <c r="JE22" s="72">
        <v>73</v>
      </c>
      <c r="JF22" s="73">
        <v>96</v>
      </c>
      <c r="JG22" s="70">
        <v>9</v>
      </c>
      <c r="JH22" s="71">
        <v>11</v>
      </c>
      <c r="JI22" s="72">
        <v>20</v>
      </c>
      <c r="JJ22" s="244"/>
      <c r="JK22" s="71">
        <v>29</v>
      </c>
      <c r="JL22" s="71">
        <v>17</v>
      </c>
      <c r="JM22" s="71">
        <v>7</v>
      </c>
      <c r="JN22" s="71">
        <v>14</v>
      </c>
      <c r="JO22" s="71">
        <v>11</v>
      </c>
      <c r="JP22" s="72">
        <v>78</v>
      </c>
      <c r="JQ22" s="73">
        <v>98</v>
      </c>
      <c r="JR22" s="70">
        <v>0</v>
      </c>
      <c r="JS22" s="71">
        <v>0</v>
      </c>
      <c r="JT22" s="72">
        <v>0</v>
      </c>
      <c r="JU22" s="244"/>
      <c r="JV22" s="71">
        <v>0</v>
      </c>
      <c r="JW22" s="71">
        <v>0</v>
      </c>
      <c r="JX22" s="71">
        <v>0</v>
      </c>
      <c r="JY22" s="71">
        <v>0</v>
      </c>
      <c r="JZ22" s="71">
        <v>0</v>
      </c>
      <c r="KA22" s="72">
        <v>0</v>
      </c>
      <c r="KB22" s="73">
        <v>0</v>
      </c>
      <c r="KC22" s="70">
        <v>34</v>
      </c>
      <c r="KD22" s="71">
        <v>37</v>
      </c>
      <c r="KE22" s="72">
        <v>71</v>
      </c>
      <c r="KF22" s="244"/>
      <c r="KG22" s="71">
        <v>83</v>
      </c>
      <c r="KH22" s="71">
        <v>59</v>
      </c>
      <c r="KI22" s="71">
        <v>26</v>
      </c>
      <c r="KJ22" s="71">
        <v>29</v>
      </c>
      <c r="KK22" s="71">
        <v>18</v>
      </c>
      <c r="KL22" s="72">
        <v>215</v>
      </c>
      <c r="KM22" s="73">
        <v>286</v>
      </c>
    </row>
    <row r="23" spans="2:299" ht="19.5" customHeight="1" x14ac:dyDescent="0.2">
      <c r="B23" s="126" t="s">
        <v>20</v>
      </c>
      <c r="C23" s="316">
        <v>52</v>
      </c>
      <c r="D23" s="82">
        <v>71</v>
      </c>
      <c r="E23" s="83">
        <v>123</v>
      </c>
      <c r="F23" s="241"/>
      <c r="G23" s="82">
        <v>117</v>
      </c>
      <c r="H23" s="82">
        <v>68</v>
      </c>
      <c r="I23" s="82">
        <v>49</v>
      </c>
      <c r="J23" s="82">
        <v>38</v>
      </c>
      <c r="K23" s="82">
        <v>15</v>
      </c>
      <c r="L23" s="84">
        <v>287</v>
      </c>
      <c r="M23" s="85">
        <v>410</v>
      </c>
      <c r="N23" s="70">
        <v>1</v>
      </c>
      <c r="O23" s="71">
        <v>1</v>
      </c>
      <c r="P23" s="72">
        <v>2</v>
      </c>
      <c r="Q23" s="244"/>
      <c r="R23" s="71">
        <v>5</v>
      </c>
      <c r="S23" s="71">
        <v>2</v>
      </c>
      <c r="T23" s="71">
        <v>0</v>
      </c>
      <c r="U23" s="71">
        <v>0</v>
      </c>
      <c r="V23" s="71">
        <v>0</v>
      </c>
      <c r="W23" s="72">
        <v>7</v>
      </c>
      <c r="X23" s="73">
        <v>9</v>
      </c>
      <c r="Y23" s="70">
        <v>3</v>
      </c>
      <c r="Z23" s="71">
        <v>2</v>
      </c>
      <c r="AA23" s="72">
        <v>5</v>
      </c>
      <c r="AB23" s="244"/>
      <c r="AC23" s="71">
        <v>2</v>
      </c>
      <c r="AD23" s="71">
        <v>1</v>
      </c>
      <c r="AE23" s="71">
        <v>1</v>
      </c>
      <c r="AF23" s="71">
        <v>4</v>
      </c>
      <c r="AG23" s="71">
        <v>1</v>
      </c>
      <c r="AH23" s="72">
        <v>9</v>
      </c>
      <c r="AI23" s="73">
        <v>14</v>
      </c>
      <c r="AJ23" s="70">
        <v>4</v>
      </c>
      <c r="AK23" s="71">
        <v>6</v>
      </c>
      <c r="AL23" s="72">
        <v>10</v>
      </c>
      <c r="AM23" s="244"/>
      <c r="AN23" s="71">
        <v>11</v>
      </c>
      <c r="AO23" s="71">
        <v>3</v>
      </c>
      <c r="AP23" s="71">
        <v>8</v>
      </c>
      <c r="AQ23" s="71">
        <v>8</v>
      </c>
      <c r="AR23" s="71">
        <v>4</v>
      </c>
      <c r="AS23" s="72">
        <v>34</v>
      </c>
      <c r="AT23" s="73">
        <v>44</v>
      </c>
      <c r="AU23" s="70">
        <v>12</v>
      </c>
      <c r="AV23" s="71">
        <v>18</v>
      </c>
      <c r="AW23" s="72">
        <v>30</v>
      </c>
      <c r="AX23" s="244"/>
      <c r="AY23" s="71">
        <v>28</v>
      </c>
      <c r="AZ23" s="71">
        <v>20</v>
      </c>
      <c r="BA23" s="71">
        <v>12</v>
      </c>
      <c r="BB23" s="71">
        <v>7</v>
      </c>
      <c r="BC23" s="71">
        <v>3</v>
      </c>
      <c r="BD23" s="72">
        <v>70</v>
      </c>
      <c r="BE23" s="73">
        <v>100</v>
      </c>
      <c r="BF23" s="70">
        <v>17</v>
      </c>
      <c r="BG23" s="71">
        <v>26</v>
      </c>
      <c r="BH23" s="72">
        <v>43</v>
      </c>
      <c r="BI23" s="244"/>
      <c r="BJ23" s="71">
        <v>44</v>
      </c>
      <c r="BK23" s="71">
        <v>23</v>
      </c>
      <c r="BL23" s="71">
        <v>14</v>
      </c>
      <c r="BM23" s="71">
        <v>5</v>
      </c>
      <c r="BN23" s="71">
        <v>4</v>
      </c>
      <c r="BO23" s="72">
        <v>90</v>
      </c>
      <c r="BP23" s="73">
        <v>133</v>
      </c>
      <c r="BQ23" s="70">
        <v>15</v>
      </c>
      <c r="BR23" s="71">
        <v>18</v>
      </c>
      <c r="BS23" s="72">
        <v>33</v>
      </c>
      <c r="BT23" s="244"/>
      <c r="BU23" s="71">
        <v>27</v>
      </c>
      <c r="BV23" s="71">
        <v>19</v>
      </c>
      <c r="BW23" s="71">
        <v>14</v>
      </c>
      <c r="BX23" s="71">
        <v>14</v>
      </c>
      <c r="BY23" s="71">
        <v>3</v>
      </c>
      <c r="BZ23" s="72">
        <v>77</v>
      </c>
      <c r="CA23" s="73">
        <v>110</v>
      </c>
      <c r="CB23" s="70">
        <v>0</v>
      </c>
      <c r="CC23" s="71">
        <v>0</v>
      </c>
      <c r="CD23" s="72">
        <v>0</v>
      </c>
      <c r="CE23" s="244"/>
      <c r="CF23" s="71">
        <v>0</v>
      </c>
      <c r="CG23" s="71">
        <v>0</v>
      </c>
      <c r="CH23" s="71">
        <v>0</v>
      </c>
      <c r="CI23" s="71">
        <v>0</v>
      </c>
      <c r="CJ23" s="71">
        <v>0</v>
      </c>
      <c r="CK23" s="72">
        <v>0</v>
      </c>
      <c r="CL23" s="73">
        <v>0</v>
      </c>
      <c r="CM23" s="70">
        <v>52</v>
      </c>
      <c r="CN23" s="71">
        <v>71</v>
      </c>
      <c r="CO23" s="72">
        <v>123</v>
      </c>
      <c r="CP23" s="244"/>
      <c r="CQ23" s="71">
        <v>117</v>
      </c>
      <c r="CR23" s="71">
        <v>68</v>
      </c>
      <c r="CS23" s="71">
        <v>49</v>
      </c>
      <c r="CT23" s="71">
        <v>38</v>
      </c>
      <c r="CU23" s="71">
        <v>15</v>
      </c>
      <c r="CV23" s="72">
        <v>287</v>
      </c>
      <c r="CW23" s="73">
        <v>410</v>
      </c>
      <c r="CX23" s="123">
        <v>6</v>
      </c>
      <c r="CY23" s="82">
        <v>6</v>
      </c>
      <c r="CZ23" s="83">
        <v>12</v>
      </c>
      <c r="DA23" s="241"/>
      <c r="DB23" s="82">
        <v>10</v>
      </c>
      <c r="DC23" s="82">
        <v>9</v>
      </c>
      <c r="DD23" s="82">
        <v>4</v>
      </c>
      <c r="DE23" s="82">
        <v>6</v>
      </c>
      <c r="DF23" s="82">
        <v>3</v>
      </c>
      <c r="DG23" s="84">
        <v>32</v>
      </c>
      <c r="DH23" s="85">
        <v>44</v>
      </c>
      <c r="DI23" s="70">
        <v>0</v>
      </c>
      <c r="DJ23" s="71">
        <v>0</v>
      </c>
      <c r="DK23" s="72">
        <v>0</v>
      </c>
      <c r="DL23" s="244"/>
      <c r="DM23" s="71">
        <v>0</v>
      </c>
      <c r="DN23" s="71">
        <v>0</v>
      </c>
      <c r="DO23" s="71">
        <v>0</v>
      </c>
      <c r="DP23" s="71">
        <v>0</v>
      </c>
      <c r="DQ23" s="71">
        <v>1</v>
      </c>
      <c r="DR23" s="72">
        <v>1</v>
      </c>
      <c r="DS23" s="73">
        <v>1</v>
      </c>
      <c r="DT23" s="70">
        <v>0</v>
      </c>
      <c r="DU23" s="71">
        <v>0</v>
      </c>
      <c r="DV23" s="72">
        <v>0</v>
      </c>
      <c r="DW23" s="244"/>
      <c r="DX23" s="71">
        <v>0</v>
      </c>
      <c r="DY23" s="71">
        <v>1</v>
      </c>
      <c r="DZ23" s="71">
        <v>0</v>
      </c>
      <c r="EA23" s="71">
        <v>0</v>
      </c>
      <c r="EB23" s="71">
        <v>0</v>
      </c>
      <c r="EC23" s="72">
        <v>1</v>
      </c>
      <c r="ED23" s="73">
        <v>1</v>
      </c>
      <c r="EE23" s="70">
        <v>0</v>
      </c>
      <c r="EF23" s="71">
        <v>0</v>
      </c>
      <c r="EG23" s="72">
        <v>0</v>
      </c>
      <c r="EH23" s="244"/>
      <c r="EI23" s="71">
        <v>1</v>
      </c>
      <c r="EJ23" s="71">
        <v>2</v>
      </c>
      <c r="EK23" s="71">
        <v>0</v>
      </c>
      <c r="EL23" s="71">
        <v>0</v>
      </c>
      <c r="EM23" s="71">
        <v>0</v>
      </c>
      <c r="EN23" s="72">
        <v>3</v>
      </c>
      <c r="EO23" s="73">
        <v>3</v>
      </c>
      <c r="EP23" s="70">
        <v>4</v>
      </c>
      <c r="EQ23" s="71">
        <v>2</v>
      </c>
      <c r="ER23" s="72">
        <v>6</v>
      </c>
      <c r="ES23" s="244"/>
      <c r="ET23" s="71">
        <v>2</v>
      </c>
      <c r="EU23" s="71">
        <v>1</v>
      </c>
      <c r="EV23" s="71">
        <v>1</v>
      </c>
      <c r="EW23" s="71">
        <v>1</v>
      </c>
      <c r="EX23" s="71">
        <v>1</v>
      </c>
      <c r="EY23" s="72">
        <v>6</v>
      </c>
      <c r="EZ23" s="73">
        <v>12</v>
      </c>
      <c r="FA23" s="70">
        <v>1</v>
      </c>
      <c r="FB23" s="71">
        <v>2</v>
      </c>
      <c r="FC23" s="72">
        <v>3</v>
      </c>
      <c r="FD23" s="244"/>
      <c r="FE23" s="71">
        <v>4</v>
      </c>
      <c r="FF23" s="71">
        <v>2</v>
      </c>
      <c r="FG23" s="71">
        <v>2</v>
      </c>
      <c r="FH23" s="71">
        <v>1</v>
      </c>
      <c r="FI23" s="71">
        <v>0</v>
      </c>
      <c r="FJ23" s="72">
        <v>9</v>
      </c>
      <c r="FK23" s="73">
        <v>12</v>
      </c>
      <c r="FL23" s="70">
        <v>1</v>
      </c>
      <c r="FM23" s="71">
        <v>2</v>
      </c>
      <c r="FN23" s="72">
        <v>3</v>
      </c>
      <c r="FO23" s="244"/>
      <c r="FP23" s="71">
        <v>3</v>
      </c>
      <c r="FQ23" s="71">
        <v>3</v>
      </c>
      <c r="FR23" s="71">
        <v>1</v>
      </c>
      <c r="FS23" s="71">
        <v>4</v>
      </c>
      <c r="FT23" s="71">
        <v>1</v>
      </c>
      <c r="FU23" s="72">
        <v>12</v>
      </c>
      <c r="FV23" s="73">
        <v>15</v>
      </c>
      <c r="FW23" s="70">
        <v>0</v>
      </c>
      <c r="FX23" s="71">
        <v>0</v>
      </c>
      <c r="FY23" s="72">
        <v>0</v>
      </c>
      <c r="FZ23" s="244"/>
      <c r="GA23" s="71">
        <v>0</v>
      </c>
      <c r="GB23" s="71">
        <v>0</v>
      </c>
      <c r="GC23" s="71">
        <v>0</v>
      </c>
      <c r="GD23" s="71">
        <v>0</v>
      </c>
      <c r="GE23" s="71">
        <v>0</v>
      </c>
      <c r="GF23" s="72">
        <v>0</v>
      </c>
      <c r="GG23" s="73">
        <v>0</v>
      </c>
      <c r="GH23" s="70">
        <v>6</v>
      </c>
      <c r="GI23" s="71">
        <v>6</v>
      </c>
      <c r="GJ23" s="72">
        <v>12</v>
      </c>
      <c r="GK23" s="244"/>
      <c r="GL23" s="71">
        <v>10</v>
      </c>
      <c r="GM23" s="71">
        <v>9</v>
      </c>
      <c r="GN23" s="71">
        <v>4</v>
      </c>
      <c r="GO23" s="71">
        <v>6</v>
      </c>
      <c r="GP23" s="71">
        <v>3</v>
      </c>
      <c r="GQ23" s="72">
        <v>32</v>
      </c>
      <c r="GR23" s="73">
        <v>44</v>
      </c>
      <c r="GS23" s="123">
        <v>58</v>
      </c>
      <c r="GT23" s="82">
        <v>77</v>
      </c>
      <c r="GU23" s="83">
        <v>135</v>
      </c>
      <c r="GV23" s="241"/>
      <c r="GW23" s="82">
        <v>127</v>
      </c>
      <c r="GX23" s="82">
        <v>77</v>
      </c>
      <c r="GY23" s="82">
        <v>53</v>
      </c>
      <c r="GZ23" s="82">
        <v>44</v>
      </c>
      <c r="HA23" s="82">
        <v>18</v>
      </c>
      <c r="HB23" s="84">
        <v>319</v>
      </c>
      <c r="HC23" s="85">
        <v>454</v>
      </c>
      <c r="HD23" s="70">
        <v>1</v>
      </c>
      <c r="HE23" s="71">
        <v>1</v>
      </c>
      <c r="HF23" s="72">
        <v>2</v>
      </c>
      <c r="HG23" s="244"/>
      <c r="HH23" s="71">
        <v>5</v>
      </c>
      <c r="HI23" s="71">
        <v>2</v>
      </c>
      <c r="HJ23" s="71">
        <v>0</v>
      </c>
      <c r="HK23" s="71">
        <v>0</v>
      </c>
      <c r="HL23" s="71">
        <v>1</v>
      </c>
      <c r="HM23" s="72">
        <v>8</v>
      </c>
      <c r="HN23" s="73">
        <v>10</v>
      </c>
      <c r="HO23" s="70">
        <v>3</v>
      </c>
      <c r="HP23" s="71">
        <v>2</v>
      </c>
      <c r="HQ23" s="72">
        <v>5</v>
      </c>
      <c r="HR23" s="244"/>
      <c r="HS23" s="71">
        <v>2</v>
      </c>
      <c r="HT23" s="71">
        <v>2</v>
      </c>
      <c r="HU23" s="71">
        <v>1</v>
      </c>
      <c r="HV23" s="71">
        <v>4</v>
      </c>
      <c r="HW23" s="71">
        <v>1</v>
      </c>
      <c r="HX23" s="72">
        <v>10</v>
      </c>
      <c r="HY23" s="73">
        <v>15</v>
      </c>
      <c r="HZ23" s="70">
        <v>4</v>
      </c>
      <c r="IA23" s="71">
        <v>6</v>
      </c>
      <c r="IB23" s="72">
        <v>10</v>
      </c>
      <c r="IC23" s="244"/>
      <c r="ID23" s="71">
        <v>12</v>
      </c>
      <c r="IE23" s="71">
        <v>5</v>
      </c>
      <c r="IF23" s="71">
        <v>8</v>
      </c>
      <c r="IG23" s="71">
        <v>8</v>
      </c>
      <c r="IH23" s="71">
        <v>4</v>
      </c>
      <c r="II23" s="72">
        <v>37</v>
      </c>
      <c r="IJ23" s="73">
        <v>47</v>
      </c>
      <c r="IK23" s="70">
        <v>16</v>
      </c>
      <c r="IL23" s="71">
        <v>20</v>
      </c>
      <c r="IM23" s="72">
        <v>36</v>
      </c>
      <c r="IN23" s="244"/>
      <c r="IO23" s="71">
        <v>30</v>
      </c>
      <c r="IP23" s="71">
        <v>21</v>
      </c>
      <c r="IQ23" s="71">
        <v>13</v>
      </c>
      <c r="IR23" s="71">
        <v>8</v>
      </c>
      <c r="IS23" s="71">
        <v>4</v>
      </c>
      <c r="IT23" s="72">
        <v>76</v>
      </c>
      <c r="IU23" s="73">
        <v>112</v>
      </c>
      <c r="IV23" s="70">
        <v>18</v>
      </c>
      <c r="IW23" s="71">
        <v>28</v>
      </c>
      <c r="IX23" s="72">
        <v>46</v>
      </c>
      <c r="IY23" s="244"/>
      <c r="IZ23" s="71">
        <v>48</v>
      </c>
      <c r="JA23" s="71">
        <v>25</v>
      </c>
      <c r="JB23" s="71">
        <v>16</v>
      </c>
      <c r="JC23" s="71">
        <v>6</v>
      </c>
      <c r="JD23" s="71">
        <v>4</v>
      </c>
      <c r="JE23" s="72">
        <v>99</v>
      </c>
      <c r="JF23" s="73">
        <v>145</v>
      </c>
      <c r="JG23" s="70">
        <v>16</v>
      </c>
      <c r="JH23" s="71">
        <v>20</v>
      </c>
      <c r="JI23" s="72">
        <v>36</v>
      </c>
      <c r="JJ23" s="244"/>
      <c r="JK23" s="71">
        <v>30</v>
      </c>
      <c r="JL23" s="71">
        <v>22</v>
      </c>
      <c r="JM23" s="71">
        <v>15</v>
      </c>
      <c r="JN23" s="71">
        <v>18</v>
      </c>
      <c r="JO23" s="71">
        <v>4</v>
      </c>
      <c r="JP23" s="72">
        <v>89</v>
      </c>
      <c r="JQ23" s="73">
        <v>125</v>
      </c>
      <c r="JR23" s="70">
        <v>0</v>
      </c>
      <c r="JS23" s="71">
        <v>0</v>
      </c>
      <c r="JT23" s="72">
        <v>0</v>
      </c>
      <c r="JU23" s="244"/>
      <c r="JV23" s="71">
        <v>0</v>
      </c>
      <c r="JW23" s="71">
        <v>0</v>
      </c>
      <c r="JX23" s="71">
        <v>0</v>
      </c>
      <c r="JY23" s="71">
        <v>0</v>
      </c>
      <c r="JZ23" s="71">
        <v>0</v>
      </c>
      <c r="KA23" s="72">
        <v>0</v>
      </c>
      <c r="KB23" s="73">
        <v>0</v>
      </c>
      <c r="KC23" s="70">
        <v>58</v>
      </c>
      <c r="KD23" s="71">
        <v>77</v>
      </c>
      <c r="KE23" s="72">
        <v>135</v>
      </c>
      <c r="KF23" s="244"/>
      <c r="KG23" s="71">
        <v>127</v>
      </c>
      <c r="KH23" s="71">
        <v>77</v>
      </c>
      <c r="KI23" s="71">
        <v>53</v>
      </c>
      <c r="KJ23" s="71">
        <v>44</v>
      </c>
      <c r="KK23" s="71">
        <v>18</v>
      </c>
      <c r="KL23" s="72">
        <v>319</v>
      </c>
      <c r="KM23" s="73">
        <v>454</v>
      </c>
    </row>
    <row r="24" spans="2:299" ht="19.5" customHeight="1" x14ac:dyDescent="0.2">
      <c r="B24" s="126" t="s">
        <v>21</v>
      </c>
      <c r="C24" s="316">
        <v>46</v>
      </c>
      <c r="D24" s="82">
        <v>50</v>
      </c>
      <c r="E24" s="83">
        <v>96</v>
      </c>
      <c r="F24" s="241"/>
      <c r="G24" s="82">
        <v>64</v>
      </c>
      <c r="H24" s="82">
        <v>64</v>
      </c>
      <c r="I24" s="82">
        <v>44</v>
      </c>
      <c r="J24" s="82">
        <v>36</v>
      </c>
      <c r="K24" s="82">
        <v>16</v>
      </c>
      <c r="L24" s="84">
        <v>224</v>
      </c>
      <c r="M24" s="85">
        <v>320</v>
      </c>
      <c r="N24" s="70">
        <v>0</v>
      </c>
      <c r="O24" s="71">
        <v>2</v>
      </c>
      <c r="P24" s="72">
        <v>2</v>
      </c>
      <c r="Q24" s="244"/>
      <c r="R24" s="71">
        <v>0</v>
      </c>
      <c r="S24" s="71">
        <v>2</v>
      </c>
      <c r="T24" s="71">
        <v>0</v>
      </c>
      <c r="U24" s="71">
        <v>2</v>
      </c>
      <c r="V24" s="71">
        <v>0</v>
      </c>
      <c r="W24" s="72">
        <v>4</v>
      </c>
      <c r="X24" s="73">
        <v>6</v>
      </c>
      <c r="Y24" s="70">
        <v>4</v>
      </c>
      <c r="Z24" s="71">
        <v>3</v>
      </c>
      <c r="AA24" s="72">
        <v>7</v>
      </c>
      <c r="AB24" s="244"/>
      <c r="AC24" s="71">
        <v>4</v>
      </c>
      <c r="AD24" s="71">
        <v>5</v>
      </c>
      <c r="AE24" s="71">
        <v>4</v>
      </c>
      <c r="AF24" s="71">
        <v>1</v>
      </c>
      <c r="AG24" s="71">
        <v>0</v>
      </c>
      <c r="AH24" s="72">
        <v>14</v>
      </c>
      <c r="AI24" s="73">
        <v>21</v>
      </c>
      <c r="AJ24" s="70">
        <v>3</v>
      </c>
      <c r="AK24" s="71">
        <v>7</v>
      </c>
      <c r="AL24" s="72">
        <v>10</v>
      </c>
      <c r="AM24" s="244"/>
      <c r="AN24" s="71">
        <v>7</v>
      </c>
      <c r="AO24" s="71">
        <v>5</v>
      </c>
      <c r="AP24" s="71">
        <v>5</v>
      </c>
      <c r="AQ24" s="71">
        <v>3</v>
      </c>
      <c r="AR24" s="71">
        <v>1</v>
      </c>
      <c r="AS24" s="72">
        <v>21</v>
      </c>
      <c r="AT24" s="73">
        <v>31</v>
      </c>
      <c r="AU24" s="70">
        <v>9</v>
      </c>
      <c r="AV24" s="71">
        <v>10</v>
      </c>
      <c r="AW24" s="72">
        <v>19</v>
      </c>
      <c r="AX24" s="244"/>
      <c r="AY24" s="71">
        <v>13</v>
      </c>
      <c r="AZ24" s="71">
        <v>16</v>
      </c>
      <c r="BA24" s="71">
        <v>6</v>
      </c>
      <c r="BB24" s="71">
        <v>8</v>
      </c>
      <c r="BC24" s="71">
        <v>3</v>
      </c>
      <c r="BD24" s="72">
        <v>46</v>
      </c>
      <c r="BE24" s="73">
        <v>65</v>
      </c>
      <c r="BF24" s="70">
        <v>18</v>
      </c>
      <c r="BG24" s="71">
        <v>16</v>
      </c>
      <c r="BH24" s="72">
        <v>34</v>
      </c>
      <c r="BI24" s="244"/>
      <c r="BJ24" s="71">
        <v>25</v>
      </c>
      <c r="BK24" s="71">
        <v>17</v>
      </c>
      <c r="BL24" s="71">
        <v>14</v>
      </c>
      <c r="BM24" s="71">
        <v>15</v>
      </c>
      <c r="BN24" s="71">
        <v>6</v>
      </c>
      <c r="BO24" s="72">
        <v>77</v>
      </c>
      <c r="BP24" s="73">
        <v>111</v>
      </c>
      <c r="BQ24" s="70">
        <v>12</v>
      </c>
      <c r="BR24" s="71">
        <v>12</v>
      </c>
      <c r="BS24" s="72">
        <v>24</v>
      </c>
      <c r="BT24" s="244"/>
      <c r="BU24" s="71">
        <v>15</v>
      </c>
      <c r="BV24" s="71">
        <v>19</v>
      </c>
      <c r="BW24" s="71">
        <v>15</v>
      </c>
      <c r="BX24" s="71">
        <v>7</v>
      </c>
      <c r="BY24" s="71">
        <v>6</v>
      </c>
      <c r="BZ24" s="72">
        <v>62</v>
      </c>
      <c r="CA24" s="73">
        <v>86</v>
      </c>
      <c r="CB24" s="70">
        <v>0</v>
      </c>
      <c r="CC24" s="71">
        <v>0</v>
      </c>
      <c r="CD24" s="72">
        <v>0</v>
      </c>
      <c r="CE24" s="244"/>
      <c r="CF24" s="71">
        <v>0</v>
      </c>
      <c r="CG24" s="71">
        <v>0</v>
      </c>
      <c r="CH24" s="71">
        <v>0</v>
      </c>
      <c r="CI24" s="71">
        <v>0</v>
      </c>
      <c r="CJ24" s="71">
        <v>0</v>
      </c>
      <c r="CK24" s="72">
        <v>0</v>
      </c>
      <c r="CL24" s="73">
        <v>0</v>
      </c>
      <c r="CM24" s="70">
        <v>46</v>
      </c>
      <c r="CN24" s="71">
        <v>50</v>
      </c>
      <c r="CO24" s="72">
        <v>96</v>
      </c>
      <c r="CP24" s="244"/>
      <c r="CQ24" s="71">
        <v>64</v>
      </c>
      <c r="CR24" s="71">
        <v>64</v>
      </c>
      <c r="CS24" s="71">
        <v>44</v>
      </c>
      <c r="CT24" s="71">
        <v>36</v>
      </c>
      <c r="CU24" s="71">
        <v>16</v>
      </c>
      <c r="CV24" s="72">
        <v>224</v>
      </c>
      <c r="CW24" s="73">
        <v>320</v>
      </c>
      <c r="CX24" s="123">
        <v>4</v>
      </c>
      <c r="CY24" s="82">
        <v>2</v>
      </c>
      <c r="CZ24" s="83">
        <v>6</v>
      </c>
      <c r="DA24" s="241"/>
      <c r="DB24" s="82">
        <v>7</v>
      </c>
      <c r="DC24" s="82">
        <v>7</v>
      </c>
      <c r="DD24" s="82">
        <v>11</v>
      </c>
      <c r="DE24" s="82">
        <v>7</v>
      </c>
      <c r="DF24" s="82">
        <v>6</v>
      </c>
      <c r="DG24" s="84">
        <v>38</v>
      </c>
      <c r="DH24" s="85">
        <v>44</v>
      </c>
      <c r="DI24" s="70">
        <v>0</v>
      </c>
      <c r="DJ24" s="71">
        <v>0</v>
      </c>
      <c r="DK24" s="72">
        <v>0</v>
      </c>
      <c r="DL24" s="244"/>
      <c r="DM24" s="71">
        <v>0</v>
      </c>
      <c r="DN24" s="71">
        <v>1</v>
      </c>
      <c r="DO24" s="71">
        <v>1</v>
      </c>
      <c r="DP24" s="71">
        <v>0</v>
      </c>
      <c r="DQ24" s="71">
        <v>0</v>
      </c>
      <c r="DR24" s="72">
        <v>2</v>
      </c>
      <c r="DS24" s="73">
        <v>2</v>
      </c>
      <c r="DT24" s="70">
        <v>0</v>
      </c>
      <c r="DU24" s="71">
        <v>0</v>
      </c>
      <c r="DV24" s="72">
        <v>0</v>
      </c>
      <c r="DW24" s="244"/>
      <c r="DX24" s="71">
        <v>0</v>
      </c>
      <c r="DY24" s="71">
        <v>0</v>
      </c>
      <c r="DZ24" s="71">
        <v>0</v>
      </c>
      <c r="EA24" s="71">
        <v>0</v>
      </c>
      <c r="EB24" s="71">
        <v>0</v>
      </c>
      <c r="EC24" s="72">
        <v>0</v>
      </c>
      <c r="ED24" s="73">
        <v>0</v>
      </c>
      <c r="EE24" s="70">
        <v>0</v>
      </c>
      <c r="EF24" s="71">
        <v>1</v>
      </c>
      <c r="EG24" s="72">
        <v>1</v>
      </c>
      <c r="EH24" s="244"/>
      <c r="EI24" s="71">
        <v>0</v>
      </c>
      <c r="EJ24" s="71">
        <v>0</v>
      </c>
      <c r="EK24" s="71">
        <v>0</v>
      </c>
      <c r="EL24" s="71">
        <v>0</v>
      </c>
      <c r="EM24" s="71">
        <v>0</v>
      </c>
      <c r="EN24" s="72">
        <v>0</v>
      </c>
      <c r="EO24" s="73">
        <v>1</v>
      </c>
      <c r="EP24" s="70">
        <v>0</v>
      </c>
      <c r="EQ24" s="71">
        <v>0</v>
      </c>
      <c r="ER24" s="72">
        <v>0</v>
      </c>
      <c r="ES24" s="244"/>
      <c r="ET24" s="71">
        <v>2</v>
      </c>
      <c r="EU24" s="71">
        <v>1</v>
      </c>
      <c r="EV24" s="71">
        <v>1</v>
      </c>
      <c r="EW24" s="71">
        <v>2</v>
      </c>
      <c r="EX24" s="71">
        <v>0</v>
      </c>
      <c r="EY24" s="72">
        <v>6</v>
      </c>
      <c r="EZ24" s="73">
        <v>6</v>
      </c>
      <c r="FA24" s="70">
        <v>2</v>
      </c>
      <c r="FB24" s="71">
        <v>1</v>
      </c>
      <c r="FC24" s="72">
        <v>3</v>
      </c>
      <c r="FD24" s="244"/>
      <c r="FE24" s="71">
        <v>3</v>
      </c>
      <c r="FF24" s="71">
        <v>1</v>
      </c>
      <c r="FG24" s="71">
        <v>3</v>
      </c>
      <c r="FH24" s="71">
        <v>2</v>
      </c>
      <c r="FI24" s="71">
        <v>3</v>
      </c>
      <c r="FJ24" s="72">
        <v>12</v>
      </c>
      <c r="FK24" s="73">
        <v>15</v>
      </c>
      <c r="FL24" s="70">
        <v>2</v>
      </c>
      <c r="FM24" s="71">
        <v>0</v>
      </c>
      <c r="FN24" s="72">
        <v>2</v>
      </c>
      <c r="FO24" s="244"/>
      <c r="FP24" s="71">
        <v>2</v>
      </c>
      <c r="FQ24" s="71">
        <v>4</v>
      </c>
      <c r="FR24" s="71">
        <v>6</v>
      </c>
      <c r="FS24" s="71">
        <v>3</v>
      </c>
      <c r="FT24" s="71">
        <v>3</v>
      </c>
      <c r="FU24" s="72">
        <v>18</v>
      </c>
      <c r="FV24" s="73">
        <v>20</v>
      </c>
      <c r="FW24" s="70">
        <v>0</v>
      </c>
      <c r="FX24" s="71">
        <v>0</v>
      </c>
      <c r="FY24" s="72">
        <v>0</v>
      </c>
      <c r="FZ24" s="244"/>
      <c r="GA24" s="71">
        <v>0</v>
      </c>
      <c r="GB24" s="71">
        <v>0</v>
      </c>
      <c r="GC24" s="71">
        <v>0</v>
      </c>
      <c r="GD24" s="71">
        <v>0</v>
      </c>
      <c r="GE24" s="71">
        <v>0</v>
      </c>
      <c r="GF24" s="72">
        <v>0</v>
      </c>
      <c r="GG24" s="73">
        <v>0</v>
      </c>
      <c r="GH24" s="70">
        <v>4</v>
      </c>
      <c r="GI24" s="71">
        <v>2</v>
      </c>
      <c r="GJ24" s="72">
        <v>6</v>
      </c>
      <c r="GK24" s="244"/>
      <c r="GL24" s="71">
        <v>7</v>
      </c>
      <c r="GM24" s="71">
        <v>7</v>
      </c>
      <c r="GN24" s="71">
        <v>11</v>
      </c>
      <c r="GO24" s="71">
        <v>7</v>
      </c>
      <c r="GP24" s="71">
        <v>6</v>
      </c>
      <c r="GQ24" s="72">
        <v>38</v>
      </c>
      <c r="GR24" s="73">
        <v>44</v>
      </c>
      <c r="GS24" s="123">
        <v>50</v>
      </c>
      <c r="GT24" s="82">
        <v>52</v>
      </c>
      <c r="GU24" s="83">
        <v>102</v>
      </c>
      <c r="GV24" s="241"/>
      <c r="GW24" s="82">
        <v>71</v>
      </c>
      <c r="GX24" s="82">
        <v>71</v>
      </c>
      <c r="GY24" s="82">
        <v>55</v>
      </c>
      <c r="GZ24" s="82">
        <v>43</v>
      </c>
      <c r="HA24" s="82">
        <v>22</v>
      </c>
      <c r="HB24" s="84">
        <v>262</v>
      </c>
      <c r="HC24" s="85">
        <v>364</v>
      </c>
      <c r="HD24" s="70">
        <v>0</v>
      </c>
      <c r="HE24" s="71">
        <v>2</v>
      </c>
      <c r="HF24" s="72">
        <v>2</v>
      </c>
      <c r="HG24" s="244"/>
      <c r="HH24" s="71">
        <v>0</v>
      </c>
      <c r="HI24" s="71">
        <v>3</v>
      </c>
      <c r="HJ24" s="71">
        <v>1</v>
      </c>
      <c r="HK24" s="71">
        <v>2</v>
      </c>
      <c r="HL24" s="71">
        <v>0</v>
      </c>
      <c r="HM24" s="72">
        <v>6</v>
      </c>
      <c r="HN24" s="73">
        <v>8</v>
      </c>
      <c r="HO24" s="70">
        <v>4</v>
      </c>
      <c r="HP24" s="71">
        <v>3</v>
      </c>
      <c r="HQ24" s="72">
        <v>7</v>
      </c>
      <c r="HR24" s="244"/>
      <c r="HS24" s="71">
        <v>4</v>
      </c>
      <c r="HT24" s="71">
        <v>5</v>
      </c>
      <c r="HU24" s="71">
        <v>4</v>
      </c>
      <c r="HV24" s="71">
        <v>1</v>
      </c>
      <c r="HW24" s="71">
        <v>0</v>
      </c>
      <c r="HX24" s="72">
        <v>14</v>
      </c>
      <c r="HY24" s="73">
        <v>21</v>
      </c>
      <c r="HZ24" s="70">
        <v>3</v>
      </c>
      <c r="IA24" s="71">
        <v>8</v>
      </c>
      <c r="IB24" s="72">
        <v>11</v>
      </c>
      <c r="IC24" s="244"/>
      <c r="ID24" s="71">
        <v>7</v>
      </c>
      <c r="IE24" s="71">
        <v>5</v>
      </c>
      <c r="IF24" s="71">
        <v>5</v>
      </c>
      <c r="IG24" s="71">
        <v>3</v>
      </c>
      <c r="IH24" s="71">
        <v>1</v>
      </c>
      <c r="II24" s="72">
        <v>21</v>
      </c>
      <c r="IJ24" s="73">
        <v>32</v>
      </c>
      <c r="IK24" s="70">
        <v>9</v>
      </c>
      <c r="IL24" s="71">
        <v>10</v>
      </c>
      <c r="IM24" s="72">
        <v>19</v>
      </c>
      <c r="IN24" s="244"/>
      <c r="IO24" s="71">
        <v>15</v>
      </c>
      <c r="IP24" s="71">
        <v>17</v>
      </c>
      <c r="IQ24" s="71">
        <v>7</v>
      </c>
      <c r="IR24" s="71">
        <v>10</v>
      </c>
      <c r="IS24" s="71">
        <v>3</v>
      </c>
      <c r="IT24" s="72">
        <v>52</v>
      </c>
      <c r="IU24" s="73">
        <v>71</v>
      </c>
      <c r="IV24" s="70">
        <v>20</v>
      </c>
      <c r="IW24" s="71">
        <v>17</v>
      </c>
      <c r="IX24" s="72">
        <v>37</v>
      </c>
      <c r="IY24" s="244"/>
      <c r="IZ24" s="71">
        <v>28</v>
      </c>
      <c r="JA24" s="71">
        <v>18</v>
      </c>
      <c r="JB24" s="71">
        <v>17</v>
      </c>
      <c r="JC24" s="71">
        <v>17</v>
      </c>
      <c r="JD24" s="71">
        <v>9</v>
      </c>
      <c r="JE24" s="72">
        <v>89</v>
      </c>
      <c r="JF24" s="73">
        <v>126</v>
      </c>
      <c r="JG24" s="70">
        <v>14</v>
      </c>
      <c r="JH24" s="71">
        <v>12</v>
      </c>
      <c r="JI24" s="72">
        <v>26</v>
      </c>
      <c r="JJ24" s="244"/>
      <c r="JK24" s="71">
        <v>17</v>
      </c>
      <c r="JL24" s="71">
        <v>23</v>
      </c>
      <c r="JM24" s="71">
        <v>21</v>
      </c>
      <c r="JN24" s="71">
        <v>10</v>
      </c>
      <c r="JO24" s="71">
        <v>9</v>
      </c>
      <c r="JP24" s="72">
        <v>80</v>
      </c>
      <c r="JQ24" s="73">
        <v>106</v>
      </c>
      <c r="JR24" s="70">
        <v>0</v>
      </c>
      <c r="JS24" s="71">
        <v>0</v>
      </c>
      <c r="JT24" s="72">
        <v>0</v>
      </c>
      <c r="JU24" s="244"/>
      <c r="JV24" s="71">
        <v>0</v>
      </c>
      <c r="JW24" s="71">
        <v>0</v>
      </c>
      <c r="JX24" s="71">
        <v>0</v>
      </c>
      <c r="JY24" s="71">
        <v>0</v>
      </c>
      <c r="JZ24" s="71">
        <v>0</v>
      </c>
      <c r="KA24" s="72">
        <v>0</v>
      </c>
      <c r="KB24" s="73">
        <v>0</v>
      </c>
      <c r="KC24" s="70">
        <v>50</v>
      </c>
      <c r="KD24" s="71">
        <v>52</v>
      </c>
      <c r="KE24" s="72">
        <v>102</v>
      </c>
      <c r="KF24" s="244"/>
      <c r="KG24" s="71">
        <v>71</v>
      </c>
      <c r="KH24" s="71">
        <v>71</v>
      </c>
      <c r="KI24" s="71">
        <v>55</v>
      </c>
      <c r="KJ24" s="71">
        <v>43</v>
      </c>
      <c r="KK24" s="71">
        <v>22</v>
      </c>
      <c r="KL24" s="72">
        <v>262</v>
      </c>
      <c r="KM24" s="73">
        <v>364</v>
      </c>
    </row>
    <row r="25" spans="2:299" ht="19.5" customHeight="1" x14ac:dyDescent="0.2">
      <c r="B25" s="126" t="s">
        <v>22</v>
      </c>
      <c r="C25" s="316">
        <v>26</v>
      </c>
      <c r="D25" s="82">
        <v>16</v>
      </c>
      <c r="E25" s="83">
        <v>42</v>
      </c>
      <c r="F25" s="241"/>
      <c r="G25" s="82">
        <v>36</v>
      </c>
      <c r="H25" s="82">
        <v>35</v>
      </c>
      <c r="I25" s="82">
        <v>17</v>
      </c>
      <c r="J25" s="82">
        <v>19</v>
      </c>
      <c r="K25" s="82">
        <v>5</v>
      </c>
      <c r="L25" s="84">
        <v>112</v>
      </c>
      <c r="M25" s="85">
        <v>154</v>
      </c>
      <c r="N25" s="70">
        <v>1</v>
      </c>
      <c r="O25" s="71">
        <v>0</v>
      </c>
      <c r="P25" s="72">
        <v>1</v>
      </c>
      <c r="Q25" s="244"/>
      <c r="R25" s="71">
        <v>0</v>
      </c>
      <c r="S25" s="71">
        <v>1</v>
      </c>
      <c r="T25" s="71">
        <v>0</v>
      </c>
      <c r="U25" s="71">
        <v>0</v>
      </c>
      <c r="V25" s="71">
        <v>0</v>
      </c>
      <c r="W25" s="72">
        <v>1</v>
      </c>
      <c r="X25" s="73">
        <v>2</v>
      </c>
      <c r="Y25" s="70">
        <v>1</v>
      </c>
      <c r="Z25" s="71">
        <v>1</v>
      </c>
      <c r="AA25" s="72">
        <v>2</v>
      </c>
      <c r="AB25" s="244"/>
      <c r="AC25" s="71">
        <v>2</v>
      </c>
      <c r="AD25" s="71">
        <v>1</v>
      </c>
      <c r="AE25" s="71">
        <v>1</v>
      </c>
      <c r="AF25" s="71">
        <v>2</v>
      </c>
      <c r="AG25" s="71">
        <v>0</v>
      </c>
      <c r="AH25" s="72">
        <v>6</v>
      </c>
      <c r="AI25" s="73">
        <v>8</v>
      </c>
      <c r="AJ25" s="70">
        <v>2</v>
      </c>
      <c r="AK25" s="71">
        <v>1</v>
      </c>
      <c r="AL25" s="72">
        <v>3</v>
      </c>
      <c r="AM25" s="244"/>
      <c r="AN25" s="71">
        <v>3</v>
      </c>
      <c r="AO25" s="71">
        <v>2</v>
      </c>
      <c r="AP25" s="71">
        <v>4</v>
      </c>
      <c r="AQ25" s="71">
        <v>0</v>
      </c>
      <c r="AR25" s="71">
        <v>1</v>
      </c>
      <c r="AS25" s="72">
        <v>10</v>
      </c>
      <c r="AT25" s="73">
        <v>13</v>
      </c>
      <c r="AU25" s="70">
        <v>5</v>
      </c>
      <c r="AV25" s="71">
        <v>0</v>
      </c>
      <c r="AW25" s="72">
        <v>5</v>
      </c>
      <c r="AX25" s="244"/>
      <c r="AY25" s="71">
        <v>6</v>
      </c>
      <c r="AZ25" s="71">
        <v>10</v>
      </c>
      <c r="BA25" s="71">
        <v>3</v>
      </c>
      <c r="BB25" s="71">
        <v>8</v>
      </c>
      <c r="BC25" s="71">
        <v>2</v>
      </c>
      <c r="BD25" s="72">
        <v>29</v>
      </c>
      <c r="BE25" s="73">
        <v>34</v>
      </c>
      <c r="BF25" s="70">
        <v>7</v>
      </c>
      <c r="BG25" s="71">
        <v>10</v>
      </c>
      <c r="BH25" s="72">
        <v>17</v>
      </c>
      <c r="BI25" s="244"/>
      <c r="BJ25" s="71">
        <v>13</v>
      </c>
      <c r="BK25" s="71">
        <v>11</v>
      </c>
      <c r="BL25" s="71">
        <v>4</v>
      </c>
      <c r="BM25" s="71">
        <v>4</v>
      </c>
      <c r="BN25" s="71">
        <v>0</v>
      </c>
      <c r="BO25" s="72">
        <v>32</v>
      </c>
      <c r="BP25" s="73">
        <v>49</v>
      </c>
      <c r="BQ25" s="70">
        <v>10</v>
      </c>
      <c r="BR25" s="71">
        <v>4</v>
      </c>
      <c r="BS25" s="72">
        <v>14</v>
      </c>
      <c r="BT25" s="244"/>
      <c r="BU25" s="71">
        <v>12</v>
      </c>
      <c r="BV25" s="71">
        <v>10</v>
      </c>
      <c r="BW25" s="71">
        <v>5</v>
      </c>
      <c r="BX25" s="71">
        <v>5</v>
      </c>
      <c r="BY25" s="71">
        <v>2</v>
      </c>
      <c r="BZ25" s="72">
        <v>34</v>
      </c>
      <c r="CA25" s="73">
        <v>48</v>
      </c>
      <c r="CB25" s="70">
        <v>0</v>
      </c>
      <c r="CC25" s="71">
        <v>0</v>
      </c>
      <c r="CD25" s="72">
        <v>0</v>
      </c>
      <c r="CE25" s="244"/>
      <c r="CF25" s="71">
        <v>0</v>
      </c>
      <c r="CG25" s="71">
        <v>0</v>
      </c>
      <c r="CH25" s="71">
        <v>0</v>
      </c>
      <c r="CI25" s="71">
        <v>0</v>
      </c>
      <c r="CJ25" s="71">
        <v>0</v>
      </c>
      <c r="CK25" s="72">
        <v>0</v>
      </c>
      <c r="CL25" s="73">
        <v>0</v>
      </c>
      <c r="CM25" s="70">
        <v>26</v>
      </c>
      <c r="CN25" s="71">
        <v>16</v>
      </c>
      <c r="CO25" s="72">
        <v>42</v>
      </c>
      <c r="CP25" s="244"/>
      <c r="CQ25" s="71">
        <v>36</v>
      </c>
      <c r="CR25" s="71">
        <v>35</v>
      </c>
      <c r="CS25" s="71">
        <v>17</v>
      </c>
      <c r="CT25" s="71">
        <v>19</v>
      </c>
      <c r="CU25" s="71">
        <v>5</v>
      </c>
      <c r="CV25" s="72">
        <v>112</v>
      </c>
      <c r="CW25" s="73">
        <v>154</v>
      </c>
      <c r="CX25" s="123">
        <v>2</v>
      </c>
      <c r="CY25" s="82">
        <v>3</v>
      </c>
      <c r="CZ25" s="83">
        <v>5</v>
      </c>
      <c r="DA25" s="241"/>
      <c r="DB25" s="82">
        <v>5</v>
      </c>
      <c r="DC25" s="82">
        <v>5</v>
      </c>
      <c r="DD25" s="82">
        <v>1</v>
      </c>
      <c r="DE25" s="82">
        <v>3</v>
      </c>
      <c r="DF25" s="82">
        <v>2</v>
      </c>
      <c r="DG25" s="84">
        <v>16</v>
      </c>
      <c r="DH25" s="85">
        <v>21</v>
      </c>
      <c r="DI25" s="70">
        <v>0</v>
      </c>
      <c r="DJ25" s="71">
        <v>0</v>
      </c>
      <c r="DK25" s="72">
        <v>0</v>
      </c>
      <c r="DL25" s="244"/>
      <c r="DM25" s="71">
        <v>0</v>
      </c>
      <c r="DN25" s="71">
        <v>0</v>
      </c>
      <c r="DO25" s="71">
        <v>0</v>
      </c>
      <c r="DP25" s="71">
        <v>0</v>
      </c>
      <c r="DQ25" s="71">
        <v>0</v>
      </c>
      <c r="DR25" s="72">
        <v>0</v>
      </c>
      <c r="DS25" s="73">
        <v>0</v>
      </c>
      <c r="DT25" s="70">
        <v>0</v>
      </c>
      <c r="DU25" s="71">
        <v>0</v>
      </c>
      <c r="DV25" s="72">
        <v>0</v>
      </c>
      <c r="DW25" s="244"/>
      <c r="DX25" s="71">
        <v>0</v>
      </c>
      <c r="DY25" s="71">
        <v>0</v>
      </c>
      <c r="DZ25" s="71">
        <v>0</v>
      </c>
      <c r="EA25" s="71">
        <v>0</v>
      </c>
      <c r="EB25" s="71">
        <v>0</v>
      </c>
      <c r="EC25" s="72">
        <v>0</v>
      </c>
      <c r="ED25" s="73">
        <v>0</v>
      </c>
      <c r="EE25" s="70">
        <v>1</v>
      </c>
      <c r="EF25" s="71">
        <v>1</v>
      </c>
      <c r="EG25" s="72">
        <v>2</v>
      </c>
      <c r="EH25" s="244"/>
      <c r="EI25" s="71">
        <v>1</v>
      </c>
      <c r="EJ25" s="71">
        <v>0</v>
      </c>
      <c r="EK25" s="71">
        <v>1</v>
      </c>
      <c r="EL25" s="71">
        <v>0</v>
      </c>
      <c r="EM25" s="71">
        <v>0</v>
      </c>
      <c r="EN25" s="72">
        <v>2</v>
      </c>
      <c r="EO25" s="73">
        <v>4</v>
      </c>
      <c r="EP25" s="70">
        <v>0</v>
      </c>
      <c r="EQ25" s="71">
        <v>0</v>
      </c>
      <c r="ER25" s="72">
        <v>0</v>
      </c>
      <c r="ES25" s="244"/>
      <c r="ET25" s="71">
        <v>2</v>
      </c>
      <c r="EU25" s="71">
        <v>0</v>
      </c>
      <c r="EV25" s="71">
        <v>0</v>
      </c>
      <c r="EW25" s="71">
        <v>0</v>
      </c>
      <c r="EX25" s="71">
        <v>1</v>
      </c>
      <c r="EY25" s="72">
        <v>3</v>
      </c>
      <c r="EZ25" s="73">
        <v>3</v>
      </c>
      <c r="FA25" s="70">
        <v>0</v>
      </c>
      <c r="FB25" s="71">
        <v>1</v>
      </c>
      <c r="FC25" s="72">
        <v>1</v>
      </c>
      <c r="FD25" s="244"/>
      <c r="FE25" s="71">
        <v>1</v>
      </c>
      <c r="FF25" s="71">
        <v>2</v>
      </c>
      <c r="FG25" s="71">
        <v>0</v>
      </c>
      <c r="FH25" s="71">
        <v>0</v>
      </c>
      <c r="FI25" s="71">
        <v>0</v>
      </c>
      <c r="FJ25" s="72">
        <v>3</v>
      </c>
      <c r="FK25" s="73">
        <v>4</v>
      </c>
      <c r="FL25" s="70">
        <v>1</v>
      </c>
      <c r="FM25" s="71">
        <v>1</v>
      </c>
      <c r="FN25" s="72">
        <v>2</v>
      </c>
      <c r="FO25" s="244"/>
      <c r="FP25" s="71">
        <v>1</v>
      </c>
      <c r="FQ25" s="71">
        <v>3</v>
      </c>
      <c r="FR25" s="71">
        <v>0</v>
      </c>
      <c r="FS25" s="71">
        <v>3</v>
      </c>
      <c r="FT25" s="71">
        <v>1</v>
      </c>
      <c r="FU25" s="72">
        <v>8</v>
      </c>
      <c r="FV25" s="73">
        <v>10</v>
      </c>
      <c r="FW25" s="70">
        <v>0</v>
      </c>
      <c r="FX25" s="71">
        <v>0</v>
      </c>
      <c r="FY25" s="72">
        <v>0</v>
      </c>
      <c r="FZ25" s="244"/>
      <c r="GA25" s="71">
        <v>0</v>
      </c>
      <c r="GB25" s="71">
        <v>0</v>
      </c>
      <c r="GC25" s="71">
        <v>0</v>
      </c>
      <c r="GD25" s="71">
        <v>0</v>
      </c>
      <c r="GE25" s="71">
        <v>0</v>
      </c>
      <c r="GF25" s="72">
        <v>0</v>
      </c>
      <c r="GG25" s="73">
        <v>0</v>
      </c>
      <c r="GH25" s="70">
        <v>2</v>
      </c>
      <c r="GI25" s="71">
        <v>3</v>
      </c>
      <c r="GJ25" s="72">
        <v>5</v>
      </c>
      <c r="GK25" s="244"/>
      <c r="GL25" s="71">
        <v>5</v>
      </c>
      <c r="GM25" s="71">
        <v>5</v>
      </c>
      <c r="GN25" s="71">
        <v>1</v>
      </c>
      <c r="GO25" s="71">
        <v>3</v>
      </c>
      <c r="GP25" s="71">
        <v>2</v>
      </c>
      <c r="GQ25" s="72">
        <v>16</v>
      </c>
      <c r="GR25" s="73">
        <v>21</v>
      </c>
      <c r="GS25" s="123">
        <v>28</v>
      </c>
      <c r="GT25" s="82">
        <v>19</v>
      </c>
      <c r="GU25" s="83">
        <v>47</v>
      </c>
      <c r="GV25" s="241"/>
      <c r="GW25" s="82">
        <v>41</v>
      </c>
      <c r="GX25" s="82">
        <v>40</v>
      </c>
      <c r="GY25" s="82">
        <v>18</v>
      </c>
      <c r="GZ25" s="82">
        <v>22</v>
      </c>
      <c r="HA25" s="82">
        <v>7</v>
      </c>
      <c r="HB25" s="84">
        <v>128</v>
      </c>
      <c r="HC25" s="85">
        <v>175</v>
      </c>
      <c r="HD25" s="70">
        <v>1</v>
      </c>
      <c r="HE25" s="71">
        <v>0</v>
      </c>
      <c r="HF25" s="72">
        <v>1</v>
      </c>
      <c r="HG25" s="244"/>
      <c r="HH25" s="71">
        <v>0</v>
      </c>
      <c r="HI25" s="71">
        <v>1</v>
      </c>
      <c r="HJ25" s="71">
        <v>0</v>
      </c>
      <c r="HK25" s="71">
        <v>0</v>
      </c>
      <c r="HL25" s="71">
        <v>0</v>
      </c>
      <c r="HM25" s="72">
        <v>1</v>
      </c>
      <c r="HN25" s="73">
        <v>2</v>
      </c>
      <c r="HO25" s="70">
        <v>1</v>
      </c>
      <c r="HP25" s="71">
        <v>1</v>
      </c>
      <c r="HQ25" s="72">
        <v>2</v>
      </c>
      <c r="HR25" s="244"/>
      <c r="HS25" s="71">
        <v>2</v>
      </c>
      <c r="HT25" s="71">
        <v>1</v>
      </c>
      <c r="HU25" s="71">
        <v>1</v>
      </c>
      <c r="HV25" s="71">
        <v>2</v>
      </c>
      <c r="HW25" s="71">
        <v>0</v>
      </c>
      <c r="HX25" s="72">
        <v>6</v>
      </c>
      <c r="HY25" s="73">
        <v>8</v>
      </c>
      <c r="HZ25" s="70">
        <v>3</v>
      </c>
      <c r="IA25" s="71">
        <v>2</v>
      </c>
      <c r="IB25" s="72">
        <v>5</v>
      </c>
      <c r="IC25" s="244"/>
      <c r="ID25" s="71">
        <v>4</v>
      </c>
      <c r="IE25" s="71">
        <v>2</v>
      </c>
      <c r="IF25" s="71">
        <v>5</v>
      </c>
      <c r="IG25" s="71">
        <v>0</v>
      </c>
      <c r="IH25" s="71">
        <v>1</v>
      </c>
      <c r="II25" s="72">
        <v>12</v>
      </c>
      <c r="IJ25" s="73">
        <v>17</v>
      </c>
      <c r="IK25" s="70">
        <v>5</v>
      </c>
      <c r="IL25" s="71">
        <v>0</v>
      </c>
      <c r="IM25" s="72">
        <v>5</v>
      </c>
      <c r="IN25" s="244"/>
      <c r="IO25" s="71">
        <v>8</v>
      </c>
      <c r="IP25" s="71">
        <v>10</v>
      </c>
      <c r="IQ25" s="71">
        <v>3</v>
      </c>
      <c r="IR25" s="71">
        <v>8</v>
      </c>
      <c r="IS25" s="71">
        <v>3</v>
      </c>
      <c r="IT25" s="72">
        <v>32</v>
      </c>
      <c r="IU25" s="73">
        <v>37</v>
      </c>
      <c r="IV25" s="70">
        <v>7</v>
      </c>
      <c r="IW25" s="71">
        <v>11</v>
      </c>
      <c r="IX25" s="72">
        <v>18</v>
      </c>
      <c r="IY25" s="244"/>
      <c r="IZ25" s="71">
        <v>14</v>
      </c>
      <c r="JA25" s="71">
        <v>13</v>
      </c>
      <c r="JB25" s="71">
        <v>4</v>
      </c>
      <c r="JC25" s="71">
        <v>4</v>
      </c>
      <c r="JD25" s="71">
        <v>0</v>
      </c>
      <c r="JE25" s="72">
        <v>35</v>
      </c>
      <c r="JF25" s="73">
        <v>53</v>
      </c>
      <c r="JG25" s="70">
        <v>11</v>
      </c>
      <c r="JH25" s="71">
        <v>5</v>
      </c>
      <c r="JI25" s="72">
        <v>16</v>
      </c>
      <c r="JJ25" s="244"/>
      <c r="JK25" s="71">
        <v>13</v>
      </c>
      <c r="JL25" s="71">
        <v>13</v>
      </c>
      <c r="JM25" s="71">
        <v>5</v>
      </c>
      <c r="JN25" s="71">
        <v>8</v>
      </c>
      <c r="JO25" s="71">
        <v>3</v>
      </c>
      <c r="JP25" s="72">
        <v>42</v>
      </c>
      <c r="JQ25" s="73">
        <v>58</v>
      </c>
      <c r="JR25" s="70">
        <v>0</v>
      </c>
      <c r="JS25" s="71">
        <v>0</v>
      </c>
      <c r="JT25" s="72">
        <v>0</v>
      </c>
      <c r="JU25" s="244"/>
      <c r="JV25" s="71">
        <v>0</v>
      </c>
      <c r="JW25" s="71">
        <v>0</v>
      </c>
      <c r="JX25" s="71">
        <v>0</v>
      </c>
      <c r="JY25" s="71">
        <v>0</v>
      </c>
      <c r="JZ25" s="71">
        <v>0</v>
      </c>
      <c r="KA25" s="72">
        <v>0</v>
      </c>
      <c r="KB25" s="73">
        <v>0</v>
      </c>
      <c r="KC25" s="70">
        <v>28</v>
      </c>
      <c r="KD25" s="71">
        <v>19</v>
      </c>
      <c r="KE25" s="72">
        <v>47</v>
      </c>
      <c r="KF25" s="244"/>
      <c r="KG25" s="71">
        <v>41</v>
      </c>
      <c r="KH25" s="71">
        <v>40</v>
      </c>
      <c r="KI25" s="71">
        <v>18</v>
      </c>
      <c r="KJ25" s="71">
        <v>22</v>
      </c>
      <c r="KK25" s="71">
        <v>7</v>
      </c>
      <c r="KL25" s="72">
        <v>128</v>
      </c>
      <c r="KM25" s="73">
        <v>175</v>
      </c>
    </row>
    <row r="26" spans="2:299" ht="19.5" customHeight="1" x14ac:dyDescent="0.2">
      <c r="B26" s="126" t="s">
        <v>23</v>
      </c>
      <c r="C26" s="316">
        <v>31</v>
      </c>
      <c r="D26" s="82">
        <v>31</v>
      </c>
      <c r="E26" s="83">
        <v>62</v>
      </c>
      <c r="F26" s="241"/>
      <c r="G26" s="82">
        <v>47</v>
      </c>
      <c r="H26" s="82">
        <v>35</v>
      </c>
      <c r="I26" s="82">
        <v>24</v>
      </c>
      <c r="J26" s="82">
        <v>17</v>
      </c>
      <c r="K26" s="82">
        <v>9</v>
      </c>
      <c r="L26" s="84">
        <v>132</v>
      </c>
      <c r="M26" s="85">
        <v>194</v>
      </c>
      <c r="N26" s="70">
        <v>0</v>
      </c>
      <c r="O26" s="71">
        <v>0</v>
      </c>
      <c r="P26" s="72">
        <v>0</v>
      </c>
      <c r="Q26" s="244"/>
      <c r="R26" s="71">
        <v>3</v>
      </c>
      <c r="S26" s="71">
        <v>1</v>
      </c>
      <c r="T26" s="71">
        <v>1</v>
      </c>
      <c r="U26" s="71">
        <v>0</v>
      </c>
      <c r="V26" s="71">
        <v>0</v>
      </c>
      <c r="W26" s="72">
        <v>5</v>
      </c>
      <c r="X26" s="73">
        <v>5</v>
      </c>
      <c r="Y26" s="70">
        <v>2</v>
      </c>
      <c r="Z26" s="71">
        <v>1</v>
      </c>
      <c r="AA26" s="72">
        <v>3</v>
      </c>
      <c r="AB26" s="244"/>
      <c r="AC26" s="71">
        <v>2</v>
      </c>
      <c r="AD26" s="71">
        <v>2</v>
      </c>
      <c r="AE26" s="71">
        <v>0</v>
      </c>
      <c r="AF26" s="71">
        <v>2</v>
      </c>
      <c r="AG26" s="71">
        <v>3</v>
      </c>
      <c r="AH26" s="72">
        <v>9</v>
      </c>
      <c r="AI26" s="73">
        <v>12</v>
      </c>
      <c r="AJ26" s="70">
        <v>3</v>
      </c>
      <c r="AK26" s="71">
        <v>5</v>
      </c>
      <c r="AL26" s="72">
        <v>8</v>
      </c>
      <c r="AM26" s="244"/>
      <c r="AN26" s="71">
        <v>5</v>
      </c>
      <c r="AO26" s="71">
        <v>5</v>
      </c>
      <c r="AP26" s="71">
        <v>1</v>
      </c>
      <c r="AQ26" s="71">
        <v>2</v>
      </c>
      <c r="AR26" s="71">
        <v>2</v>
      </c>
      <c r="AS26" s="72">
        <v>15</v>
      </c>
      <c r="AT26" s="73">
        <v>23</v>
      </c>
      <c r="AU26" s="70">
        <v>11</v>
      </c>
      <c r="AV26" s="71">
        <v>7</v>
      </c>
      <c r="AW26" s="72">
        <v>18</v>
      </c>
      <c r="AX26" s="244"/>
      <c r="AY26" s="71">
        <v>16</v>
      </c>
      <c r="AZ26" s="71">
        <v>11</v>
      </c>
      <c r="BA26" s="71">
        <v>7</v>
      </c>
      <c r="BB26" s="71">
        <v>5</v>
      </c>
      <c r="BC26" s="71">
        <v>1</v>
      </c>
      <c r="BD26" s="72">
        <v>40</v>
      </c>
      <c r="BE26" s="73">
        <v>58</v>
      </c>
      <c r="BF26" s="70">
        <v>12</v>
      </c>
      <c r="BG26" s="71">
        <v>9</v>
      </c>
      <c r="BH26" s="72">
        <v>21</v>
      </c>
      <c r="BI26" s="244"/>
      <c r="BJ26" s="71">
        <v>14</v>
      </c>
      <c r="BK26" s="71">
        <v>7</v>
      </c>
      <c r="BL26" s="71">
        <v>5</v>
      </c>
      <c r="BM26" s="71">
        <v>4</v>
      </c>
      <c r="BN26" s="71">
        <v>1</v>
      </c>
      <c r="BO26" s="72">
        <v>31</v>
      </c>
      <c r="BP26" s="73">
        <v>52</v>
      </c>
      <c r="BQ26" s="70">
        <v>3</v>
      </c>
      <c r="BR26" s="71">
        <v>9</v>
      </c>
      <c r="BS26" s="72">
        <v>12</v>
      </c>
      <c r="BT26" s="244"/>
      <c r="BU26" s="71">
        <v>7</v>
      </c>
      <c r="BV26" s="71">
        <v>9</v>
      </c>
      <c r="BW26" s="71">
        <v>10</v>
      </c>
      <c r="BX26" s="71">
        <v>4</v>
      </c>
      <c r="BY26" s="71">
        <v>2</v>
      </c>
      <c r="BZ26" s="72">
        <v>32</v>
      </c>
      <c r="CA26" s="73">
        <v>44</v>
      </c>
      <c r="CB26" s="70">
        <v>0</v>
      </c>
      <c r="CC26" s="71">
        <v>0</v>
      </c>
      <c r="CD26" s="72">
        <v>0</v>
      </c>
      <c r="CE26" s="244"/>
      <c r="CF26" s="71">
        <v>0</v>
      </c>
      <c r="CG26" s="71">
        <v>0</v>
      </c>
      <c r="CH26" s="71">
        <v>0</v>
      </c>
      <c r="CI26" s="71">
        <v>0</v>
      </c>
      <c r="CJ26" s="71">
        <v>0</v>
      </c>
      <c r="CK26" s="72">
        <v>0</v>
      </c>
      <c r="CL26" s="73">
        <v>0</v>
      </c>
      <c r="CM26" s="70">
        <v>31</v>
      </c>
      <c r="CN26" s="71">
        <v>31</v>
      </c>
      <c r="CO26" s="72">
        <v>62</v>
      </c>
      <c r="CP26" s="244"/>
      <c r="CQ26" s="71">
        <v>47</v>
      </c>
      <c r="CR26" s="71">
        <v>35</v>
      </c>
      <c r="CS26" s="71">
        <v>24</v>
      </c>
      <c r="CT26" s="71">
        <v>17</v>
      </c>
      <c r="CU26" s="71">
        <v>9</v>
      </c>
      <c r="CV26" s="72">
        <v>132</v>
      </c>
      <c r="CW26" s="73">
        <v>194</v>
      </c>
      <c r="CX26" s="123">
        <v>3</v>
      </c>
      <c r="CY26" s="82">
        <v>4</v>
      </c>
      <c r="CZ26" s="83">
        <v>7</v>
      </c>
      <c r="DA26" s="241"/>
      <c r="DB26" s="82">
        <v>5</v>
      </c>
      <c r="DC26" s="82">
        <v>7</v>
      </c>
      <c r="DD26" s="82">
        <v>3</v>
      </c>
      <c r="DE26" s="82">
        <v>3</v>
      </c>
      <c r="DF26" s="82">
        <v>3</v>
      </c>
      <c r="DG26" s="84">
        <v>21</v>
      </c>
      <c r="DH26" s="85">
        <v>28</v>
      </c>
      <c r="DI26" s="70">
        <v>0</v>
      </c>
      <c r="DJ26" s="71">
        <v>0</v>
      </c>
      <c r="DK26" s="72">
        <v>0</v>
      </c>
      <c r="DL26" s="244"/>
      <c r="DM26" s="71">
        <v>0</v>
      </c>
      <c r="DN26" s="71">
        <v>1</v>
      </c>
      <c r="DO26" s="71">
        <v>0</v>
      </c>
      <c r="DP26" s="71">
        <v>1</v>
      </c>
      <c r="DQ26" s="71">
        <v>0</v>
      </c>
      <c r="DR26" s="72">
        <v>2</v>
      </c>
      <c r="DS26" s="73">
        <v>2</v>
      </c>
      <c r="DT26" s="70">
        <v>0</v>
      </c>
      <c r="DU26" s="71">
        <v>1</v>
      </c>
      <c r="DV26" s="72">
        <v>1</v>
      </c>
      <c r="DW26" s="244"/>
      <c r="DX26" s="71">
        <v>1</v>
      </c>
      <c r="DY26" s="71">
        <v>1</v>
      </c>
      <c r="DZ26" s="71">
        <v>1</v>
      </c>
      <c r="EA26" s="71">
        <v>0</v>
      </c>
      <c r="EB26" s="71">
        <v>1</v>
      </c>
      <c r="EC26" s="72">
        <v>4</v>
      </c>
      <c r="ED26" s="73">
        <v>5</v>
      </c>
      <c r="EE26" s="70">
        <v>1</v>
      </c>
      <c r="EF26" s="71">
        <v>1</v>
      </c>
      <c r="EG26" s="72">
        <v>2</v>
      </c>
      <c r="EH26" s="244"/>
      <c r="EI26" s="71">
        <v>0</v>
      </c>
      <c r="EJ26" s="71">
        <v>1</v>
      </c>
      <c r="EK26" s="71">
        <v>0</v>
      </c>
      <c r="EL26" s="71">
        <v>1</v>
      </c>
      <c r="EM26" s="71">
        <v>0</v>
      </c>
      <c r="EN26" s="72">
        <v>2</v>
      </c>
      <c r="EO26" s="73">
        <v>4</v>
      </c>
      <c r="EP26" s="70">
        <v>0</v>
      </c>
      <c r="EQ26" s="71">
        <v>1</v>
      </c>
      <c r="ER26" s="72">
        <v>1</v>
      </c>
      <c r="ES26" s="244"/>
      <c r="ET26" s="71">
        <v>4</v>
      </c>
      <c r="EU26" s="71">
        <v>1</v>
      </c>
      <c r="EV26" s="71">
        <v>0</v>
      </c>
      <c r="EW26" s="71">
        <v>0</v>
      </c>
      <c r="EX26" s="71">
        <v>0</v>
      </c>
      <c r="EY26" s="72">
        <v>5</v>
      </c>
      <c r="EZ26" s="73">
        <v>6</v>
      </c>
      <c r="FA26" s="70">
        <v>2</v>
      </c>
      <c r="FB26" s="71">
        <v>1</v>
      </c>
      <c r="FC26" s="72">
        <v>3</v>
      </c>
      <c r="FD26" s="244"/>
      <c r="FE26" s="71">
        <v>0</v>
      </c>
      <c r="FF26" s="71">
        <v>2</v>
      </c>
      <c r="FG26" s="71">
        <v>1</v>
      </c>
      <c r="FH26" s="71">
        <v>1</v>
      </c>
      <c r="FI26" s="71">
        <v>1</v>
      </c>
      <c r="FJ26" s="72">
        <v>5</v>
      </c>
      <c r="FK26" s="73">
        <v>8</v>
      </c>
      <c r="FL26" s="70">
        <v>0</v>
      </c>
      <c r="FM26" s="71">
        <v>0</v>
      </c>
      <c r="FN26" s="72">
        <v>0</v>
      </c>
      <c r="FO26" s="244"/>
      <c r="FP26" s="71">
        <v>0</v>
      </c>
      <c r="FQ26" s="71">
        <v>1</v>
      </c>
      <c r="FR26" s="71">
        <v>1</v>
      </c>
      <c r="FS26" s="71">
        <v>0</v>
      </c>
      <c r="FT26" s="71">
        <v>1</v>
      </c>
      <c r="FU26" s="72">
        <v>3</v>
      </c>
      <c r="FV26" s="73">
        <v>3</v>
      </c>
      <c r="FW26" s="70">
        <v>0</v>
      </c>
      <c r="FX26" s="71">
        <v>0</v>
      </c>
      <c r="FY26" s="72">
        <v>0</v>
      </c>
      <c r="FZ26" s="244"/>
      <c r="GA26" s="71">
        <v>0</v>
      </c>
      <c r="GB26" s="71">
        <v>0</v>
      </c>
      <c r="GC26" s="71">
        <v>0</v>
      </c>
      <c r="GD26" s="71">
        <v>0</v>
      </c>
      <c r="GE26" s="71">
        <v>0</v>
      </c>
      <c r="GF26" s="72">
        <v>0</v>
      </c>
      <c r="GG26" s="73">
        <v>0</v>
      </c>
      <c r="GH26" s="70">
        <v>3</v>
      </c>
      <c r="GI26" s="71">
        <v>4</v>
      </c>
      <c r="GJ26" s="72">
        <v>7</v>
      </c>
      <c r="GK26" s="244"/>
      <c r="GL26" s="71">
        <v>5</v>
      </c>
      <c r="GM26" s="71">
        <v>7</v>
      </c>
      <c r="GN26" s="71">
        <v>3</v>
      </c>
      <c r="GO26" s="71">
        <v>3</v>
      </c>
      <c r="GP26" s="71">
        <v>3</v>
      </c>
      <c r="GQ26" s="72">
        <v>21</v>
      </c>
      <c r="GR26" s="73">
        <v>28</v>
      </c>
      <c r="GS26" s="123">
        <v>34</v>
      </c>
      <c r="GT26" s="82">
        <v>35</v>
      </c>
      <c r="GU26" s="83">
        <v>69</v>
      </c>
      <c r="GV26" s="241"/>
      <c r="GW26" s="82">
        <v>52</v>
      </c>
      <c r="GX26" s="82">
        <v>42</v>
      </c>
      <c r="GY26" s="82">
        <v>27</v>
      </c>
      <c r="GZ26" s="82">
        <v>20</v>
      </c>
      <c r="HA26" s="82">
        <v>12</v>
      </c>
      <c r="HB26" s="84">
        <v>153</v>
      </c>
      <c r="HC26" s="85">
        <v>222</v>
      </c>
      <c r="HD26" s="70">
        <v>0</v>
      </c>
      <c r="HE26" s="71">
        <v>0</v>
      </c>
      <c r="HF26" s="72">
        <v>0</v>
      </c>
      <c r="HG26" s="244"/>
      <c r="HH26" s="71">
        <v>3</v>
      </c>
      <c r="HI26" s="71">
        <v>2</v>
      </c>
      <c r="HJ26" s="71">
        <v>1</v>
      </c>
      <c r="HK26" s="71">
        <v>1</v>
      </c>
      <c r="HL26" s="71">
        <v>0</v>
      </c>
      <c r="HM26" s="72">
        <v>7</v>
      </c>
      <c r="HN26" s="73">
        <v>7</v>
      </c>
      <c r="HO26" s="70">
        <v>2</v>
      </c>
      <c r="HP26" s="71">
        <v>2</v>
      </c>
      <c r="HQ26" s="72">
        <v>4</v>
      </c>
      <c r="HR26" s="244"/>
      <c r="HS26" s="71">
        <v>3</v>
      </c>
      <c r="HT26" s="71">
        <v>3</v>
      </c>
      <c r="HU26" s="71">
        <v>1</v>
      </c>
      <c r="HV26" s="71">
        <v>2</v>
      </c>
      <c r="HW26" s="71">
        <v>4</v>
      </c>
      <c r="HX26" s="72">
        <v>13</v>
      </c>
      <c r="HY26" s="73">
        <v>17</v>
      </c>
      <c r="HZ26" s="70">
        <v>4</v>
      </c>
      <c r="IA26" s="71">
        <v>6</v>
      </c>
      <c r="IB26" s="72">
        <v>10</v>
      </c>
      <c r="IC26" s="244"/>
      <c r="ID26" s="71">
        <v>5</v>
      </c>
      <c r="IE26" s="71">
        <v>6</v>
      </c>
      <c r="IF26" s="71">
        <v>1</v>
      </c>
      <c r="IG26" s="71">
        <v>3</v>
      </c>
      <c r="IH26" s="71">
        <v>2</v>
      </c>
      <c r="II26" s="72">
        <v>17</v>
      </c>
      <c r="IJ26" s="73">
        <v>27</v>
      </c>
      <c r="IK26" s="70">
        <v>11</v>
      </c>
      <c r="IL26" s="71">
        <v>8</v>
      </c>
      <c r="IM26" s="72">
        <v>19</v>
      </c>
      <c r="IN26" s="244"/>
      <c r="IO26" s="71">
        <v>20</v>
      </c>
      <c r="IP26" s="71">
        <v>12</v>
      </c>
      <c r="IQ26" s="71">
        <v>7</v>
      </c>
      <c r="IR26" s="71">
        <v>5</v>
      </c>
      <c r="IS26" s="71">
        <v>1</v>
      </c>
      <c r="IT26" s="72">
        <v>45</v>
      </c>
      <c r="IU26" s="73">
        <v>64</v>
      </c>
      <c r="IV26" s="70">
        <v>14</v>
      </c>
      <c r="IW26" s="71">
        <v>10</v>
      </c>
      <c r="IX26" s="72">
        <v>24</v>
      </c>
      <c r="IY26" s="244"/>
      <c r="IZ26" s="71">
        <v>14</v>
      </c>
      <c r="JA26" s="71">
        <v>9</v>
      </c>
      <c r="JB26" s="71">
        <v>6</v>
      </c>
      <c r="JC26" s="71">
        <v>5</v>
      </c>
      <c r="JD26" s="71">
        <v>2</v>
      </c>
      <c r="JE26" s="72">
        <v>36</v>
      </c>
      <c r="JF26" s="73">
        <v>60</v>
      </c>
      <c r="JG26" s="70">
        <v>3</v>
      </c>
      <c r="JH26" s="71">
        <v>9</v>
      </c>
      <c r="JI26" s="72">
        <v>12</v>
      </c>
      <c r="JJ26" s="244"/>
      <c r="JK26" s="71">
        <v>7</v>
      </c>
      <c r="JL26" s="71">
        <v>10</v>
      </c>
      <c r="JM26" s="71">
        <v>11</v>
      </c>
      <c r="JN26" s="71">
        <v>4</v>
      </c>
      <c r="JO26" s="71">
        <v>3</v>
      </c>
      <c r="JP26" s="72">
        <v>35</v>
      </c>
      <c r="JQ26" s="73">
        <v>47</v>
      </c>
      <c r="JR26" s="70">
        <v>0</v>
      </c>
      <c r="JS26" s="71">
        <v>0</v>
      </c>
      <c r="JT26" s="72">
        <v>0</v>
      </c>
      <c r="JU26" s="244"/>
      <c r="JV26" s="71">
        <v>0</v>
      </c>
      <c r="JW26" s="71">
        <v>0</v>
      </c>
      <c r="JX26" s="71">
        <v>0</v>
      </c>
      <c r="JY26" s="71">
        <v>0</v>
      </c>
      <c r="JZ26" s="71">
        <v>0</v>
      </c>
      <c r="KA26" s="72">
        <v>0</v>
      </c>
      <c r="KB26" s="73">
        <v>0</v>
      </c>
      <c r="KC26" s="70">
        <v>34</v>
      </c>
      <c r="KD26" s="71">
        <v>35</v>
      </c>
      <c r="KE26" s="72">
        <v>69</v>
      </c>
      <c r="KF26" s="244"/>
      <c r="KG26" s="71">
        <v>52</v>
      </c>
      <c r="KH26" s="71">
        <v>42</v>
      </c>
      <c r="KI26" s="71">
        <v>27</v>
      </c>
      <c r="KJ26" s="71">
        <v>20</v>
      </c>
      <c r="KK26" s="71">
        <v>12</v>
      </c>
      <c r="KL26" s="72">
        <v>153</v>
      </c>
      <c r="KM26" s="73">
        <v>222</v>
      </c>
    </row>
    <row r="27" spans="2:299" ht="19.5" customHeight="1" x14ac:dyDescent="0.2">
      <c r="B27" s="126" t="s">
        <v>24</v>
      </c>
      <c r="C27" s="316">
        <v>34</v>
      </c>
      <c r="D27" s="82">
        <v>19</v>
      </c>
      <c r="E27" s="83">
        <v>53</v>
      </c>
      <c r="F27" s="241"/>
      <c r="G27" s="82">
        <v>51</v>
      </c>
      <c r="H27" s="82">
        <v>28</v>
      </c>
      <c r="I27" s="82">
        <v>18</v>
      </c>
      <c r="J27" s="82">
        <v>12</v>
      </c>
      <c r="K27" s="82">
        <v>8</v>
      </c>
      <c r="L27" s="84">
        <v>117</v>
      </c>
      <c r="M27" s="85">
        <v>170</v>
      </c>
      <c r="N27" s="70">
        <v>0</v>
      </c>
      <c r="O27" s="71">
        <v>0</v>
      </c>
      <c r="P27" s="72">
        <v>0</v>
      </c>
      <c r="Q27" s="244"/>
      <c r="R27" s="71">
        <v>2</v>
      </c>
      <c r="S27" s="71">
        <v>0</v>
      </c>
      <c r="T27" s="71">
        <v>0</v>
      </c>
      <c r="U27" s="71">
        <v>0</v>
      </c>
      <c r="V27" s="71">
        <v>0</v>
      </c>
      <c r="W27" s="72">
        <v>2</v>
      </c>
      <c r="X27" s="73">
        <v>2</v>
      </c>
      <c r="Y27" s="70">
        <v>0</v>
      </c>
      <c r="Z27" s="71">
        <v>1</v>
      </c>
      <c r="AA27" s="72">
        <v>1</v>
      </c>
      <c r="AB27" s="244"/>
      <c r="AC27" s="71">
        <v>2</v>
      </c>
      <c r="AD27" s="71">
        <v>4</v>
      </c>
      <c r="AE27" s="71">
        <v>0</v>
      </c>
      <c r="AF27" s="71">
        <v>0</v>
      </c>
      <c r="AG27" s="71">
        <v>1</v>
      </c>
      <c r="AH27" s="72">
        <v>7</v>
      </c>
      <c r="AI27" s="73">
        <v>8</v>
      </c>
      <c r="AJ27" s="70">
        <v>2</v>
      </c>
      <c r="AK27" s="71">
        <v>2</v>
      </c>
      <c r="AL27" s="72">
        <v>4</v>
      </c>
      <c r="AM27" s="244"/>
      <c r="AN27" s="71">
        <v>5</v>
      </c>
      <c r="AO27" s="71">
        <v>3</v>
      </c>
      <c r="AP27" s="71">
        <v>0</v>
      </c>
      <c r="AQ27" s="71">
        <v>3</v>
      </c>
      <c r="AR27" s="71">
        <v>1</v>
      </c>
      <c r="AS27" s="72">
        <v>12</v>
      </c>
      <c r="AT27" s="73">
        <v>16</v>
      </c>
      <c r="AU27" s="70">
        <v>3</v>
      </c>
      <c r="AV27" s="71">
        <v>4</v>
      </c>
      <c r="AW27" s="72">
        <v>7</v>
      </c>
      <c r="AX27" s="244"/>
      <c r="AY27" s="71">
        <v>6</v>
      </c>
      <c r="AZ27" s="71">
        <v>4</v>
      </c>
      <c r="BA27" s="71">
        <v>1</v>
      </c>
      <c r="BB27" s="71">
        <v>2</v>
      </c>
      <c r="BC27" s="71">
        <v>2</v>
      </c>
      <c r="BD27" s="72">
        <v>15</v>
      </c>
      <c r="BE27" s="73">
        <v>22</v>
      </c>
      <c r="BF27" s="70">
        <v>11</v>
      </c>
      <c r="BG27" s="71">
        <v>4</v>
      </c>
      <c r="BH27" s="72">
        <v>15</v>
      </c>
      <c r="BI27" s="244"/>
      <c r="BJ27" s="71">
        <v>15</v>
      </c>
      <c r="BK27" s="71">
        <v>11</v>
      </c>
      <c r="BL27" s="71">
        <v>6</v>
      </c>
      <c r="BM27" s="71">
        <v>4</v>
      </c>
      <c r="BN27" s="71">
        <v>3</v>
      </c>
      <c r="BO27" s="72">
        <v>39</v>
      </c>
      <c r="BP27" s="73">
        <v>54</v>
      </c>
      <c r="BQ27" s="70">
        <v>18</v>
      </c>
      <c r="BR27" s="71">
        <v>8</v>
      </c>
      <c r="BS27" s="72">
        <v>26</v>
      </c>
      <c r="BT27" s="244"/>
      <c r="BU27" s="71">
        <v>21</v>
      </c>
      <c r="BV27" s="71">
        <v>6</v>
      </c>
      <c r="BW27" s="71">
        <v>11</v>
      </c>
      <c r="BX27" s="71">
        <v>3</v>
      </c>
      <c r="BY27" s="71">
        <v>1</v>
      </c>
      <c r="BZ27" s="72">
        <v>42</v>
      </c>
      <c r="CA27" s="73">
        <v>68</v>
      </c>
      <c r="CB27" s="70">
        <v>0</v>
      </c>
      <c r="CC27" s="71">
        <v>0</v>
      </c>
      <c r="CD27" s="72">
        <v>0</v>
      </c>
      <c r="CE27" s="244"/>
      <c r="CF27" s="71">
        <v>0</v>
      </c>
      <c r="CG27" s="71">
        <v>0</v>
      </c>
      <c r="CH27" s="71">
        <v>0</v>
      </c>
      <c r="CI27" s="71">
        <v>0</v>
      </c>
      <c r="CJ27" s="71">
        <v>0</v>
      </c>
      <c r="CK27" s="72">
        <v>0</v>
      </c>
      <c r="CL27" s="73">
        <v>0</v>
      </c>
      <c r="CM27" s="70">
        <v>34</v>
      </c>
      <c r="CN27" s="71">
        <v>19</v>
      </c>
      <c r="CO27" s="72">
        <v>53</v>
      </c>
      <c r="CP27" s="244"/>
      <c r="CQ27" s="71">
        <v>51</v>
      </c>
      <c r="CR27" s="71">
        <v>28</v>
      </c>
      <c r="CS27" s="71">
        <v>18</v>
      </c>
      <c r="CT27" s="71">
        <v>12</v>
      </c>
      <c r="CU27" s="71">
        <v>8</v>
      </c>
      <c r="CV27" s="72">
        <v>117</v>
      </c>
      <c r="CW27" s="73">
        <v>170</v>
      </c>
      <c r="CX27" s="123">
        <v>3</v>
      </c>
      <c r="CY27" s="82">
        <v>2</v>
      </c>
      <c r="CZ27" s="83">
        <v>5</v>
      </c>
      <c r="DA27" s="241"/>
      <c r="DB27" s="82">
        <v>8</v>
      </c>
      <c r="DC27" s="82">
        <v>1</v>
      </c>
      <c r="DD27" s="82">
        <v>5</v>
      </c>
      <c r="DE27" s="82">
        <v>2</v>
      </c>
      <c r="DF27" s="82">
        <v>2</v>
      </c>
      <c r="DG27" s="84">
        <v>18</v>
      </c>
      <c r="DH27" s="85">
        <v>23</v>
      </c>
      <c r="DI27" s="70">
        <v>0</v>
      </c>
      <c r="DJ27" s="71">
        <v>0</v>
      </c>
      <c r="DK27" s="72">
        <v>0</v>
      </c>
      <c r="DL27" s="244"/>
      <c r="DM27" s="71">
        <v>0</v>
      </c>
      <c r="DN27" s="71">
        <v>0</v>
      </c>
      <c r="DO27" s="71">
        <v>0</v>
      </c>
      <c r="DP27" s="71">
        <v>0</v>
      </c>
      <c r="DQ27" s="71">
        <v>0</v>
      </c>
      <c r="DR27" s="72">
        <v>0</v>
      </c>
      <c r="DS27" s="73">
        <v>0</v>
      </c>
      <c r="DT27" s="70">
        <v>1</v>
      </c>
      <c r="DU27" s="71">
        <v>0</v>
      </c>
      <c r="DV27" s="72">
        <v>1</v>
      </c>
      <c r="DW27" s="244"/>
      <c r="DX27" s="71">
        <v>0</v>
      </c>
      <c r="DY27" s="71">
        <v>0</v>
      </c>
      <c r="DZ27" s="71">
        <v>0</v>
      </c>
      <c r="EA27" s="71">
        <v>0</v>
      </c>
      <c r="EB27" s="71">
        <v>0</v>
      </c>
      <c r="EC27" s="72">
        <v>0</v>
      </c>
      <c r="ED27" s="73">
        <v>1</v>
      </c>
      <c r="EE27" s="70">
        <v>0</v>
      </c>
      <c r="EF27" s="71">
        <v>0</v>
      </c>
      <c r="EG27" s="72">
        <v>0</v>
      </c>
      <c r="EH27" s="244"/>
      <c r="EI27" s="71">
        <v>0</v>
      </c>
      <c r="EJ27" s="71">
        <v>0</v>
      </c>
      <c r="EK27" s="71">
        <v>1</v>
      </c>
      <c r="EL27" s="71">
        <v>0</v>
      </c>
      <c r="EM27" s="71">
        <v>0</v>
      </c>
      <c r="EN27" s="72">
        <v>1</v>
      </c>
      <c r="EO27" s="73">
        <v>1</v>
      </c>
      <c r="EP27" s="70">
        <v>0</v>
      </c>
      <c r="EQ27" s="71">
        <v>0</v>
      </c>
      <c r="ER27" s="72">
        <v>0</v>
      </c>
      <c r="ES27" s="244"/>
      <c r="ET27" s="71">
        <v>2</v>
      </c>
      <c r="EU27" s="71">
        <v>0</v>
      </c>
      <c r="EV27" s="71">
        <v>0</v>
      </c>
      <c r="EW27" s="71">
        <v>1</v>
      </c>
      <c r="EX27" s="71">
        <v>0</v>
      </c>
      <c r="EY27" s="72">
        <v>3</v>
      </c>
      <c r="EZ27" s="73">
        <v>3</v>
      </c>
      <c r="FA27" s="70">
        <v>2</v>
      </c>
      <c r="FB27" s="71">
        <v>2</v>
      </c>
      <c r="FC27" s="72">
        <v>4</v>
      </c>
      <c r="FD27" s="244"/>
      <c r="FE27" s="71">
        <v>1</v>
      </c>
      <c r="FF27" s="71">
        <v>1</v>
      </c>
      <c r="FG27" s="71">
        <v>2</v>
      </c>
      <c r="FH27" s="71">
        <v>0</v>
      </c>
      <c r="FI27" s="71">
        <v>0</v>
      </c>
      <c r="FJ27" s="72">
        <v>4</v>
      </c>
      <c r="FK27" s="73">
        <v>8</v>
      </c>
      <c r="FL27" s="70">
        <v>0</v>
      </c>
      <c r="FM27" s="71">
        <v>0</v>
      </c>
      <c r="FN27" s="72">
        <v>0</v>
      </c>
      <c r="FO27" s="244"/>
      <c r="FP27" s="71">
        <v>5</v>
      </c>
      <c r="FQ27" s="71">
        <v>0</v>
      </c>
      <c r="FR27" s="71">
        <v>2</v>
      </c>
      <c r="FS27" s="71">
        <v>1</v>
      </c>
      <c r="FT27" s="71">
        <v>2</v>
      </c>
      <c r="FU27" s="72">
        <v>10</v>
      </c>
      <c r="FV27" s="73">
        <v>10</v>
      </c>
      <c r="FW27" s="70">
        <v>0</v>
      </c>
      <c r="FX27" s="71">
        <v>0</v>
      </c>
      <c r="FY27" s="72">
        <v>0</v>
      </c>
      <c r="FZ27" s="244"/>
      <c r="GA27" s="71">
        <v>0</v>
      </c>
      <c r="GB27" s="71">
        <v>0</v>
      </c>
      <c r="GC27" s="71">
        <v>0</v>
      </c>
      <c r="GD27" s="71">
        <v>0</v>
      </c>
      <c r="GE27" s="71">
        <v>0</v>
      </c>
      <c r="GF27" s="72">
        <v>0</v>
      </c>
      <c r="GG27" s="73">
        <v>0</v>
      </c>
      <c r="GH27" s="70">
        <v>3</v>
      </c>
      <c r="GI27" s="71">
        <v>2</v>
      </c>
      <c r="GJ27" s="72">
        <v>5</v>
      </c>
      <c r="GK27" s="244"/>
      <c r="GL27" s="71">
        <v>8</v>
      </c>
      <c r="GM27" s="71">
        <v>1</v>
      </c>
      <c r="GN27" s="71">
        <v>5</v>
      </c>
      <c r="GO27" s="71">
        <v>2</v>
      </c>
      <c r="GP27" s="71">
        <v>2</v>
      </c>
      <c r="GQ27" s="72">
        <v>18</v>
      </c>
      <c r="GR27" s="73">
        <v>23</v>
      </c>
      <c r="GS27" s="123">
        <v>37</v>
      </c>
      <c r="GT27" s="82">
        <v>21</v>
      </c>
      <c r="GU27" s="83">
        <v>58</v>
      </c>
      <c r="GV27" s="241"/>
      <c r="GW27" s="82">
        <v>59</v>
      </c>
      <c r="GX27" s="82">
        <v>29</v>
      </c>
      <c r="GY27" s="82">
        <v>23</v>
      </c>
      <c r="GZ27" s="82">
        <v>14</v>
      </c>
      <c r="HA27" s="82">
        <v>10</v>
      </c>
      <c r="HB27" s="84">
        <v>135</v>
      </c>
      <c r="HC27" s="85">
        <v>193</v>
      </c>
      <c r="HD27" s="70">
        <v>0</v>
      </c>
      <c r="HE27" s="71">
        <v>0</v>
      </c>
      <c r="HF27" s="72">
        <v>0</v>
      </c>
      <c r="HG27" s="244"/>
      <c r="HH27" s="71">
        <v>2</v>
      </c>
      <c r="HI27" s="71">
        <v>0</v>
      </c>
      <c r="HJ27" s="71">
        <v>0</v>
      </c>
      <c r="HK27" s="71">
        <v>0</v>
      </c>
      <c r="HL27" s="71">
        <v>0</v>
      </c>
      <c r="HM27" s="72">
        <v>2</v>
      </c>
      <c r="HN27" s="73">
        <v>2</v>
      </c>
      <c r="HO27" s="70">
        <v>1</v>
      </c>
      <c r="HP27" s="71">
        <v>1</v>
      </c>
      <c r="HQ27" s="72">
        <v>2</v>
      </c>
      <c r="HR27" s="244"/>
      <c r="HS27" s="71">
        <v>2</v>
      </c>
      <c r="HT27" s="71">
        <v>4</v>
      </c>
      <c r="HU27" s="71">
        <v>0</v>
      </c>
      <c r="HV27" s="71">
        <v>0</v>
      </c>
      <c r="HW27" s="71">
        <v>1</v>
      </c>
      <c r="HX27" s="72">
        <v>7</v>
      </c>
      <c r="HY27" s="73">
        <v>9</v>
      </c>
      <c r="HZ27" s="70">
        <v>2</v>
      </c>
      <c r="IA27" s="71">
        <v>2</v>
      </c>
      <c r="IB27" s="72">
        <v>4</v>
      </c>
      <c r="IC27" s="244"/>
      <c r="ID27" s="71">
        <v>5</v>
      </c>
      <c r="IE27" s="71">
        <v>3</v>
      </c>
      <c r="IF27" s="71">
        <v>1</v>
      </c>
      <c r="IG27" s="71">
        <v>3</v>
      </c>
      <c r="IH27" s="71">
        <v>1</v>
      </c>
      <c r="II27" s="72">
        <v>13</v>
      </c>
      <c r="IJ27" s="73">
        <v>17</v>
      </c>
      <c r="IK27" s="70">
        <v>3</v>
      </c>
      <c r="IL27" s="71">
        <v>4</v>
      </c>
      <c r="IM27" s="72">
        <v>7</v>
      </c>
      <c r="IN27" s="244"/>
      <c r="IO27" s="71">
        <v>8</v>
      </c>
      <c r="IP27" s="71">
        <v>4</v>
      </c>
      <c r="IQ27" s="71">
        <v>1</v>
      </c>
      <c r="IR27" s="71">
        <v>3</v>
      </c>
      <c r="IS27" s="71">
        <v>2</v>
      </c>
      <c r="IT27" s="72">
        <v>18</v>
      </c>
      <c r="IU27" s="73">
        <v>25</v>
      </c>
      <c r="IV27" s="70">
        <v>13</v>
      </c>
      <c r="IW27" s="71">
        <v>6</v>
      </c>
      <c r="IX27" s="72">
        <v>19</v>
      </c>
      <c r="IY27" s="244"/>
      <c r="IZ27" s="71">
        <v>16</v>
      </c>
      <c r="JA27" s="71">
        <v>12</v>
      </c>
      <c r="JB27" s="71">
        <v>8</v>
      </c>
      <c r="JC27" s="71">
        <v>4</v>
      </c>
      <c r="JD27" s="71">
        <v>3</v>
      </c>
      <c r="JE27" s="72">
        <v>43</v>
      </c>
      <c r="JF27" s="73">
        <v>62</v>
      </c>
      <c r="JG27" s="70">
        <v>18</v>
      </c>
      <c r="JH27" s="71">
        <v>8</v>
      </c>
      <c r="JI27" s="72">
        <v>26</v>
      </c>
      <c r="JJ27" s="244"/>
      <c r="JK27" s="71">
        <v>26</v>
      </c>
      <c r="JL27" s="71">
        <v>6</v>
      </c>
      <c r="JM27" s="71">
        <v>13</v>
      </c>
      <c r="JN27" s="71">
        <v>4</v>
      </c>
      <c r="JO27" s="71">
        <v>3</v>
      </c>
      <c r="JP27" s="72">
        <v>52</v>
      </c>
      <c r="JQ27" s="73">
        <v>78</v>
      </c>
      <c r="JR27" s="70">
        <v>0</v>
      </c>
      <c r="JS27" s="71">
        <v>0</v>
      </c>
      <c r="JT27" s="72">
        <v>0</v>
      </c>
      <c r="JU27" s="244"/>
      <c r="JV27" s="71">
        <v>0</v>
      </c>
      <c r="JW27" s="71">
        <v>0</v>
      </c>
      <c r="JX27" s="71">
        <v>0</v>
      </c>
      <c r="JY27" s="71">
        <v>0</v>
      </c>
      <c r="JZ27" s="71">
        <v>0</v>
      </c>
      <c r="KA27" s="72">
        <v>0</v>
      </c>
      <c r="KB27" s="73">
        <v>0</v>
      </c>
      <c r="KC27" s="70">
        <v>37</v>
      </c>
      <c r="KD27" s="71">
        <v>21</v>
      </c>
      <c r="KE27" s="72">
        <v>58</v>
      </c>
      <c r="KF27" s="244"/>
      <c r="KG27" s="71">
        <v>59</v>
      </c>
      <c r="KH27" s="71">
        <v>29</v>
      </c>
      <c r="KI27" s="71">
        <v>23</v>
      </c>
      <c r="KJ27" s="71">
        <v>14</v>
      </c>
      <c r="KK27" s="71">
        <v>10</v>
      </c>
      <c r="KL27" s="72">
        <v>135</v>
      </c>
      <c r="KM27" s="73">
        <v>193</v>
      </c>
    </row>
    <row r="28" spans="2:299" ht="19.5" customHeight="1" x14ac:dyDescent="0.2">
      <c r="B28" s="126" t="s">
        <v>25</v>
      </c>
      <c r="C28" s="316">
        <v>16</v>
      </c>
      <c r="D28" s="82">
        <v>19</v>
      </c>
      <c r="E28" s="83">
        <v>35</v>
      </c>
      <c r="F28" s="241"/>
      <c r="G28" s="82">
        <v>31</v>
      </c>
      <c r="H28" s="82">
        <v>6</v>
      </c>
      <c r="I28" s="82">
        <v>16</v>
      </c>
      <c r="J28" s="82">
        <v>12</v>
      </c>
      <c r="K28" s="82">
        <v>5</v>
      </c>
      <c r="L28" s="84">
        <v>70</v>
      </c>
      <c r="M28" s="85">
        <v>105</v>
      </c>
      <c r="N28" s="70">
        <v>0</v>
      </c>
      <c r="O28" s="71">
        <v>1</v>
      </c>
      <c r="P28" s="72">
        <v>1</v>
      </c>
      <c r="Q28" s="244"/>
      <c r="R28" s="71">
        <v>1</v>
      </c>
      <c r="S28" s="71">
        <v>0</v>
      </c>
      <c r="T28" s="71">
        <v>0</v>
      </c>
      <c r="U28" s="71">
        <v>0</v>
      </c>
      <c r="V28" s="71">
        <v>0</v>
      </c>
      <c r="W28" s="72">
        <v>1</v>
      </c>
      <c r="X28" s="73">
        <v>2</v>
      </c>
      <c r="Y28" s="70">
        <v>1</v>
      </c>
      <c r="Z28" s="71">
        <v>2</v>
      </c>
      <c r="AA28" s="72">
        <v>3</v>
      </c>
      <c r="AB28" s="244"/>
      <c r="AC28" s="71">
        <v>0</v>
      </c>
      <c r="AD28" s="71">
        <v>0</v>
      </c>
      <c r="AE28" s="71">
        <v>0</v>
      </c>
      <c r="AF28" s="71">
        <v>1</v>
      </c>
      <c r="AG28" s="71">
        <v>0</v>
      </c>
      <c r="AH28" s="72">
        <v>1</v>
      </c>
      <c r="AI28" s="73">
        <v>4</v>
      </c>
      <c r="AJ28" s="70">
        <v>5</v>
      </c>
      <c r="AK28" s="71">
        <v>6</v>
      </c>
      <c r="AL28" s="72">
        <v>11</v>
      </c>
      <c r="AM28" s="244"/>
      <c r="AN28" s="71">
        <v>4</v>
      </c>
      <c r="AO28" s="71">
        <v>0</v>
      </c>
      <c r="AP28" s="71">
        <v>0</v>
      </c>
      <c r="AQ28" s="71">
        <v>2</v>
      </c>
      <c r="AR28" s="71">
        <v>1</v>
      </c>
      <c r="AS28" s="72">
        <v>7</v>
      </c>
      <c r="AT28" s="73">
        <v>18</v>
      </c>
      <c r="AU28" s="70">
        <v>1</v>
      </c>
      <c r="AV28" s="71">
        <v>4</v>
      </c>
      <c r="AW28" s="72">
        <v>5</v>
      </c>
      <c r="AX28" s="244"/>
      <c r="AY28" s="71">
        <v>9</v>
      </c>
      <c r="AZ28" s="71">
        <v>0</v>
      </c>
      <c r="BA28" s="71">
        <v>6</v>
      </c>
      <c r="BB28" s="71">
        <v>2</v>
      </c>
      <c r="BC28" s="71">
        <v>2</v>
      </c>
      <c r="BD28" s="72">
        <v>19</v>
      </c>
      <c r="BE28" s="73">
        <v>24</v>
      </c>
      <c r="BF28" s="70">
        <v>3</v>
      </c>
      <c r="BG28" s="71">
        <v>4</v>
      </c>
      <c r="BH28" s="72">
        <v>7</v>
      </c>
      <c r="BI28" s="244"/>
      <c r="BJ28" s="71">
        <v>7</v>
      </c>
      <c r="BK28" s="71">
        <v>6</v>
      </c>
      <c r="BL28" s="71">
        <v>4</v>
      </c>
      <c r="BM28" s="71">
        <v>3</v>
      </c>
      <c r="BN28" s="71">
        <v>0</v>
      </c>
      <c r="BO28" s="72">
        <v>20</v>
      </c>
      <c r="BP28" s="73">
        <v>27</v>
      </c>
      <c r="BQ28" s="70">
        <v>6</v>
      </c>
      <c r="BR28" s="71">
        <v>2</v>
      </c>
      <c r="BS28" s="72">
        <v>8</v>
      </c>
      <c r="BT28" s="244"/>
      <c r="BU28" s="71">
        <v>10</v>
      </c>
      <c r="BV28" s="71">
        <v>0</v>
      </c>
      <c r="BW28" s="71">
        <v>6</v>
      </c>
      <c r="BX28" s="71">
        <v>4</v>
      </c>
      <c r="BY28" s="71">
        <v>2</v>
      </c>
      <c r="BZ28" s="72">
        <v>22</v>
      </c>
      <c r="CA28" s="73">
        <v>30</v>
      </c>
      <c r="CB28" s="70">
        <v>0</v>
      </c>
      <c r="CC28" s="71">
        <v>0</v>
      </c>
      <c r="CD28" s="72">
        <v>0</v>
      </c>
      <c r="CE28" s="244"/>
      <c r="CF28" s="71">
        <v>0</v>
      </c>
      <c r="CG28" s="71">
        <v>0</v>
      </c>
      <c r="CH28" s="71">
        <v>0</v>
      </c>
      <c r="CI28" s="71">
        <v>0</v>
      </c>
      <c r="CJ28" s="71">
        <v>0</v>
      </c>
      <c r="CK28" s="72">
        <v>0</v>
      </c>
      <c r="CL28" s="73">
        <v>0</v>
      </c>
      <c r="CM28" s="70">
        <v>16</v>
      </c>
      <c r="CN28" s="71">
        <v>19</v>
      </c>
      <c r="CO28" s="72">
        <v>35</v>
      </c>
      <c r="CP28" s="244"/>
      <c r="CQ28" s="71">
        <v>31</v>
      </c>
      <c r="CR28" s="71">
        <v>6</v>
      </c>
      <c r="CS28" s="71">
        <v>16</v>
      </c>
      <c r="CT28" s="71">
        <v>12</v>
      </c>
      <c r="CU28" s="71">
        <v>5</v>
      </c>
      <c r="CV28" s="72">
        <v>70</v>
      </c>
      <c r="CW28" s="73">
        <v>105</v>
      </c>
      <c r="CX28" s="123">
        <v>0</v>
      </c>
      <c r="CY28" s="82">
        <v>3</v>
      </c>
      <c r="CZ28" s="83">
        <v>3</v>
      </c>
      <c r="DA28" s="241"/>
      <c r="DB28" s="82">
        <v>3</v>
      </c>
      <c r="DC28" s="82">
        <v>2</v>
      </c>
      <c r="DD28" s="82">
        <v>1</v>
      </c>
      <c r="DE28" s="82">
        <v>0</v>
      </c>
      <c r="DF28" s="82">
        <v>0</v>
      </c>
      <c r="DG28" s="84">
        <v>6</v>
      </c>
      <c r="DH28" s="85">
        <v>9</v>
      </c>
      <c r="DI28" s="70">
        <v>0</v>
      </c>
      <c r="DJ28" s="71">
        <v>0</v>
      </c>
      <c r="DK28" s="72">
        <v>0</v>
      </c>
      <c r="DL28" s="244"/>
      <c r="DM28" s="71">
        <v>0</v>
      </c>
      <c r="DN28" s="71">
        <v>0</v>
      </c>
      <c r="DO28" s="71">
        <v>0</v>
      </c>
      <c r="DP28" s="71">
        <v>0</v>
      </c>
      <c r="DQ28" s="71">
        <v>0</v>
      </c>
      <c r="DR28" s="72">
        <v>0</v>
      </c>
      <c r="DS28" s="73">
        <v>0</v>
      </c>
      <c r="DT28" s="70">
        <v>0</v>
      </c>
      <c r="DU28" s="71">
        <v>0</v>
      </c>
      <c r="DV28" s="72">
        <v>0</v>
      </c>
      <c r="DW28" s="244"/>
      <c r="DX28" s="71">
        <v>0</v>
      </c>
      <c r="DY28" s="71">
        <v>0</v>
      </c>
      <c r="DZ28" s="71">
        <v>0</v>
      </c>
      <c r="EA28" s="71">
        <v>0</v>
      </c>
      <c r="EB28" s="71">
        <v>0</v>
      </c>
      <c r="EC28" s="72">
        <v>0</v>
      </c>
      <c r="ED28" s="73">
        <v>0</v>
      </c>
      <c r="EE28" s="70">
        <v>0</v>
      </c>
      <c r="EF28" s="71">
        <v>1</v>
      </c>
      <c r="EG28" s="72">
        <v>1</v>
      </c>
      <c r="EH28" s="244"/>
      <c r="EI28" s="71">
        <v>0</v>
      </c>
      <c r="EJ28" s="71">
        <v>1</v>
      </c>
      <c r="EK28" s="71">
        <v>0</v>
      </c>
      <c r="EL28" s="71">
        <v>0</v>
      </c>
      <c r="EM28" s="71">
        <v>0</v>
      </c>
      <c r="EN28" s="72">
        <v>1</v>
      </c>
      <c r="EO28" s="73">
        <v>2</v>
      </c>
      <c r="EP28" s="70">
        <v>0</v>
      </c>
      <c r="EQ28" s="71">
        <v>1</v>
      </c>
      <c r="ER28" s="72">
        <v>1</v>
      </c>
      <c r="ES28" s="244"/>
      <c r="ET28" s="71">
        <v>0</v>
      </c>
      <c r="EU28" s="71">
        <v>0</v>
      </c>
      <c r="EV28" s="71">
        <v>0</v>
      </c>
      <c r="EW28" s="71">
        <v>0</v>
      </c>
      <c r="EX28" s="71">
        <v>0</v>
      </c>
      <c r="EY28" s="72">
        <v>0</v>
      </c>
      <c r="EZ28" s="73">
        <v>1</v>
      </c>
      <c r="FA28" s="70">
        <v>0</v>
      </c>
      <c r="FB28" s="71">
        <v>1</v>
      </c>
      <c r="FC28" s="72">
        <v>1</v>
      </c>
      <c r="FD28" s="244"/>
      <c r="FE28" s="71">
        <v>1</v>
      </c>
      <c r="FF28" s="71">
        <v>0</v>
      </c>
      <c r="FG28" s="71">
        <v>0</v>
      </c>
      <c r="FH28" s="71">
        <v>0</v>
      </c>
      <c r="FI28" s="71">
        <v>0</v>
      </c>
      <c r="FJ28" s="72">
        <v>1</v>
      </c>
      <c r="FK28" s="73">
        <v>2</v>
      </c>
      <c r="FL28" s="70">
        <v>0</v>
      </c>
      <c r="FM28" s="71">
        <v>0</v>
      </c>
      <c r="FN28" s="72">
        <v>0</v>
      </c>
      <c r="FO28" s="244"/>
      <c r="FP28" s="71">
        <v>2</v>
      </c>
      <c r="FQ28" s="71">
        <v>1</v>
      </c>
      <c r="FR28" s="71">
        <v>1</v>
      </c>
      <c r="FS28" s="71">
        <v>0</v>
      </c>
      <c r="FT28" s="71">
        <v>0</v>
      </c>
      <c r="FU28" s="72">
        <v>4</v>
      </c>
      <c r="FV28" s="73">
        <v>4</v>
      </c>
      <c r="FW28" s="70">
        <v>0</v>
      </c>
      <c r="FX28" s="71">
        <v>0</v>
      </c>
      <c r="FY28" s="72">
        <v>0</v>
      </c>
      <c r="FZ28" s="244"/>
      <c r="GA28" s="71">
        <v>0</v>
      </c>
      <c r="GB28" s="71">
        <v>0</v>
      </c>
      <c r="GC28" s="71">
        <v>0</v>
      </c>
      <c r="GD28" s="71">
        <v>0</v>
      </c>
      <c r="GE28" s="71">
        <v>0</v>
      </c>
      <c r="GF28" s="72">
        <v>0</v>
      </c>
      <c r="GG28" s="73">
        <v>0</v>
      </c>
      <c r="GH28" s="70">
        <v>0</v>
      </c>
      <c r="GI28" s="71">
        <v>3</v>
      </c>
      <c r="GJ28" s="72">
        <v>3</v>
      </c>
      <c r="GK28" s="244"/>
      <c r="GL28" s="71">
        <v>3</v>
      </c>
      <c r="GM28" s="71">
        <v>2</v>
      </c>
      <c r="GN28" s="71">
        <v>1</v>
      </c>
      <c r="GO28" s="71">
        <v>0</v>
      </c>
      <c r="GP28" s="71">
        <v>0</v>
      </c>
      <c r="GQ28" s="72">
        <v>6</v>
      </c>
      <c r="GR28" s="73">
        <v>9</v>
      </c>
      <c r="GS28" s="123">
        <v>16</v>
      </c>
      <c r="GT28" s="82">
        <v>22</v>
      </c>
      <c r="GU28" s="83">
        <v>38</v>
      </c>
      <c r="GV28" s="241"/>
      <c r="GW28" s="82">
        <v>34</v>
      </c>
      <c r="GX28" s="82">
        <v>8</v>
      </c>
      <c r="GY28" s="82">
        <v>17</v>
      </c>
      <c r="GZ28" s="82">
        <v>12</v>
      </c>
      <c r="HA28" s="82">
        <v>5</v>
      </c>
      <c r="HB28" s="84">
        <v>76</v>
      </c>
      <c r="HC28" s="85">
        <v>114</v>
      </c>
      <c r="HD28" s="70">
        <v>0</v>
      </c>
      <c r="HE28" s="71">
        <v>1</v>
      </c>
      <c r="HF28" s="72">
        <v>1</v>
      </c>
      <c r="HG28" s="244"/>
      <c r="HH28" s="71">
        <v>1</v>
      </c>
      <c r="HI28" s="71">
        <v>0</v>
      </c>
      <c r="HJ28" s="71">
        <v>0</v>
      </c>
      <c r="HK28" s="71">
        <v>0</v>
      </c>
      <c r="HL28" s="71">
        <v>0</v>
      </c>
      <c r="HM28" s="72">
        <v>1</v>
      </c>
      <c r="HN28" s="73">
        <v>2</v>
      </c>
      <c r="HO28" s="70">
        <v>1</v>
      </c>
      <c r="HP28" s="71">
        <v>2</v>
      </c>
      <c r="HQ28" s="72">
        <v>3</v>
      </c>
      <c r="HR28" s="244"/>
      <c r="HS28" s="71">
        <v>0</v>
      </c>
      <c r="HT28" s="71">
        <v>0</v>
      </c>
      <c r="HU28" s="71">
        <v>0</v>
      </c>
      <c r="HV28" s="71">
        <v>1</v>
      </c>
      <c r="HW28" s="71">
        <v>0</v>
      </c>
      <c r="HX28" s="72">
        <v>1</v>
      </c>
      <c r="HY28" s="73">
        <v>4</v>
      </c>
      <c r="HZ28" s="70">
        <v>5</v>
      </c>
      <c r="IA28" s="71">
        <v>7</v>
      </c>
      <c r="IB28" s="72">
        <v>12</v>
      </c>
      <c r="IC28" s="244"/>
      <c r="ID28" s="71">
        <v>4</v>
      </c>
      <c r="IE28" s="71">
        <v>1</v>
      </c>
      <c r="IF28" s="71">
        <v>0</v>
      </c>
      <c r="IG28" s="71">
        <v>2</v>
      </c>
      <c r="IH28" s="71">
        <v>1</v>
      </c>
      <c r="II28" s="72">
        <v>8</v>
      </c>
      <c r="IJ28" s="73">
        <v>20</v>
      </c>
      <c r="IK28" s="70">
        <v>1</v>
      </c>
      <c r="IL28" s="71">
        <v>5</v>
      </c>
      <c r="IM28" s="72">
        <v>6</v>
      </c>
      <c r="IN28" s="244"/>
      <c r="IO28" s="71">
        <v>9</v>
      </c>
      <c r="IP28" s="71">
        <v>0</v>
      </c>
      <c r="IQ28" s="71">
        <v>6</v>
      </c>
      <c r="IR28" s="71">
        <v>2</v>
      </c>
      <c r="IS28" s="71">
        <v>2</v>
      </c>
      <c r="IT28" s="72">
        <v>19</v>
      </c>
      <c r="IU28" s="73">
        <v>25</v>
      </c>
      <c r="IV28" s="70">
        <v>3</v>
      </c>
      <c r="IW28" s="71">
        <v>5</v>
      </c>
      <c r="IX28" s="72">
        <v>8</v>
      </c>
      <c r="IY28" s="244"/>
      <c r="IZ28" s="71">
        <v>8</v>
      </c>
      <c r="JA28" s="71">
        <v>6</v>
      </c>
      <c r="JB28" s="71">
        <v>4</v>
      </c>
      <c r="JC28" s="71">
        <v>3</v>
      </c>
      <c r="JD28" s="71">
        <v>0</v>
      </c>
      <c r="JE28" s="72">
        <v>21</v>
      </c>
      <c r="JF28" s="73">
        <v>29</v>
      </c>
      <c r="JG28" s="70">
        <v>6</v>
      </c>
      <c r="JH28" s="71">
        <v>2</v>
      </c>
      <c r="JI28" s="72">
        <v>8</v>
      </c>
      <c r="JJ28" s="244"/>
      <c r="JK28" s="71">
        <v>12</v>
      </c>
      <c r="JL28" s="71">
        <v>1</v>
      </c>
      <c r="JM28" s="71">
        <v>7</v>
      </c>
      <c r="JN28" s="71">
        <v>4</v>
      </c>
      <c r="JO28" s="71">
        <v>2</v>
      </c>
      <c r="JP28" s="72">
        <v>26</v>
      </c>
      <c r="JQ28" s="73">
        <v>34</v>
      </c>
      <c r="JR28" s="70">
        <v>0</v>
      </c>
      <c r="JS28" s="71">
        <v>0</v>
      </c>
      <c r="JT28" s="72">
        <v>0</v>
      </c>
      <c r="JU28" s="244"/>
      <c r="JV28" s="71">
        <v>0</v>
      </c>
      <c r="JW28" s="71">
        <v>0</v>
      </c>
      <c r="JX28" s="71">
        <v>0</v>
      </c>
      <c r="JY28" s="71">
        <v>0</v>
      </c>
      <c r="JZ28" s="71">
        <v>0</v>
      </c>
      <c r="KA28" s="72">
        <v>0</v>
      </c>
      <c r="KB28" s="73">
        <v>0</v>
      </c>
      <c r="KC28" s="70">
        <v>16</v>
      </c>
      <c r="KD28" s="71">
        <v>22</v>
      </c>
      <c r="KE28" s="72">
        <v>38</v>
      </c>
      <c r="KF28" s="244"/>
      <c r="KG28" s="71">
        <v>34</v>
      </c>
      <c r="KH28" s="71">
        <v>8</v>
      </c>
      <c r="KI28" s="71">
        <v>17</v>
      </c>
      <c r="KJ28" s="71">
        <v>12</v>
      </c>
      <c r="KK28" s="71">
        <v>5</v>
      </c>
      <c r="KL28" s="72">
        <v>76</v>
      </c>
      <c r="KM28" s="73">
        <v>114</v>
      </c>
    </row>
    <row r="29" spans="2:299" ht="19.5" customHeight="1" x14ac:dyDescent="0.2">
      <c r="B29" s="126" t="s">
        <v>26</v>
      </c>
      <c r="C29" s="316">
        <v>26</v>
      </c>
      <c r="D29" s="82">
        <v>12</v>
      </c>
      <c r="E29" s="83">
        <v>38</v>
      </c>
      <c r="F29" s="241"/>
      <c r="G29" s="82">
        <v>21</v>
      </c>
      <c r="H29" s="82">
        <v>25</v>
      </c>
      <c r="I29" s="82">
        <v>12</v>
      </c>
      <c r="J29" s="82">
        <v>16</v>
      </c>
      <c r="K29" s="82">
        <v>5</v>
      </c>
      <c r="L29" s="84">
        <v>79</v>
      </c>
      <c r="M29" s="85">
        <v>117</v>
      </c>
      <c r="N29" s="70">
        <v>0</v>
      </c>
      <c r="O29" s="71">
        <v>0</v>
      </c>
      <c r="P29" s="72">
        <v>0</v>
      </c>
      <c r="Q29" s="244"/>
      <c r="R29" s="71">
        <v>0</v>
      </c>
      <c r="S29" s="71">
        <v>0</v>
      </c>
      <c r="T29" s="71">
        <v>0</v>
      </c>
      <c r="U29" s="71">
        <v>0</v>
      </c>
      <c r="V29" s="71">
        <v>0</v>
      </c>
      <c r="W29" s="72">
        <v>0</v>
      </c>
      <c r="X29" s="73">
        <v>0</v>
      </c>
      <c r="Y29" s="70">
        <v>1</v>
      </c>
      <c r="Z29" s="71">
        <v>0</v>
      </c>
      <c r="AA29" s="72">
        <v>1</v>
      </c>
      <c r="AB29" s="244"/>
      <c r="AC29" s="71">
        <v>1</v>
      </c>
      <c r="AD29" s="71">
        <v>0</v>
      </c>
      <c r="AE29" s="71">
        <v>0</v>
      </c>
      <c r="AF29" s="71">
        <v>0</v>
      </c>
      <c r="AG29" s="71">
        <v>0</v>
      </c>
      <c r="AH29" s="72">
        <v>1</v>
      </c>
      <c r="AI29" s="73">
        <v>2</v>
      </c>
      <c r="AJ29" s="70">
        <v>3</v>
      </c>
      <c r="AK29" s="71">
        <v>2</v>
      </c>
      <c r="AL29" s="72">
        <v>5</v>
      </c>
      <c r="AM29" s="244"/>
      <c r="AN29" s="71">
        <v>2</v>
      </c>
      <c r="AO29" s="71">
        <v>3</v>
      </c>
      <c r="AP29" s="71">
        <v>2</v>
      </c>
      <c r="AQ29" s="71">
        <v>1</v>
      </c>
      <c r="AR29" s="71">
        <v>0</v>
      </c>
      <c r="AS29" s="72">
        <v>8</v>
      </c>
      <c r="AT29" s="73">
        <v>13</v>
      </c>
      <c r="AU29" s="70">
        <v>6</v>
      </c>
      <c r="AV29" s="71">
        <v>2</v>
      </c>
      <c r="AW29" s="72">
        <v>8</v>
      </c>
      <c r="AX29" s="244"/>
      <c r="AY29" s="71">
        <v>8</v>
      </c>
      <c r="AZ29" s="71">
        <v>4</v>
      </c>
      <c r="BA29" s="71">
        <v>2</v>
      </c>
      <c r="BB29" s="71">
        <v>1</v>
      </c>
      <c r="BC29" s="71">
        <v>0</v>
      </c>
      <c r="BD29" s="72">
        <v>15</v>
      </c>
      <c r="BE29" s="73">
        <v>23</v>
      </c>
      <c r="BF29" s="70">
        <v>8</v>
      </c>
      <c r="BG29" s="71">
        <v>3</v>
      </c>
      <c r="BH29" s="72">
        <v>11</v>
      </c>
      <c r="BI29" s="244"/>
      <c r="BJ29" s="71">
        <v>6</v>
      </c>
      <c r="BK29" s="71">
        <v>10</v>
      </c>
      <c r="BL29" s="71">
        <v>6</v>
      </c>
      <c r="BM29" s="71">
        <v>5</v>
      </c>
      <c r="BN29" s="71">
        <v>2</v>
      </c>
      <c r="BO29" s="72">
        <v>29</v>
      </c>
      <c r="BP29" s="73">
        <v>40</v>
      </c>
      <c r="BQ29" s="70">
        <v>8</v>
      </c>
      <c r="BR29" s="71">
        <v>5</v>
      </c>
      <c r="BS29" s="72">
        <v>13</v>
      </c>
      <c r="BT29" s="244"/>
      <c r="BU29" s="71">
        <v>4</v>
      </c>
      <c r="BV29" s="71">
        <v>8</v>
      </c>
      <c r="BW29" s="71">
        <v>2</v>
      </c>
      <c r="BX29" s="71">
        <v>9</v>
      </c>
      <c r="BY29" s="71">
        <v>3</v>
      </c>
      <c r="BZ29" s="72">
        <v>26</v>
      </c>
      <c r="CA29" s="73">
        <v>39</v>
      </c>
      <c r="CB29" s="70">
        <v>0</v>
      </c>
      <c r="CC29" s="71">
        <v>0</v>
      </c>
      <c r="CD29" s="72">
        <v>0</v>
      </c>
      <c r="CE29" s="244"/>
      <c r="CF29" s="71">
        <v>0</v>
      </c>
      <c r="CG29" s="71">
        <v>0</v>
      </c>
      <c r="CH29" s="71">
        <v>0</v>
      </c>
      <c r="CI29" s="71">
        <v>0</v>
      </c>
      <c r="CJ29" s="71">
        <v>0</v>
      </c>
      <c r="CK29" s="72">
        <v>0</v>
      </c>
      <c r="CL29" s="73">
        <v>0</v>
      </c>
      <c r="CM29" s="70">
        <v>26</v>
      </c>
      <c r="CN29" s="71">
        <v>12</v>
      </c>
      <c r="CO29" s="72">
        <v>38</v>
      </c>
      <c r="CP29" s="244"/>
      <c r="CQ29" s="71">
        <v>21</v>
      </c>
      <c r="CR29" s="71">
        <v>25</v>
      </c>
      <c r="CS29" s="71">
        <v>12</v>
      </c>
      <c r="CT29" s="71">
        <v>16</v>
      </c>
      <c r="CU29" s="71">
        <v>5</v>
      </c>
      <c r="CV29" s="72">
        <v>79</v>
      </c>
      <c r="CW29" s="73">
        <v>117</v>
      </c>
      <c r="CX29" s="123">
        <v>2</v>
      </c>
      <c r="CY29" s="82">
        <v>3</v>
      </c>
      <c r="CZ29" s="83">
        <v>5</v>
      </c>
      <c r="DA29" s="241"/>
      <c r="DB29" s="82">
        <v>3</v>
      </c>
      <c r="DC29" s="82">
        <v>3</v>
      </c>
      <c r="DD29" s="82">
        <v>2</v>
      </c>
      <c r="DE29" s="82">
        <v>0</v>
      </c>
      <c r="DF29" s="82">
        <v>1</v>
      </c>
      <c r="DG29" s="84">
        <v>9</v>
      </c>
      <c r="DH29" s="85">
        <v>14</v>
      </c>
      <c r="DI29" s="70">
        <v>0</v>
      </c>
      <c r="DJ29" s="71">
        <v>0</v>
      </c>
      <c r="DK29" s="72">
        <v>0</v>
      </c>
      <c r="DL29" s="244"/>
      <c r="DM29" s="71">
        <v>0</v>
      </c>
      <c r="DN29" s="71">
        <v>0</v>
      </c>
      <c r="DO29" s="71">
        <v>0</v>
      </c>
      <c r="DP29" s="71">
        <v>0</v>
      </c>
      <c r="DQ29" s="71">
        <v>0</v>
      </c>
      <c r="DR29" s="72">
        <v>0</v>
      </c>
      <c r="DS29" s="73">
        <v>0</v>
      </c>
      <c r="DT29" s="70">
        <v>0</v>
      </c>
      <c r="DU29" s="71">
        <v>0</v>
      </c>
      <c r="DV29" s="72">
        <v>0</v>
      </c>
      <c r="DW29" s="244"/>
      <c r="DX29" s="71">
        <v>0</v>
      </c>
      <c r="DY29" s="71">
        <v>0</v>
      </c>
      <c r="DZ29" s="71">
        <v>0</v>
      </c>
      <c r="EA29" s="71">
        <v>0</v>
      </c>
      <c r="EB29" s="71">
        <v>0</v>
      </c>
      <c r="EC29" s="72">
        <v>0</v>
      </c>
      <c r="ED29" s="73">
        <v>0</v>
      </c>
      <c r="EE29" s="70">
        <v>0</v>
      </c>
      <c r="EF29" s="71">
        <v>0</v>
      </c>
      <c r="EG29" s="72">
        <v>0</v>
      </c>
      <c r="EH29" s="244"/>
      <c r="EI29" s="71">
        <v>0</v>
      </c>
      <c r="EJ29" s="71">
        <v>0</v>
      </c>
      <c r="EK29" s="71">
        <v>0</v>
      </c>
      <c r="EL29" s="71">
        <v>0</v>
      </c>
      <c r="EM29" s="71">
        <v>0</v>
      </c>
      <c r="EN29" s="72">
        <v>0</v>
      </c>
      <c r="EO29" s="73">
        <v>0</v>
      </c>
      <c r="EP29" s="70">
        <v>0</v>
      </c>
      <c r="EQ29" s="71">
        <v>0</v>
      </c>
      <c r="ER29" s="72">
        <v>0</v>
      </c>
      <c r="ES29" s="244"/>
      <c r="ET29" s="71">
        <v>0</v>
      </c>
      <c r="EU29" s="71">
        <v>1</v>
      </c>
      <c r="EV29" s="71">
        <v>1</v>
      </c>
      <c r="EW29" s="71">
        <v>0</v>
      </c>
      <c r="EX29" s="71">
        <v>0</v>
      </c>
      <c r="EY29" s="72">
        <v>2</v>
      </c>
      <c r="EZ29" s="73">
        <v>2</v>
      </c>
      <c r="FA29" s="70">
        <v>1</v>
      </c>
      <c r="FB29" s="71">
        <v>2</v>
      </c>
      <c r="FC29" s="72">
        <v>3</v>
      </c>
      <c r="FD29" s="244"/>
      <c r="FE29" s="71">
        <v>1</v>
      </c>
      <c r="FF29" s="71">
        <v>1</v>
      </c>
      <c r="FG29" s="71">
        <v>0</v>
      </c>
      <c r="FH29" s="71">
        <v>0</v>
      </c>
      <c r="FI29" s="71">
        <v>0</v>
      </c>
      <c r="FJ29" s="72">
        <v>2</v>
      </c>
      <c r="FK29" s="73">
        <v>5</v>
      </c>
      <c r="FL29" s="70">
        <v>1</v>
      </c>
      <c r="FM29" s="71">
        <v>1</v>
      </c>
      <c r="FN29" s="72">
        <v>2</v>
      </c>
      <c r="FO29" s="244"/>
      <c r="FP29" s="71">
        <v>2</v>
      </c>
      <c r="FQ29" s="71">
        <v>1</v>
      </c>
      <c r="FR29" s="71">
        <v>1</v>
      </c>
      <c r="FS29" s="71">
        <v>0</v>
      </c>
      <c r="FT29" s="71">
        <v>1</v>
      </c>
      <c r="FU29" s="72">
        <v>5</v>
      </c>
      <c r="FV29" s="73">
        <v>7</v>
      </c>
      <c r="FW29" s="70">
        <v>0</v>
      </c>
      <c r="FX29" s="71">
        <v>0</v>
      </c>
      <c r="FY29" s="72">
        <v>0</v>
      </c>
      <c r="FZ29" s="244"/>
      <c r="GA29" s="71">
        <v>0</v>
      </c>
      <c r="GB29" s="71">
        <v>0</v>
      </c>
      <c r="GC29" s="71">
        <v>0</v>
      </c>
      <c r="GD29" s="71">
        <v>0</v>
      </c>
      <c r="GE29" s="71">
        <v>0</v>
      </c>
      <c r="GF29" s="72">
        <v>0</v>
      </c>
      <c r="GG29" s="73">
        <v>0</v>
      </c>
      <c r="GH29" s="70">
        <v>2</v>
      </c>
      <c r="GI29" s="71">
        <v>3</v>
      </c>
      <c r="GJ29" s="72">
        <v>5</v>
      </c>
      <c r="GK29" s="244"/>
      <c r="GL29" s="71">
        <v>3</v>
      </c>
      <c r="GM29" s="71">
        <v>3</v>
      </c>
      <c r="GN29" s="71">
        <v>2</v>
      </c>
      <c r="GO29" s="71">
        <v>0</v>
      </c>
      <c r="GP29" s="71">
        <v>1</v>
      </c>
      <c r="GQ29" s="72">
        <v>9</v>
      </c>
      <c r="GR29" s="73">
        <v>14</v>
      </c>
      <c r="GS29" s="123">
        <v>28</v>
      </c>
      <c r="GT29" s="82">
        <v>15</v>
      </c>
      <c r="GU29" s="83">
        <v>43</v>
      </c>
      <c r="GV29" s="241"/>
      <c r="GW29" s="82">
        <v>24</v>
      </c>
      <c r="GX29" s="82">
        <v>28</v>
      </c>
      <c r="GY29" s="82">
        <v>14</v>
      </c>
      <c r="GZ29" s="82">
        <v>16</v>
      </c>
      <c r="HA29" s="82">
        <v>6</v>
      </c>
      <c r="HB29" s="84">
        <v>88</v>
      </c>
      <c r="HC29" s="85">
        <v>131</v>
      </c>
      <c r="HD29" s="70">
        <v>0</v>
      </c>
      <c r="HE29" s="71">
        <v>0</v>
      </c>
      <c r="HF29" s="72">
        <v>0</v>
      </c>
      <c r="HG29" s="244"/>
      <c r="HH29" s="71">
        <v>0</v>
      </c>
      <c r="HI29" s="71">
        <v>0</v>
      </c>
      <c r="HJ29" s="71">
        <v>0</v>
      </c>
      <c r="HK29" s="71">
        <v>0</v>
      </c>
      <c r="HL29" s="71">
        <v>0</v>
      </c>
      <c r="HM29" s="72">
        <v>0</v>
      </c>
      <c r="HN29" s="73">
        <v>0</v>
      </c>
      <c r="HO29" s="70">
        <v>1</v>
      </c>
      <c r="HP29" s="71">
        <v>0</v>
      </c>
      <c r="HQ29" s="72">
        <v>1</v>
      </c>
      <c r="HR29" s="244"/>
      <c r="HS29" s="71">
        <v>1</v>
      </c>
      <c r="HT29" s="71">
        <v>0</v>
      </c>
      <c r="HU29" s="71">
        <v>0</v>
      </c>
      <c r="HV29" s="71">
        <v>0</v>
      </c>
      <c r="HW29" s="71">
        <v>0</v>
      </c>
      <c r="HX29" s="72">
        <v>1</v>
      </c>
      <c r="HY29" s="73">
        <v>2</v>
      </c>
      <c r="HZ29" s="70">
        <v>3</v>
      </c>
      <c r="IA29" s="71">
        <v>2</v>
      </c>
      <c r="IB29" s="72">
        <v>5</v>
      </c>
      <c r="IC29" s="244"/>
      <c r="ID29" s="71">
        <v>2</v>
      </c>
      <c r="IE29" s="71">
        <v>3</v>
      </c>
      <c r="IF29" s="71">
        <v>2</v>
      </c>
      <c r="IG29" s="71">
        <v>1</v>
      </c>
      <c r="IH29" s="71">
        <v>0</v>
      </c>
      <c r="II29" s="72">
        <v>8</v>
      </c>
      <c r="IJ29" s="73">
        <v>13</v>
      </c>
      <c r="IK29" s="70">
        <v>6</v>
      </c>
      <c r="IL29" s="71">
        <v>2</v>
      </c>
      <c r="IM29" s="72">
        <v>8</v>
      </c>
      <c r="IN29" s="244"/>
      <c r="IO29" s="71">
        <v>8</v>
      </c>
      <c r="IP29" s="71">
        <v>5</v>
      </c>
      <c r="IQ29" s="71">
        <v>3</v>
      </c>
      <c r="IR29" s="71">
        <v>1</v>
      </c>
      <c r="IS29" s="71">
        <v>0</v>
      </c>
      <c r="IT29" s="72">
        <v>17</v>
      </c>
      <c r="IU29" s="73">
        <v>25</v>
      </c>
      <c r="IV29" s="70">
        <v>9</v>
      </c>
      <c r="IW29" s="71">
        <v>5</v>
      </c>
      <c r="IX29" s="72">
        <v>14</v>
      </c>
      <c r="IY29" s="244"/>
      <c r="IZ29" s="71">
        <v>7</v>
      </c>
      <c r="JA29" s="71">
        <v>11</v>
      </c>
      <c r="JB29" s="71">
        <v>6</v>
      </c>
      <c r="JC29" s="71">
        <v>5</v>
      </c>
      <c r="JD29" s="71">
        <v>2</v>
      </c>
      <c r="JE29" s="72">
        <v>31</v>
      </c>
      <c r="JF29" s="73">
        <v>45</v>
      </c>
      <c r="JG29" s="70">
        <v>9</v>
      </c>
      <c r="JH29" s="71">
        <v>6</v>
      </c>
      <c r="JI29" s="72">
        <v>15</v>
      </c>
      <c r="JJ29" s="244"/>
      <c r="JK29" s="71">
        <v>6</v>
      </c>
      <c r="JL29" s="71">
        <v>9</v>
      </c>
      <c r="JM29" s="71">
        <v>3</v>
      </c>
      <c r="JN29" s="71">
        <v>9</v>
      </c>
      <c r="JO29" s="71">
        <v>4</v>
      </c>
      <c r="JP29" s="72">
        <v>31</v>
      </c>
      <c r="JQ29" s="73">
        <v>46</v>
      </c>
      <c r="JR29" s="70">
        <v>0</v>
      </c>
      <c r="JS29" s="71">
        <v>0</v>
      </c>
      <c r="JT29" s="72">
        <v>0</v>
      </c>
      <c r="JU29" s="244"/>
      <c r="JV29" s="71">
        <v>0</v>
      </c>
      <c r="JW29" s="71">
        <v>0</v>
      </c>
      <c r="JX29" s="71">
        <v>0</v>
      </c>
      <c r="JY29" s="71">
        <v>0</v>
      </c>
      <c r="JZ29" s="71">
        <v>0</v>
      </c>
      <c r="KA29" s="72">
        <v>0</v>
      </c>
      <c r="KB29" s="73">
        <v>0</v>
      </c>
      <c r="KC29" s="70">
        <v>28</v>
      </c>
      <c r="KD29" s="71">
        <v>15</v>
      </c>
      <c r="KE29" s="72">
        <v>43</v>
      </c>
      <c r="KF29" s="244"/>
      <c r="KG29" s="71">
        <v>24</v>
      </c>
      <c r="KH29" s="71">
        <v>28</v>
      </c>
      <c r="KI29" s="71">
        <v>14</v>
      </c>
      <c r="KJ29" s="71">
        <v>16</v>
      </c>
      <c r="KK29" s="71">
        <v>6</v>
      </c>
      <c r="KL29" s="72">
        <v>88</v>
      </c>
      <c r="KM29" s="73">
        <v>131</v>
      </c>
    </row>
    <row r="30" spans="2:299" ht="19.5" customHeight="1" x14ac:dyDescent="0.2">
      <c r="B30" s="126" t="s">
        <v>27</v>
      </c>
      <c r="C30" s="316">
        <v>15</v>
      </c>
      <c r="D30" s="82">
        <v>28</v>
      </c>
      <c r="E30" s="83">
        <v>43</v>
      </c>
      <c r="F30" s="241"/>
      <c r="G30" s="82">
        <v>21</v>
      </c>
      <c r="H30" s="82">
        <v>16</v>
      </c>
      <c r="I30" s="82">
        <v>23</v>
      </c>
      <c r="J30" s="82">
        <v>11</v>
      </c>
      <c r="K30" s="82">
        <v>8</v>
      </c>
      <c r="L30" s="84">
        <v>79</v>
      </c>
      <c r="M30" s="85">
        <v>122</v>
      </c>
      <c r="N30" s="70">
        <v>0</v>
      </c>
      <c r="O30" s="71">
        <v>1</v>
      </c>
      <c r="P30" s="72">
        <v>1</v>
      </c>
      <c r="Q30" s="244"/>
      <c r="R30" s="71">
        <v>0</v>
      </c>
      <c r="S30" s="71">
        <v>0</v>
      </c>
      <c r="T30" s="71">
        <v>0</v>
      </c>
      <c r="U30" s="71">
        <v>0</v>
      </c>
      <c r="V30" s="71">
        <v>0</v>
      </c>
      <c r="W30" s="72">
        <v>0</v>
      </c>
      <c r="X30" s="73">
        <v>1</v>
      </c>
      <c r="Y30" s="70">
        <v>0</v>
      </c>
      <c r="Z30" s="71">
        <v>2</v>
      </c>
      <c r="AA30" s="72">
        <v>2</v>
      </c>
      <c r="AB30" s="244"/>
      <c r="AC30" s="71">
        <v>1</v>
      </c>
      <c r="AD30" s="71">
        <v>1</v>
      </c>
      <c r="AE30" s="71">
        <v>0</v>
      </c>
      <c r="AF30" s="71">
        <v>1</v>
      </c>
      <c r="AG30" s="71">
        <v>0</v>
      </c>
      <c r="AH30" s="72">
        <v>3</v>
      </c>
      <c r="AI30" s="73">
        <v>5</v>
      </c>
      <c r="AJ30" s="70">
        <v>1</v>
      </c>
      <c r="AK30" s="71">
        <v>1</v>
      </c>
      <c r="AL30" s="72">
        <v>2</v>
      </c>
      <c r="AM30" s="244"/>
      <c r="AN30" s="71">
        <v>1</v>
      </c>
      <c r="AO30" s="71">
        <v>0</v>
      </c>
      <c r="AP30" s="71">
        <v>2</v>
      </c>
      <c r="AQ30" s="71">
        <v>0</v>
      </c>
      <c r="AR30" s="71">
        <v>0</v>
      </c>
      <c r="AS30" s="72">
        <v>3</v>
      </c>
      <c r="AT30" s="73">
        <v>5</v>
      </c>
      <c r="AU30" s="70">
        <v>4</v>
      </c>
      <c r="AV30" s="71">
        <v>2</v>
      </c>
      <c r="AW30" s="72">
        <v>6</v>
      </c>
      <c r="AX30" s="244"/>
      <c r="AY30" s="71">
        <v>10</v>
      </c>
      <c r="AZ30" s="71">
        <v>4</v>
      </c>
      <c r="BA30" s="71">
        <v>8</v>
      </c>
      <c r="BB30" s="71">
        <v>1</v>
      </c>
      <c r="BC30" s="71">
        <v>2</v>
      </c>
      <c r="BD30" s="72">
        <v>25</v>
      </c>
      <c r="BE30" s="73">
        <v>31</v>
      </c>
      <c r="BF30" s="70">
        <v>5</v>
      </c>
      <c r="BG30" s="71">
        <v>11</v>
      </c>
      <c r="BH30" s="72">
        <v>16</v>
      </c>
      <c r="BI30" s="244"/>
      <c r="BJ30" s="71">
        <v>3</v>
      </c>
      <c r="BK30" s="71">
        <v>5</v>
      </c>
      <c r="BL30" s="71">
        <v>5</v>
      </c>
      <c r="BM30" s="71">
        <v>6</v>
      </c>
      <c r="BN30" s="71">
        <v>5</v>
      </c>
      <c r="BO30" s="72">
        <v>24</v>
      </c>
      <c r="BP30" s="73">
        <v>40</v>
      </c>
      <c r="BQ30" s="70">
        <v>5</v>
      </c>
      <c r="BR30" s="71">
        <v>11</v>
      </c>
      <c r="BS30" s="72">
        <v>16</v>
      </c>
      <c r="BT30" s="244"/>
      <c r="BU30" s="71">
        <v>6</v>
      </c>
      <c r="BV30" s="71">
        <v>6</v>
      </c>
      <c r="BW30" s="71">
        <v>8</v>
      </c>
      <c r="BX30" s="71">
        <v>3</v>
      </c>
      <c r="BY30" s="71">
        <v>1</v>
      </c>
      <c r="BZ30" s="72">
        <v>24</v>
      </c>
      <c r="CA30" s="73">
        <v>40</v>
      </c>
      <c r="CB30" s="70">
        <v>0</v>
      </c>
      <c r="CC30" s="71">
        <v>0</v>
      </c>
      <c r="CD30" s="72">
        <v>0</v>
      </c>
      <c r="CE30" s="244"/>
      <c r="CF30" s="71">
        <v>0</v>
      </c>
      <c r="CG30" s="71">
        <v>0</v>
      </c>
      <c r="CH30" s="71">
        <v>0</v>
      </c>
      <c r="CI30" s="71">
        <v>0</v>
      </c>
      <c r="CJ30" s="71">
        <v>0</v>
      </c>
      <c r="CK30" s="72">
        <v>0</v>
      </c>
      <c r="CL30" s="73">
        <v>0</v>
      </c>
      <c r="CM30" s="70">
        <v>15</v>
      </c>
      <c r="CN30" s="71">
        <v>28</v>
      </c>
      <c r="CO30" s="72">
        <v>43</v>
      </c>
      <c r="CP30" s="244"/>
      <c r="CQ30" s="71">
        <v>21</v>
      </c>
      <c r="CR30" s="71">
        <v>16</v>
      </c>
      <c r="CS30" s="71">
        <v>23</v>
      </c>
      <c r="CT30" s="71">
        <v>11</v>
      </c>
      <c r="CU30" s="71">
        <v>8</v>
      </c>
      <c r="CV30" s="72">
        <v>79</v>
      </c>
      <c r="CW30" s="73">
        <v>122</v>
      </c>
      <c r="CX30" s="123">
        <v>4</v>
      </c>
      <c r="CY30" s="82">
        <v>1</v>
      </c>
      <c r="CZ30" s="83">
        <v>5</v>
      </c>
      <c r="DA30" s="241"/>
      <c r="DB30" s="82">
        <v>4</v>
      </c>
      <c r="DC30" s="82">
        <v>3</v>
      </c>
      <c r="DD30" s="82">
        <v>3</v>
      </c>
      <c r="DE30" s="82">
        <v>3</v>
      </c>
      <c r="DF30" s="82">
        <v>1</v>
      </c>
      <c r="DG30" s="84">
        <v>14</v>
      </c>
      <c r="DH30" s="85">
        <v>19</v>
      </c>
      <c r="DI30" s="70">
        <v>0</v>
      </c>
      <c r="DJ30" s="71">
        <v>0</v>
      </c>
      <c r="DK30" s="72">
        <v>0</v>
      </c>
      <c r="DL30" s="244"/>
      <c r="DM30" s="71">
        <v>0</v>
      </c>
      <c r="DN30" s="71">
        <v>0</v>
      </c>
      <c r="DO30" s="71">
        <v>0</v>
      </c>
      <c r="DP30" s="71">
        <v>0</v>
      </c>
      <c r="DQ30" s="71">
        <v>0</v>
      </c>
      <c r="DR30" s="72">
        <v>0</v>
      </c>
      <c r="DS30" s="73">
        <v>0</v>
      </c>
      <c r="DT30" s="70">
        <v>0</v>
      </c>
      <c r="DU30" s="71">
        <v>0</v>
      </c>
      <c r="DV30" s="72">
        <v>0</v>
      </c>
      <c r="DW30" s="244"/>
      <c r="DX30" s="71">
        <v>0</v>
      </c>
      <c r="DY30" s="71">
        <v>0</v>
      </c>
      <c r="DZ30" s="71">
        <v>0</v>
      </c>
      <c r="EA30" s="71">
        <v>0</v>
      </c>
      <c r="EB30" s="71">
        <v>0</v>
      </c>
      <c r="EC30" s="72">
        <v>0</v>
      </c>
      <c r="ED30" s="73">
        <v>0</v>
      </c>
      <c r="EE30" s="70">
        <v>0</v>
      </c>
      <c r="EF30" s="71">
        <v>0</v>
      </c>
      <c r="EG30" s="72">
        <v>0</v>
      </c>
      <c r="EH30" s="244"/>
      <c r="EI30" s="71">
        <v>0</v>
      </c>
      <c r="EJ30" s="71">
        <v>0</v>
      </c>
      <c r="EK30" s="71">
        <v>0</v>
      </c>
      <c r="EL30" s="71">
        <v>0</v>
      </c>
      <c r="EM30" s="71">
        <v>0</v>
      </c>
      <c r="EN30" s="72">
        <v>0</v>
      </c>
      <c r="EO30" s="73">
        <v>0</v>
      </c>
      <c r="EP30" s="70">
        <v>0</v>
      </c>
      <c r="EQ30" s="71">
        <v>0</v>
      </c>
      <c r="ER30" s="72">
        <v>0</v>
      </c>
      <c r="ES30" s="244"/>
      <c r="ET30" s="71">
        <v>2</v>
      </c>
      <c r="EU30" s="71">
        <v>0</v>
      </c>
      <c r="EV30" s="71">
        <v>0</v>
      </c>
      <c r="EW30" s="71">
        <v>0</v>
      </c>
      <c r="EX30" s="71">
        <v>0</v>
      </c>
      <c r="EY30" s="72">
        <v>2</v>
      </c>
      <c r="EZ30" s="73">
        <v>2</v>
      </c>
      <c r="FA30" s="70">
        <v>3</v>
      </c>
      <c r="FB30" s="71">
        <v>0</v>
      </c>
      <c r="FC30" s="72">
        <v>3</v>
      </c>
      <c r="FD30" s="244"/>
      <c r="FE30" s="71">
        <v>2</v>
      </c>
      <c r="FF30" s="71">
        <v>1</v>
      </c>
      <c r="FG30" s="71">
        <v>0</v>
      </c>
      <c r="FH30" s="71">
        <v>0</v>
      </c>
      <c r="FI30" s="71">
        <v>1</v>
      </c>
      <c r="FJ30" s="72">
        <v>4</v>
      </c>
      <c r="FK30" s="73">
        <v>7</v>
      </c>
      <c r="FL30" s="70">
        <v>1</v>
      </c>
      <c r="FM30" s="71">
        <v>1</v>
      </c>
      <c r="FN30" s="72">
        <v>2</v>
      </c>
      <c r="FO30" s="244"/>
      <c r="FP30" s="71">
        <v>0</v>
      </c>
      <c r="FQ30" s="71">
        <v>2</v>
      </c>
      <c r="FR30" s="71">
        <v>3</v>
      </c>
      <c r="FS30" s="71">
        <v>3</v>
      </c>
      <c r="FT30" s="71">
        <v>0</v>
      </c>
      <c r="FU30" s="72">
        <v>8</v>
      </c>
      <c r="FV30" s="73">
        <v>10</v>
      </c>
      <c r="FW30" s="70">
        <v>0</v>
      </c>
      <c r="FX30" s="71">
        <v>0</v>
      </c>
      <c r="FY30" s="72">
        <v>0</v>
      </c>
      <c r="FZ30" s="244"/>
      <c r="GA30" s="71">
        <v>0</v>
      </c>
      <c r="GB30" s="71">
        <v>0</v>
      </c>
      <c r="GC30" s="71">
        <v>0</v>
      </c>
      <c r="GD30" s="71">
        <v>0</v>
      </c>
      <c r="GE30" s="71">
        <v>0</v>
      </c>
      <c r="GF30" s="72">
        <v>0</v>
      </c>
      <c r="GG30" s="73">
        <v>0</v>
      </c>
      <c r="GH30" s="70">
        <v>4</v>
      </c>
      <c r="GI30" s="71">
        <v>1</v>
      </c>
      <c r="GJ30" s="72">
        <v>5</v>
      </c>
      <c r="GK30" s="244"/>
      <c r="GL30" s="71">
        <v>4</v>
      </c>
      <c r="GM30" s="71">
        <v>3</v>
      </c>
      <c r="GN30" s="71">
        <v>3</v>
      </c>
      <c r="GO30" s="71">
        <v>3</v>
      </c>
      <c r="GP30" s="71">
        <v>1</v>
      </c>
      <c r="GQ30" s="72">
        <v>14</v>
      </c>
      <c r="GR30" s="73">
        <v>19</v>
      </c>
      <c r="GS30" s="123">
        <v>19</v>
      </c>
      <c r="GT30" s="82">
        <v>29</v>
      </c>
      <c r="GU30" s="83">
        <v>48</v>
      </c>
      <c r="GV30" s="241"/>
      <c r="GW30" s="82">
        <v>25</v>
      </c>
      <c r="GX30" s="82">
        <v>19</v>
      </c>
      <c r="GY30" s="82">
        <v>26</v>
      </c>
      <c r="GZ30" s="82">
        <v>14</v>
      </c>
      <c r="HA30" s="82">
        <v>9</v>
      </c>
      <c r="HB30" s="84">
        <v>93</v>
      </c>
      <c r="HC30" s="85">
        <v>141</v>
      </c>
      <c r="HD30" s="70">
        <v>0</v>
      </c>
      <c r="HE30" s="71">
        <v>1</v>
      </c>
      <c r="HF30" s="72">
        <v>1</v>
      </c>
      <c r="HG30" s="244"/>
      <c r="HH30" s="71">
        <v>0</v>
      </c>
      <c r="HI30" s="71">
        <v>0</v>
      </c>
      <c r="HJ30" s="71">
        <v>0</v>
      </c>
      <c r="HK30" s="71">
        <v>0</v>
      </c>
      <c r="HL30" s="71">
        <v>0</v>
      </c>
      <c r="HM30" s="72">
        <v>0</v>
      </c>
      <c r="HN30" s="73">
        <v>1</v>
      </c>
      <c r="HO30" s="70">
        <v>0</v>
      </c>
      <c r="HP30" s="71">
        <v>2</v>
      </c>
      <c r="HQ30" s="72">
        <v>2</v>
      </c>
      <c r="HR30" s="244"/>
      <c r="HS30" s="71">
        <v>1</v>
      </c>
      <c r="HT30" s="71">
        <v>1</v>
      </c>
      <c r="HU30" s="71">
        <v>0</v>
      </c>
      <c r="HV30" s="71">
        <v>1</v>
      </c>
      <c r="HW30" s="71">
        <v>0</v>
      </c>
      <c r="HX30" s="72">
        <v>3</v>
      </c>
      <c r="HY30" s="73">
        <v>5</v>
      </c>
      <c r="HZ30" s="70">
        <v>1</v>
      </c>
      <c r="IA30" s="71">
        <v>1</v>
      </c>
      <c r="IB30" s="72">
        <v>2</v>
      </c>
      <c r="IC30" s="244"/>
      <c r="ID30" s="71">
        <v>1</v>
      </c>
      <c r="IE30" s="71">
        <v>0</v>
      </c>
      <c r="IF30" s="71">
        <v>2</v>
      </c>
      <c r="IG30" s="71">
        <v>0</v>
      </c>
      <c r="IH30" s="71">
        <v>0</v>
      </c>
      <c r="II30" s="72">
        <v>3</v>
      </c>
      <c r="IJ30" s="73">
        <v>5</v>
      </c>
      <c r="IK30" s="70">
        <v>4</v>
      </c>
      <c r="IL30" s="71">
        <v>2</v>
      </c>
      <c r="IM30" s="72">
        <v>6</v>
      </c>
      <c r="IN30" s="244"/>
      <c r="IO30" s="71">
        <v>12</v>
      </c>
      <c r="IP30" s="71">
        <v>4</v>
      </c>
      <c r="IQ30" s="71">
        <v>8</v>
      </c>
      <c r="IR30" s="71">
        <v>1</v>
      </c>
      <c r="IS30" s="71">
        <v>2</v>
      </c>
      <c r="IT30" s="72">
        <v>27</v>
      </c>
      <c r="IU30" s="73">
        <v>33</v>
      </c>
      <c r="IV30" s="70">
        <v>8</v>
      </c>
      <c r="IW30" s="71">
        <v>11</v>
      </c>
      <c r="IX30" s="72">
        <v>19</v>
      </c>
      <c r="IY30" s="244"/>
      <c r="IZ30" s="71">
        <v>5</v>
      </c>
      <c r="JA30" s="71">
        <v>6</v>
      </c>
      <c r="JB30" s="71">
        <v>5</v>
      </c>
      <c r="JC30" s="71">
        <v>6</v>
      </c>
      <c r="JD30" s="71">
        <v>6</v>
      </c>
      <c r="JE30" s="72">
        <v>28</v>
      </c>
      <c r="JF30" s="73">
        <v>47</v>
      </c>
      <c r="JG30" s="70">
        <v>6</v>
      </c>
      <c r="JH30" s="71">
        <v>12</v>
      </c>
      <c r="JI30" s="72">
        <v>18</v>
      </c>
      <c r="JJ30" s="244"/>
      <c r="JK30" s="71">
        <v>6</v>
      </c>
      <c r="JL30" s="71">
        <v>8</v>
      </c>
      <c r="JM30" s="71">
        <v>11</v>
      </c>
      <c r="JN30" s="71">
        <v>6</v>
      </c>
      <c r="JO30" s="71">
        <v>1</v>
      </c>
      <c r="JP30" s="72">
        <v>32</v>
      </c>
      <c r="JQ30" s="73">
        <v>50</v>
      </c>
      <c r="JR30" s="70">
        <v>0</v>
      </c>
      <c r="JS30" s="71">
        <v>0</v>
      </c>
      <c r="JT30" s="72">
        <v>0</v>
      </c>
      <c r="JU30" s="244"/>
      <c r="JV30" s="71">
        <v>0</v>
      </c>
      <c r="JW30" s="71">
        <v>0</v>
      </c>
      <c r="JX30" s="71">
        <v>0</v>
      </c>
      <c r="JY30" s="71">
        <v>0</v>
      </c>
      <c r="JZ30" s="71">
        <v>0</v>
      </c>
      <c r="KA30" s="72">
        <v>0</v>
      </c>
      <c r="KB30" s="73">
        <v>0</v>
      </c>
      <c r="KC30" s="70">
        <v>19</v>
      </c>
      <c r="KD30" s="71">
        <v>29</v>
      </c>
      <c r="KE30" s="72">
        <v>48</v>
      </c>
      <c r="KF30" s="244"/>
      <c r="KG30" s="71">
        <v>25</v>
      </c>
      <c r="KH30" s="71">
        <v>19</v>
      </c>
      <c r="KI30" s="71">
        <v>26</v>
      </c>
      <c r="KJ30" s="71">
        <v>14</v>
      </c>
      <c r="KK30" s="71">
        <v>9</v>
      </c>
      <c r="KL30" s="72">
        <v>93</v>
      </c>
      <c r="KM30" s="73">
        <v>141</v>
      </c>
    </row>
    <row r="31" spans="2:299" ht="19.5" customHeight="1" x14ac:dyDescent="0.2">
      <c r="B31" s="126" t="s">
        <v>28</v>
      </c>
      <c r="C31" s="316">
        <v>1</v>
      </c>
      <c r="D31" s="82">
        <v>2</v>
      </c>
      <c r="E31" s="83">
        <v>3</v>
      </c>
      <c r="F31" s="241"/>
      <c r="G31" s="82">
        <v>7</v>
      </c>
      <c r="H31" s="82">
        <v>7</v>
      </c>
      <c r="I31" s="82">
        <v>1</v>
      </c>
      <c r="J31" s="82">
        <v>4</v>
      </c>
      <c r="K31" s="82">
        <v>2</v>
      </c>
      <c r="L31" s="84">
        <v>21</v>
      </c>
      <c r="M31" s="85">
        <v>24</v>
      </c>
      <c r="N31" s="70">
        <v>0</v>
      </c>
      <c r="O31" s="71">
        <v>0</v>
      </c>
      <c r="P31" s="72">
        <v>0</v>
      </c>
      <c r="Q31" s="244"/>
      <c r="R31" s="71">
        <v>0</v>
      </c>
      <c r="S31" s="71">
        <v>0</v>
      </c>
      <c r="T31" s="71">
        <v>0</v>
      </c>
      <c r="U31" s="71">
        <v>0</v>
      </c>
      <c r="V31" s="71">
        <v>0</v>
      </c>
      <c r="W31" s="72">
        <v>0</v>
      </c>
      <c r="X31" s="73">
        <v>0</v>
      </c>
      <c r="Y31" s="70">
        <v>0</v>
      </c>
      <c r="Z31" s="71">
        <v>0</v>
      </c>
      <c r="AA31" s="72">
        <v>0</v>
      </c>
      <c r="AB31" s="244"/>
      <c r="AC31" s="71">
        <v>0</v>
      </c>
      <c r="AD31" s="71">
        <v>2</v>
      </c>
      <c r="AE31" s="71">
        <v>0</v>
      </c>
      <c r="AF31" s="71">
        <v>0</v>
      </c>
      <c r="AG31" s="71">
        <v>0</v>
      </c>
      <c r="AH31" s="72">
        <v>2</v>
      </c>
      <c r="AI31" s="73">
        <v>2</v>
      </c>
      <c r="AJ31" s="70">
        <v>0</v>
      </c>
      <c r="AK31" s="71">
        <v>0</v>
      </c>
      <c r="AL31" s="72">
        <v>0</v>
      </c>
      <c r="AM31" s="244"/>
      <c r="AN31" s="71">
        <v>0</v>
      </c>
      <c r="AO31" s="71">
        <v>0</v>
      </c>
      <c r="AP31" s="71">
        <v>0</v>
      </c>
      <c r="AQ31" s="71">
        <v>1</v>
      </c>
      <c r="AR31" s="71">
        <v>0</v>
      </c>
      <c r="AS31" s="72">
        <v>1</v>
      </c>
      <c r="AT31" s="73">
        <v>1</v>
      </c>
      <c r="AU31" s="70">
        <v>1</v>
      </c>
      <c r="AV31" s="71">
        <v>0</v>
      </c>
      <c r="AW31" s="72">
        <v>1</v>
      </c>
      <c r="AX31" s="244"/>
      <c r="AY31" s="71">
        <v>1</v>
      </c>
      <c r="AZ31" s="71">
        <v>2</v>
      </c>
      <c r="BA31" s="71">
        <v>0</v>
      </c>
      <c r="BB31" s="71">
        <v>1</v>
      </c>
      <c r="BC31" s="71">
        <v>0</v>
      </c>
      <c r="BD31" s="72">
        <v>4</v>
      </c>
      <c r="BE31" s="73">
        <v>5</v>
      </c>
      <c r="BF31" s="70">
        <v>0</v>
      </c>
      <c r="BG31" s="71">
        <v>2</v>
      </c>
      <c r="BH31" s="72">
        <v>2</v>
      </c>
      <c r="BI31" s="244"/>
      <c r="BJ31" s="71">
        <v>6</v>
      </c>
      <c r="BK31" s="71">
        <v>2</v>
      </c>
      <c r="BL31" s="71">
        <v>0</v>
      </c>
      <c r="BM31" s="71">
        <v>1</v>
      </c>
      <c r="BN31" s="71">
        <v>2</v>
      </c>
      <c r="BO31" s="72">
        <v>11</v>
      </c>
      <c r="BP31" s="73">
        <v>13</v>
      </c>
      <c r="BQ31" s="70">
        <v>0</v>
      </c>
      <c r="BR31" s="71">
        <v>0</v>
      </c>
      <c r="BS31" s="72">
        <v>0</v>
      </c>
      <c r="BT31" s="244"/>
      <c r="BU31" s="71">
        <v>0</v>
      </c>
      <c r="BV31" s="71">
        <v>1</v>
      </c>
      <c r="BW31" s="71">
        <v>1</v>
      </c>
      <c r="BX31" s="71">
        <v>1</v>
      </c>
      <c r="BY31" s="71">
        <v>0</v>
      </c>
      <c r="BZ31" s="72">
        <v>3</v>
      </c>
      <c r="CA31" s="73">
        <v>3</v>
      </c>
      <c r="CB31" s="70">
        <v>0</v>
      </c>
      <c r="CC31" s="71">
        <v>0</v>
      </c>
      <c r="CD31" s="72">
        <v>0</v>
      </c>
      <c r="CE31" s="244"/>
      <c r="CF31" s="71">
        <v>0</v>
      </c>
      <c r="CG31" s="71">
        <v>0</v>
      </c>
      <c r="CH31" s="71">
        <v>0</v>
      </c>
      <c r="CI31" s="71">
        <v>0</v>
      </c>
      <c r="CJ31" s="71">
        <v>0</v>
      </c>
      <c r="CK31" s="72">
        <v>0</v>
      </c>
      <c r="CL31" s="73">
        <v>0</v>
      </c>
      <c r="CM31" s="70">
        <v>1</v>
      </c>
      <c r="CN31" s="71">
        <v>2</v>
      </c>
      <c r="CO31" s="72">
        <v>3</v>
      </c>
      <c r="CP31" s="244"/>
      <c r="CQ31" s="71">
        <v>7</v>
      </c>
      <c r="CR31" s="71">
        <v>7</v>
      </c>
      <c r="CS31" s="71">
        <v>1</v>
      </c>
      <c r="CT31" s="71">
        <v>4</v>
      </c>
      <c r="CU31" s="71">
        <v>2</v>
      </c>
      <c r="CV31" s="72">
        <v>21</v>
      </c>
      <c r="CW31" s="73">
        <v>24</v>
      </c>
      <c r="CX31" s="123">
        <v>0</v>
      </c>
      <c r="CY31" s="82">
        <v>2</v>
      </c>
      <c r="CZ31" s="83">
        <v>2</v>
      </c>
      <c r="DA31" s="241"/>
      <c r="DB31" s="82">
        <v>3</v>
      </c>
      <c r="DC31" s="82">
        <v>1</v>
      </c>
      <c r="DD31" s="82">
        <v>0</v>
      </c>
      <c r="DE31" s="82">
        <v>1</v>
      </c>
      <c r="DF31" s="82">
        <v>2</v>
      </c>
      <c r="DG31" s="84">
        <v>7</v>
      </c>
      <c r="DH31" s="85">
        <v>9</v>
      </c>
      <c r="DI31" s="70">
        <v>0</v>
      </c>
      <c r="DJ31" s="71">
        <v>0</v>
      </c>
      <c r="DK31" s="72">
        <v>0</v>
      </c>
      <c r="DL31" s="244"/>
      <c r="DM31" s="71">
        <v>0</v>
      </c>
      <c r="DN31" s="71">
        <v>0</v>
      </c>
      <c r="DO31" s="71">
        <v>0</v>
      </c>
      <c r="DP31" s="71">
        <v>0</v>
      </c>
      <c r="DQ31" s="71">
        <v>0</v>
      </c>
      <c r="DR31" s="72">
        <v>0</v>
      </c>
      <c r="DS31" s="73">
        <v>0</v>
      </c>
      <c r="DT31" s="70">
        <v>0</v>
      </c>
      <c r="DU31" s="71">
        <v>0</v>
      </c>
      <c r="DV31" s="72">
        <v>0</v>
      </c>
      <c r="DW31" s="244"/>
      <c r="DX31" s="71">
        <v>0</v>
      </c>
      <c r="DY31" s="71">
        <v>0</v>
      </c>
      <c r="DZ31" s="71">
        <v>0</v>
      </c>
      <c r="EA31" s="71">
        <v>0</v>
      </c>
      <c r="EB31" s="71">
        <v>0</v>
      </c>
      <c r="EC31" s="72">
        <v>0</v>
      </c>
      <c r="ED31" s="73">
        <v>0</v>
      </c>
      <c r="EE31" s="70">
        <v>0</v>
      </c>
      <c r="EF31" s="71">
        <v>1</v>
      </c>
      <c r="EG31" s="72">
        <v>1</v>
      </c>
      <c r="EH31" s="244"/>
      <c r="EI31" s="71">
        <v>0</v>
      </c>
      <c r="EJ31" s="71">
        <v>0</v>
      </c>
      <c r="EK31" s="71">
        <v>0</v>
      </c>
      <c r="EL31" s="71">
        <v>0</v>
      </c>
      <c r="EM31" s="71">
        <v>0</v>
      </c>
      <c r="EN31" s="72">
        <v>0</v>
      </c>
      <c r="EO31" s="73">
        <v>1</v>
      </c>
      <c r="EP31" s="70">
        <v>0</v>
      </c>
      <c r="EQ31" s="71">
        <v>0</v>
      </c>
      <c r="ER31" s="72">
        <v>0</v>
      </c>
      <c r="ES31" s="244"/>
      <c r="ET31" s="71">
        <v>1</v>
      </c>
      <c r="EU31" s="71">
        <v>1</v>
      </c>
      <c r="EV31" s="71">
        <v>0</v>
      </c>
      <c r="EW31" s="71">
        <v>0</v>
      </c>
      <c r="EX31" s="71">
        <v>1</v>
      </c>
      <c r="EY31" s="72">
        <v>3</v>
      </c>
      <c r="EZ31" s="73">
        <v>3</v>
      </c>
      <c r="FA31" s="70">
        <v>0</v>
      </c>
      <c r="FB31" s="71">
        <v>0</v>
      </c>
      <c r="FC31" s="72">
        <v>0</v>
      </c>
      <c r="FD31" s="244"/>
      <c r="FE31" s="71">
        <v>1</v>
      </c>
      <c r="FF31" s="71">
        <v>0</v>
      </c>
      <c r="FG31" s="71">
        <v>0</v>
      </c>
      <c r="FH31" s="71">
        <v>0</v>
      </c>
      <c r="FI31" s="71">
        <v>0</v>
      </c>
      <c r="FJ31" s="72">
        <v>1</v>
      </c>
      <c r="FK31" s="73">
        <v>1</v>
      </c>
      <c r="FL31" s="70">
        <v>0</v>
      </c>
      <c r="FM31" s="71">
        <v>1</v>
      </c>
      <c r="FN31" s="72">
        <v>1</v>
      </c>
      <c r="FO31" s="244"/>
      <c r="FP31" s="71">
        <v>1</v>
      </c>
      <c r="FQ31" s="71">
        <v>0</v>
      </c>
      <c r="FR31" s="71">
        <v>0</v>
      </c>
      <c r="FS31" s="71">
        <v>1</v>
      </c>
      <c r="FT31" s="71">
        <v>1</v>
      </c>
      <c r="FU31" s="72">
        <v>3</v>
      </c>
      <c r="FV31" s="73">
        <v>4</v>
      </c>
      <c r="FW31" s="70">
        <v>0</v>
      </c>
      <c r="FX31" s="71">
        <v>0</v>
      </c>
      <c r="FY31" s="72">
        <v>0</v>
      </c>
      <c r="FZ31" s="244"/>
      <c r="GA31" s="71">
        <v>0</v>
      </c>
      <c r="GB31" s="71">
        <v>0</v>
      </c>
      <c r="GC31" s="71">
        <v>0</v>
      </c>
      <c r="GD31" s="71">
        <v>0</v>
      </c>
      <c r="GE31" s="71">
        <v>0</v>
      </c>
      <c r="GF31" s="72">
        <v>0</v>
      </c>
      <c r="GG31" s="73">
        <v>0</v>
      </c>
      <c r="GH31" s="70">
        <v>0</v>
      </c>
      <c r="GI31" s="71">
        <v>2</v>
      </c>
      <c r="GJ31" s="72">
        <v>2</v>
      </c>
      <c r="GK31" s="244"/>
      <c r="GL31" s="71">
        <v>3</v>
      </c>
      <c r="GM31" s="71">
        <v>1</v>
      </c>
      <c r="GN31" s="71">
        <v>0</v>
      </c>
      <c r="GO31" s="71">
        <v>1</v>
      </c>
      <c r="GP31" s="71">
        <v>2</v>
      </c>
      <c r="GQ31" s="72">
        <v>7</v>
      </c>
      <c r="GR31" s="73">
        <v>9</v>
      </c>
      <c r="GS31" s="123">
        <v>1</v>
      </c>
      <c r="GT31" s="82">
        <v>4</v>
      </c>
      <c r="GU31" s="83">
        <v>5</v>
      </c>
      <c r="GV31" s="241"/>
      <c r="GW31" s="82">
        <v>10</v>
      </c>
      <c r="GX31" s="82">
        <v>8</v>
      </c>
      <c r="GY31" s="82">
        <v>1</v>
      </c>
      <c r="GZ31" s="82">
        <v>5</v>
      </c>
      <c r="HA31" s="82">
        <v>4</v>
      </c>
      <c r="HB31" s="84">
        <v>28</v>
      </c>
      <c r="HC31" s="85">
        <v>33</v>
      </c>
      <c r="HD31" s="70">
        <v>0</v>
      </c>
      <c r="HE31" s="71">
        <v>0</v>
      </c>
      <c r="HF31" s="72">
        <v>0</v>
      </c>
      <c r="HG31" s="244"/>
      <c r="HH31" s="71">
        <v>0</v>
      </c>
      <c r="HI31" s="71">
        <v>0</v>
      </c>
      <c r="HJ31" s="71">
        <v>0</v>
      </c>
      <c r="HK31" s="71">
        <v>0</v>
      </c>
      <c r="HL31" s="71">
        <v>0</v>
      </c>
      <c r="HM31" s="72">
        <v>0</v>
      </c>
      <c r="HN31" s="73">
        <v>0</v>
      </c>
      <c r="HO31" s="70">
        <v>0</v>
      </c>
      <c r="HP31" s="71">
        <v>0</v>
      </c>
      <c r="HQ31" s="72">
        <v>0</v>
      </c>
      <c r="HR31" s="244"/>
      <c r="HS31" s="71">
        <v>0</v>
      </c>
      <c r="HT31" s="71">
        <v>2</v>
      </c>
      <c r="HU31" s="71">
        <v>0</v>
      </c>
      <c r="HV31" s="71">
        <v>0</v>
      </c>
      <c r="HW31" s="71">
        <v>0</v>
      </c>
      <c r="HX31" s="72">
        <v>2</v>
      </c>
      <c r="HY31" s="73">
        <v>2</v>
      </c>
      <c r="HZ31" s="70">
        <v>0</v>
      </c>
      <c r="IA31" s="71">
        <v>1</v>
      </c>
      <c r="IB31" s="72">
        <v>1</v>
      </c>
      <c r="IC31" s="244"/>
      <c r="ID31" s="71">
        <v>0</v>
      </c>
      <c r="IE31" s="71">
        <v>0</v>
      </c>
      <c r="IF31" s="71">
        <v>0</v>
      </c>
      <c r="IG31" s="71">
        <v>1</v>
      </c>
      <c r="IH31" s="71">
        <v>0</v>
      </c>
      <c r="II31" s="72">
        <v>1</v>
      </c>
      <c r="IJ31" s="73">
        <v>2</v>
      </c>
      <c r="IK31" s="70">
        <v>1</v>
      </c>
      <c r="IL31" s="71">
        <v>0</v>
      </c>
      <c r="IM31" s="72">
        <v>1</v>
      </c>
      <c r="IN31" s="244"/>
      <c r="IO31" s="71">
        <v>2</v>
      </c>
      <c r="IP31" s="71">
        <v>3</v>
      </c>
      <c r="IQ31" s="71">
        <v>0</v>
      </c>
      <c r="IR31" s="71">
        <v>1</v>
      </c>
      <c r="IS31" s="71">
        <v>1</v>
      </c>
      <c r="IT31" s="72">
        <v>7</v>
      </c>
      <c r="IU31" s="73">
        <v>8</v>
      </c>
      <c r="IV31" s="70">
        <v>0</v>
      </c>
      <c r="IW31" s="71">
        <v>2</v>
      </c>
      <c r="IX31" s="72">
        <v>2</v>
      </c>
      <c r="IY31" s="244"/>
      <c r="IZ31" s="71">
        <v>7</v>
      </c>
      <c r="JA31" s="71">
        <v>2</v>
      </c>
      <c r="JB31" s="71">
        <v>0</v>
      </c>
      <c r="JC31" s="71">
        <v>1</v>
      </c>
      <c r="JD31" s="71">
        <v>2</v>
      </c>
      <c r="JE31" s="72">
        <v>12</v>
      </c>
      <c r="JF31" s="73">
        <v>14</v>
      </c>
      <c r="JG31" s="70">
        <v>0</v>
      </c>
      <c r="JH31" s="71">
        <v>1</v>
      </c>
      <c r="JI31" s="72">
        <v>1</v>
      </c>
      <c r="JJ31" s="244"/>
      <c r="JK31" s="71">
        <v>1</v>
      </c>
      <c r="JL31" s="71">
        <v>1</v>
      </c>
      <c r="JM31" s="71">
        <v>1</v>
      </c>
      <c r="JN31" s="71">
        <v>2</v>
      </c>
      <c r="JO31" s="71">
        <v>1</v>
      </c>
      <c r="JP31" s="72">
        <v>6</v>
      </c>
      <c r="JQ31" s="73">
        <v>7</v>
      </c>
      <c r="JR31" s="70">
        <v>0</v>
      </c>
      <c r="JS31" s="71">
        <v>0</v>
      </c>
      <c r="JT31" s="72">
        <v>0</v>
      </c>
      <c r="JU31" s="244"/>
      <c r="JV31" s="71">
        <v>0</v>
      </c>
      <c r="JW31" s="71">
        <v>0</v>
      </c>
      <c r="JX31" s="71">
        <v>0</v>
      </c>
      <c r="JY31" s="71">
        <v>0</v>
      </c>
      <c r="JZ31" s="71">
        <v>0</v>
      </c>
      <c r="KA31" s="72">
        <v>0</v>
      </c>
      <c r="KB31" s="73">
        <v>0</v>
      </c>
      <c r="KC31" s="70">
        <v>1</v>
      </c>
      <c r="KD31" s="71">
        <v>4</v>
      </c>
      <c r="KE31" s="72">
        <v>5</v>
      </c>
      <c r="KF31" s="244"/>
      <c r="KG31" s="71">
        <v>10</v>
      </c>
      <c r="KH31" s="71">
        <v>8</v>
      </c>
      <c r="KI31" s="71">
        <v>1</v>
      </c>
      <c r="KJ31" s="71">
        <v>5</v>
      </c>
      <c r="KK31" s="71">
        <v>4</v>
      </c>
      <c r="KL31" s="72">
        <v>28</v>
      </c>
      <c r="KM31" s="73">
        <v>33</v>
      </c>
    </row>
    <row r="32" spans="2:299" ht="19.5" customHeight="1" x14ac:dyDescent="0.2">
      <c r="B32" s="126" t="s">
        <v>29</v>
      </c>
      <c r="C32" s="316">
        <v>4</v>
      </c>
      <c r="D32" s="82">
        <v>3</v>
      </c>
      <c r="E32" s="83">
        <v>7</v>
      </c>
      <c r="F32" s="241"/>
      <c r="G32" s="82">
        <v>4</v>
      </c>
      <c r="H32" s="82">
        <v>5</v>
      </c>
      <c r="I32" s="82">
        <v>3</v>
      </c>
      <c r="J32" s="82">
        <v>4</v>
      </c>
      <c r="K32" s="82">
        <v>5</v>
      </c>
      <c r="L32" s="84">
        <v>21</v>
      </c>
      <c r="M32" s="85">
        <v>28</v>
      </c>
      <c r="N32" s="70">
        <v>0</v>
      </c>
      <c r="O32" s="71">
        <v>0</v>
      </c>
      <c r="P32" s="72">
        <v>0</v>
      </c>
      <c r="Q32" s="244"/>
      <c r="R32" s="71">
        <v>0</v>
      </c>
      <c r="S32" s="71">
        <v>0</v>
      </c>
      <c r="T32" s="71">
        <v>0</v>
      </c>
      <c r="U32" s="71">
        <v>0</v>
      </c>
      <c r="V32" s="71">
        <v>0</v>
      </c>
      <c r="W32" s="72">
        <v>0</v>
      </c>
      <c r="X32" s="73">
        <v>0</v>
      </c>
      <c r="Y32" s="70">
        <v>0</v>
      </c>
      <c r="Z32" s="71">
        <v>1</v>
      </c>
      <c r="AA32" s="72">
        <v>1</v>
      </c>
      <c r="AB32" s="244"/>
      <c r="AC32" s="71">
        <v>0</v>
      </c>
      <c r="AD32" s="71">
        <v>0</v>
      </c>
      <c r="AE32" s="71">
        <v>0</v>
      </c>
      <c r="AF32" s="71">
        <v>1</v>
      </c>
      <c r="AG32" s="71">
        <v>0</v>
      </c>
      <c r="AH32" s="72">
        <v>1</v>
      </c>
      <c r="AI32" s="73">
        <v>2</v>
      </c>
      <c r="AJ32" s="70">
        <v>1</v>
      </c>
      <c r="AK32" s="71">
        <v>0</v>
      </c>
      <c r="AL32" s="72">
        <v>1</v>
      </c>
      <c r="AM32" s="244"/>
      <c r="AN32" s="71">
        <v>0</v>
      </c>
      <c r="AO32" s="71">
        <v>0</v>
      </c>
      <c r="AP32" s="71">
        <v>0</v>
      </c>
      <c r="AQ32" s="71">
        <v>0</v>
      </c>
      <c r="AR32" s="71">
        <v>1</v>
      </c>
      <c r="AS32" s="72">
        <v>1</v>
      </c>
      <c r="AT32" s="73">
        <v>2</v>
      </c>
      <c r="AU32" s="70">
        <v>2</v>
      </c>
      <c r="AV32" s="71">
        <v>1</v>
      </c>
      <c r="AW32" s="72">
        <v>3</v>
      </c>
      <c r="AX32" s="244"/>
      <c r="AY32" s="71">
        <v>1</v>
      </c>
      <c r="AZ32" s="71">
        <v>2</v>
      </c>
      <c r="BA32" s="71">
        <v>0</v>
      </c>
      <c r="BB32" s="71">
        <v>1</v>
      </c>
      <c r="BC32" s="71">
        <v>0</v>
      </c>
      <c r="BD32" s="72">
        <v>4</v>
      </c>
      <c r="BE32" s="73">
        <v>7</v>
      </c>
      <c r="BF32" s="70">
        <v>0</v>
      </c>
      <c r="BG32" s="71">
        <v>1</v>
      </c>
      <c r="BH32" s="72">
        <v>1</v>
      </c>
      <c r="BI32" s="244"/>
      <c r="BJ32" s="71">
        <v>3</v>
      </c>
      <c r="BK32" s="71">
        <v>2</v>
      </c>
      <c r="BL32" s="71">
        <v>2</v>
      </c>
      <c r="BM32" s="71">
        <v>1</v>
      </c>
      <c r="BN32" s="71">
        <v>2</v>
      </c>
      <c r="BO32" s="72">
        <v>10</v>
      </c>
      <c r="BP32" s="73">
        <v>11</v>
      </c>
      <c r="BQ32" s="70">
        <v>1</v>
      </c>
      <c r="BR32" s="71">
        <v>0</v>
      </c>
      <c r="BS32" s="72">
        <v>1</v>
      </c>
      <c r="BT32" s="244"/>
      <c r="BU32" s="71">
        <v>0</v>
      </c>
      <c r="BV32" s="71">
        <v>1</v>
      </c>
      <c r="BW32" s="71">
        <v>1</v>
      </c>
      <c r="BX32" s="71">
        <v>1</v>
      </c>
      <c r="BY32" s="71">
        <v>2</v>
      </c>
      <c r="BZ32" s="72">
        <v>5</v>
      </c>
      <c r="CA32" s="73">
        <v>6</v>
      </c>
      <c r="CB32" s="70">
        <v>0</v>
      </c>
      <c r="CC32" s="71">
        <v>0</v>
      </c>
      <c r="CD32" s="72">
        <v>0</v>
      </c>
      <c r="CE32" s="244"/>
      <c r="CF32" s="71">
        <v>0</v>
      </c>
      <c r="CG32" s="71">
        <v>0</v>
      </c>
      <c r="CH32" s="71">
        <v>0</v>
      </c>
      <c r="CI32" s="71">
        <v>0</v>
      </c>
      <c r="CJ32" s="71">
        <v>0</v>
      </c>
      <c r="CK32" s="72">
        <v>0</v>
      </c>
      <c r="CL32" s="73">
        <v>0</v>
      </c>
      <c r="CM32" s="70">
        <v>4</v>
      </c>
      <c r="CN32" s="71">
        <v>3</v>
      </c>
      <c r="CO32" s="72">
        <v>7</v>
      </c>
      <c r="CP32" s="244"/>
      <c r="CQ32" s="71">
        <v>4</v>
      </c>
      <c r="CR32" s="71">
        <v>5</v>
      </c>
      <c r="CS32" s="71">
        <v>3</v>
      </c>
      <c r="CT32" s="71">
        <v>4</v>
      </c>
      <c r="CU32" s="71">
        <v>5</v>
      </c>
      <c r="CV32" s="72">
        <v>21</v>
      </c>
      <c r="CW32" s="73">
        <v>28</v>
      </c>
      <c r="CX32" s="123">
        <v>0</v>
      </c>
      <c r="CY32" s="82">
        <v>0</v>
      </c>
      <c r="CZ32" s="83">
        <v>0</v>
      </c>
      <c r="DA32" s="241"/>
      <c r="DB32" s="82">
        <v>2</v>
      </c>
      <c r="DC32" s="82">
        <v>1</v>
      </c>
      <c r="DD32" s="82">
        <v>0</v>
      </c>
      <c r="DE32" s="82">
        <v>0</v>
      </c>
      <c r="DF32" s="82">
        <v>0</v>
      </c>
      <c r="DG32" s="84">
        <v>3</v>
      </c>
      <c r="DH32" s="85">
        <v>3</v>
      </c>
      <c r="DI32" s="70">
        <v>0</v>
      </c>
      <c r="DJ32" s="71">
        <v>0</v>
      </c>
      <c r="DK32" s="72">
        <v>0</v>
      </c>
      <c r="DL32" s="244"/>
      <c r="DM32" s="71">
        <v>0</v>
      </c>
      <c r="DN32" s="71">
        <v>0</v>
      </c>
      <c r="DO32" s="71">
        <v>0</v>
      </c>
      <c r="DP32" s="71">
        <v>0</v>
      </c>
      <c r="DQ32" s="71">
        <v>0</v>
      </c>
      <c r="DR32" s="72">
        <v>0</v>
      </c>
      <c r="DS32" s="73">
        <v>0</v>
      </c>
      <c r="DT32" s="70">
        <v>0</v>
      </c>
      <c r="DU32" s="71">
        <v>0</v>
      </c>
      <c r="DV32" s="72">
        <v>0</v>
      </c>
      <c r="DW32" s="244"/>
      <c r="DX32" s="71">
        <v>0</v>
      </c>
      <c r="DY32" s="71">
        <v>0</v>
      </c>
      <c r="DZ32" s="71">
        <v>0</v>
      </c>
      <c r="EA32" s="71">
        <v>0</v>
      </c>
      <c r="EB32" s="71">
        <v>0</v>
      </c>
      <c r="EC32" s="72">
        <v>0</v>
      </c>
      <c r="ED32" s="73">
        <v>0</v>
      </c>
      <c r="EE32" s="70">
        <v>0</v>
      </c>
      <c r="EF32" s="71">
        <v>0</v>
      </c>
      <c r="EG32" s="72">
        <v>0</v>
      </c>
      <c r="EH32" s="244"/>
      <c r="EI32" s="71">
        <v>0</v>
      </c>
      <c r="EJ32" s="71">
        <v>0</v>
      </c>
      <c r="EK32" s="71">
        <v>0</v>
      </c>
      <c r="EL32" s="71">
        <v>0</v>
      </c>
      <c r="EM32" s="71">
        <v>0</v>
      </c>
      <c r="EN32" s="72">
        <v>0</v>
      </c>
      <c r="EO32" s="73">
        <v>0</v>
      </c>
      <c r="EP32" s="70">
        <v>0</v>
      </c>
      <c r="EQ32" s="71">
        <v>0</v>
      </c>
      <c r="ER32" s="72">
        <v>0</v>
      </c>
      <c r="ES32" s="244"/>
      <c r="ET32" s="71">
        <v>1</v>
      </c>
      <c r="EU32" s="71">
        <v>0</v>
      </c>
      <c r="EV32" s="71">
        <v>0</v>
      </c>
      <c r="EW32" s="71">
        <v>0</v>
      </c>
      <c r="EX32" s="71">
        <v>0</v>
      </c>
      <c r="EY32" s="72">
        <v>1</v>
      </c>
      <c r="EZ32" s="73">
        <v>1</v>
      </c>
      <c r="FA32" s="70">
        <v>0</v>
      </c>
      <c r="FB32" s="71">
        <v>0</v>
      </c>
      <c r="FC32" s="72">
        <v>0</v>
      </c>
      <c r="FD32" s="244"/>
      <c r="FE32" s="71">
        <v>1</v>
      </c>
      <c r="FF32" s="71">
        <v>0</v>
      </c>
      <c r="FG32" s="71">
        <v>0</v>
      </c>
      <c r="FH32" s="71">
        <v>0</v>
      </c>
      <c r="FI32" s="71">
        <v>0</v>
      </c>
      <c r="FJ32" s="72">
        <v>1</v>
      </c>
      <c r="FK32" s="73">
        <v>1</v>
      </c>
      <c r="FL32" s="70">
        <v>0</v>
      </c>
      <c r="FM32" s="71">
        <v>0</v>
      </c>
      <c r="FN32" s="72">
        <v>0</v>
      </c>
      <c r="FO32" s="244"/>
      <c r="FP32" s="71">
        <v>0</v>
      </c>
      <c r="FQ32" s="71">
        <v>1</v>
      </c>
      <c r="FR32" s="71">
        <v>0</v>
      </c>
      <c r="FS32" s="71">
        <v>0</v>
      </c>
      <c r="FT32" s="71">
        <v>0</v>
      </c>
      <c r="FU32" s="72">
        <v>1</v>
      </c>
      <c r="FV32" s="73">
        <v>1</v>
      </c>
      <c r="FW32" s="70">
        <v>0</v>
      </c>
      <c r="FX32" s="71">
        <v>0</v>
      </c>
      <c r="FY32" s="72">
        <v>0</v>
      </c>
      <c r="FZ32" s="244"/>
      <c r="GA32" s="71">
        <v>0</v>
      </c>
      <c r="GB32" s="71">
        <v>0</v>
      </c>
      <c r="GC32" s="71">
        <v>0</v>
      </c>
      <c r="GD32" s="71">
        <v>0</v>
      </c>
      <c r="GE32" s="71">
        <v>0</v>
      </c>
      <c r="GF32" s="72">
        <v>0</v>
      </c>
      <c r="GG32" s="73">
        <v>0</v>
      </c>
      <c r="GH32" s="70">
        <v>0</v>
      </c>
      <c r="GI32" s="71">
        <v>0</v>
      </c>
      <c r="GJ32" s="72">
        <v>0</v>
      </c>
      <c r="GK32" s="244"/>
      <c r="GL32" s="71">
        <v>2</v>
      </c>
      <c r="GM32" s="71">
        <v>1</v>
      </c>
      <c r="GN32" s="71">
        <v>0</v>
      </c>
      <c r="GO32" s="71">
        <v>0</v>
      </c>
      <c r="GP32" s="71">
        <v>0</v>
      </c>
      <c r="GQ32" s="72">
        <v>3</v>
      </c>
      <c r="GR32" s="73">
        <v>3</v>
      </c>
      <c r="GS32" s="123">
        <v>4</v>
      </c>
      <c r="GT32" s="82">
        <v>3</v>
      </c>
      <c r="GU32" s="83">
        <v>7</v>
      </c>
      <c r="GV32" s="241"/>
      <c r="GW32" s="82">
        <v>6</v>
      </c>
      <c r="GX32" s="82">
        <v>6</v>
      </c>
      <c r="GY32" s="82">
        <v>3</v>
      </c>
      <c r="GZ32" s="82">
        <v>4</v>
      </c>
      <c r="HA32" s="82">
        <v>5</v>
      </c>
      <c r="HB32" s="84">
        <v>24</v>
      </c>
      <c r="HC32" s="85">
        <v>31</v>
      </c>
      <c r="HD32" s="70">
        <v>0</v>
      </c>
      <c r="HE32" s="71">
        <v>0</v>
      </c>
      <c r="HF32" s="72">
        <v>0</v>
      </c>
      <c r="HG32" s="244"/>
      <c r="HH32" s="71">
        <v>0</v>
      </c>
      <c r="HI32" s="71">
        <v>0</v>
      </c>
      <c r="HJ32" s="71">
        <v>0</v>
      </c>
      <c r="HK32" s="71">
        <v>0</v>
      </c>
      <c r="HL32" s="71">
        <v>0</v>
      </c>
      <c r="HM32" s="72">
        <v>0</v>
      </c>
      <c r="HN32" s="73">
        <v>0</v>
      </c>
      <c r="HO32" s="70">
        <v>0</v>
      </c>
      <c r="HP32" s="71">
        <v>1</v>
      </c>
      <c r="HQ32" s="72">
        <v>1</v>
      </c>
      <c r="HR32" s="244"/>
      <c r="HS32" s="71">
        <v>0</v>
      </c>
      <c r="HT32" s="71">
        <v>0</v>
      </c>
      <c r="HU32" s="71">
        <v>0</v>
      </c>
      <c r="HV32" s="71">
        <v>1</v>
      </c>
      <c r="HW32" s="71">
        <v>0</v>
      </c>
      <c r="HX32" s="72">
        <v>1</v>
      </c>
      <c r="HY32" s="73">
        <v>2</v>
      </c>
      <c r="HZ32" s="70">
        <v>1</v>
      </c>
      <c r="IA32" s="71">
        <v>0</v>
      </c>
      <c r="IB32" s="72">
        <v>1</v>
      </c>
      <c r="IC32" s="244"/>
      <c r="ID32" s="71">
        <v>0</v>
      </c>
      <c r="IE32" s="71">
        <v>0</v>
      </c>
      <c r="IF32" s="71">
        <v>0</v>
      </c>
      <c r="IG32" s="71">
        <v>0</v>
      </c>
      <c r="IH32" s="71">
        <v>1</v>
      </c>
      <c r="II32" s="72">
        <v>1</v>
      </c>
      <c r="IJ32" s="73">
        <v>2</v>
      </c>
      <c r="IK32" s="70">
        <v>2</v>
      </c>
      <c r="IL32" s="71">
        <v>1</v>
      </c>
      <c r="IM32" s="72">
        <v>3</v>
      </c>
      <c r="IN32" s="244"/>
      <c r="IO32" s="71">
        <v>2</v>
      </c>
      <c r="IP32" s="71">
        <v>2</v>
      </c>
      <c r="IQ32" s="71">
        <v>0</v>
      </c>
      <c r="IR32" s="71">
        <v>1</v>
      </c>
      <c r="IS32" s="71">
        <v>0</v>
      </c>
      <c r="IT32" s="72">
        <v>5</v>
      </c>
      <c r="IU32" s="73">
        <v>8</v>
      </c>
      <c r="IV32" s="70">
        <v>0</v>
      </c>
      <c r="IW32" s="71">
        <v>1</v>
      </c>
      <c r="IX32" s="72">
        <v>1</v>
      </c>
      <c r="IY32" s="244"/>
      <c r="IZ32" s="71">
        <v>4</v>
      </c>
      <c r="JA32" s="71">
        <v>2</v>
      </c>
      <c r="JB32" s="71">
        <v>2</v>
      </c>
      <c r="JC32" s="71">
        <v>1</v>
      </c>
      <c r="JD32" s="71">
        <v>2</v>
      </c>
      <c r="JE32" s="72">
        <v>11</v>
      </c>
      <c r="JF32" s="73">
        <v>12</v>
      </c>
      <c r="JG32" s="70">
        <v>1</v>
      </c>
      <c r="JH32" s="71">
        <v>0</v>
      </c>
      <c r="JI32" s="72">
        <v>1</v>
      </c>
      <c r="JJ32" s="244"/>
      <c r="JK32" s="71">
        <v>0</v>
      </c>
      <c r="JL32" s="71">
        <v>2</v>
      </c>
      <c r="JM32" s="71">
        <v>1</v>
      </c>
      <c r="JN32" s="71">
        <v>1</v>
      </c>
      <c r="JO32" s="71">
        <v>2</v>
      </c>
      <c r="JP32" s="72">
        <v>6</v>
      </c>
      <c r="JQ32" s="73">
        <v>7</v>
      </c>
      <c r="JR32" s="70">
        <v>0</v>
      </c>
      <c r="JS32" s="71">
        <v>0</v>
      </c>
      <c r="JT32" s="72">
        <v>0</v>
      </c>
      <c r="JU32" s="244"/>
      <c r="JV32" s="71">
        <v>0</v>
      </c>
      <c r="JW32" s="71">
        <v>0</v>
      </c>
      <c r="JX32" s="71">
        <v>0</v>
      </c>
      <c r="JY32" s="71">
        <v>0</v>
      </c>
      <c r="JZ32" s="71">
        <v>0</v>
      </c>
      <c r="KA32" s="72">
        <v>0</v>
      </c>
      <c r="KB32" s="73">
        <v>0</v>
      </c>
      <c r="KC32" s="70">
        <v>4</v>
      </c>
      <c r="KD32" s="71">
        <v>3</v>
      </c>
      <c r="KE32" s="72">
        <v>7</v>
      </c>
      <c r="KF32" s="244"/>
      <c r="KG32" s="71">
        <v>6</v>
      </c>
      <c r="KH32" s="71">
        <v>6</v>
      </c>
      <c r="KI32" s="71">
        <v>3</v>
      </c>
      <c r="KJ32" s="71">
        <v>4</v>
      </c>
      <c r="KK32" s="71">
        <v>5</v>
      </c>
      <c r="KL32" s="72">
        <v>24</v>
      </c>
      <c r="KM32" s="73">
        <v>31</v>
      </c>
    </row>
    <row r="33" spans="2:299" ht="19.5" customHeight="1" x14ac:dyDescent="0.2">
      <c r="B33" s="126" t="s">
        <v>30</v>
      </c>
      <c r="C33" s="316">
        <v>3</v>
      </c>
      <c r="D33" s="82">
        <v>3</v>
      </c>
      <c r="E33" s="83">
        <v>6</v>
      </c>
      <c r="F33" s="241"/>
      <c r="G33" s="82">
        <v>7</v>
      </c>
      <c r="H33" s="82">
        <v>4</v>
      </c>
      <c r="I33" s="82">
        <v>2</v>
      </c>
      <c r="J33" s="82">
        <v>7</v>
      </c>
      <c r="K33" s="82">
        <v>2</v>
      </c>
      <c r="L33" s="84">
        <v>22</v>
      </c>
      <c r="M33" s="85">
        <v>28</v>
      </c>
      <c r="N33" s="70">
        <v>0</v>
      </c>
      <c r="O33" s="71">
        <v>0</v>
      </c>
      <c r="P33" s="72">
        <v>0</v>
      </c>
      <c r="Q33" s="244"/>
      <c r="R33" s="71">
        <v>0</v>
      </c>
      <c r="S33" s="71">
        <v>0</v>
      </c>
      <c r="T33" s="71">
        <v>0</v>
      </c>
      <c r="U33" s="71">
        <v>0</v>
      </c>
      <c r="V33" s="71">
        <v>0</v>
      </c>
      <c r="W33" s="72">
        <v>0</v>
      </c>
      <c r="X33" s="73">
        <v>0</v>
      </c>
      <c r="Y33" s="70">
        <v>1</v>
      </c>
      <c r="Z33" s="71">
        <v>2</v>
      </c>
      <c r="AA33" s="72">
        <v>3</v>
      </c>
      <c r="AB33" s="244"/>
      <c r="AC33" s="71">
        <v>0</v>
      </c>
      <c r="AD33" s="71">
        <v>0</v>
      </c>
      <c r="AE33" s="71">
        <v>0</v>
      </c>
      <c r="AF33" s="71">
        <v>0</v>
      </c>
      <c r="AG33" s="71">
        <v>0</v>
      </c>
      <c r="AH33" s="72">
        <v>0</v>
      </c>
      <c r="AI33" s="73">
        <v>3</v>
      </c>
      <c r="AJ33" s="70">
        <v>0</v>
      </c>
      <c r="AK33" s="71">
        <v>0</v>
      </c>
      <c r="AL33" s="72">
        <v>0</v>
      </c>
      <c r="AM33" s="244"/>
      <c r="AN33" s="71">
        <v>0</v>
      </c>
      <c r="AO33" s="71">
        <v>0</v>
      </c>
      <c r="AP33" s="71">
        <v>0</v>
      </c>
      <c r="AQ33" s="71">
        <v>2</v>
      </c>
      <c r="AR33" s="71">
        <v>0</v>
      </c>
      <c r="AS33" s="72">
        <v>2</v>
      </c>
      <c r="AT33" s="73">
        <v>2</v>
      </c>
      <c r="AU33" s="70">
        <v>0</v>
      </c>
      <c r="AV33" s="71">
        <v>0</v>
      </c>
      <c r="AW33" s="72">
        <v>0</v>
      </c>
      <c r="AX33" s="244"/>
      <c r="AY33" s="71">
        <v>0</v>
      </c>
      <c r="AZ33" s="71">
        <v>1</v>
      </c>
      <c r="BA33" s="71">
        <v>1</v>
      </c>
      <c r="BB33" s="71">
        <v>0</v>
      </c>
      <c r="BC33" s="71">
        <v>0</v>
      </c>
      <c r="BD33" s="72">
        <v>2</v>
      </c>
      <c r="BE33" s="73">
        <v>2</v>
      </c>
      <c r="BF33" s="70">
        <v>1</v>
      </c>
      <c r="BG33" s="71">
        <v>1</v>
      </c>
      <c r="BH33" s="72">
        <v>2</v>
      </c>
      <c r="BI33" s="244"/>
      <c r="BJ33" s="71">
        <v>3</v>
      </c>
      <c r="BK33" s="71">
        <v>0</v>
      </c>
      <c r="BL33" s="71">
        <v>0</v>
      </c>
      <c r="BM33" s="71">
        <v>2</v>
      </c>
      <c r="BN33" s="71">
        <v>1</v>
      </c>
      <c r="BO33" s="72">
        <v>6</v>
      </c>
      <c r="BP33" s="73">
        <v>8</v>
      </c>
      <c r="BQ33" s="70">
        <v>1</v>
      </c>
      <c r="BR33" s="71">
        <v>0</v>
      </c>
      <c r="BS33" s="72">
        <v>1</v>
      </c>
      <c r="BT33" s="244"/>
      <c r="BU33" s="71">
        <v>4</v>
      </c>
      <c r="BV33" s="71">
        <v>3</v>
      </c>
      <c r="BW33" s="71">
        <v>1</v>
      </c>
      <c r="BX33" s="71">
        <v>3</v>
      </c>
      <c r="BY33" s="71">
        <v>1</v>
      </c>
      <c r="BZ33" s="72">
        <v>12</v>
      </c>
      <c r="CA33" s="73">
        <v>13</v>
      </c>
      <c r="CB33" s="70">
        <v>0</v>
      </c>
      <c r="CC33" s="71">
        <v>0</v>
      </c>
      <c r="CD33" s="72">
        <v>0</v>
      </c>
      <c r="CE33" s="244"/>
      <c r="CF33" s="71">
        <v>0</v>
      </c>
      <c r="CG33" s="71">
        <v>0</v>
      </c>
      <c r="CH33" s="71">
        <v>0</v>
      </c>
      <c r="CI33" s="71">
        <v>0</v>
      </c>
      <c r="CJ33" s="71">
        <v>0</v>
      </c>
      <c r="CK33" s="72">
        <v>0</v>
      </c>
      <c r="CL33" s="73">
        <v>0</v>
      </c>
      <c r="CM33" s="70">
        <v>3</v>
      </c>
      <c r="CN33" s="71">
        <v>3</v>
      </c>
      <c r="CO33" s="72">
        <v>6</v>
      </c>
      <c r="CP33" s="244"/>
      <c r="CQ33" s="71">
        <v>7</v>
      </c>
      <c r="CR33" s="71">
        <v>4</v>
      </c>
      <c r="CS33" s="71">
        <v>2</v>
      </c>
      <c r="CT33" s="71">
        <v>7</v>
      </c>
      <c r="CU33" s="71">
        <v>2</v>
      </c>
      <c r="CV33" s="72">
        <v>22</v>
      </c>
      <c r="CW33" s="73">
        <v>28</v>
      </c>
      <c r="CX33" s="123">
        <v>1</v>
      </c>
      <c r="CY33" s="82">
        <v>0</v>
      </c>
      <c r="CZ33" s="83">
        <v>1</v>
      </c>
      <c r="DA33" s="241"/>
      <c r="DB33" s="82">
        <v>2</v>
      </c>
      <c r="DC33" s="82">
        <v>0</v>
      </c>
      <c r="DD33" s="82">
        <v>1</v>
      </c>
      <c r="DE33" s="82">
        <v>2</v>
      </c>
      <c r="DF33" s="82">
        <v>1</v>
      </c>
      <c r="DG33" s="84">
        <v>6</v>
      </c>
      <c r="DH33" s="85">
        <v>7</v>
      </c>
      <c r="DI33" s="70">
        <v>0</v>
      </c>
      <c r="DJ33" s="71">
        <v>0</v>
      </c>
      <c r="DK33" s="72">
        <v>0</v>
      </c>
      <c r="DL33" s="244"/>
      <c r="DM33" s="71">
        <v>0</v>
      </c>
      <c r="DN33" s="71">
        <v>0</v>
      </c>
      <c r="DO33" s="71">
        <v>0</v>
      </c>
      <c r="DP33" s="71">
        <v>0</v>
      </c>
      <c r="DQ33" s="71">
        <v>0</v>
      </c>
      <c r="DR33" s="72">
        <v>0</v>
      </c>
      <c r="DS33" s="73">
        <v>0</v>
      </c>
      <c r="DT33" s="70">
        <v>0</v>
      </c>
      <c r="DU33" s="71">
        <v>0</v>
      </c>
      <c r="DV33" s="72">
        <v>0</v>
      </c>
      <c r="DW33" s="244"/>
      <c r="DX33" s="71">
        <v>1</v>
      </c>
      <c r="DY33" s="71">
        <v>0</v>
      </c>
      <c r="DZ33" s="71">
        <v>0</v>
      </c>
      <c r="EA33" s="71">
        <v>0</v>
      </c>
      <c r="EB33" s="71">
        <v>0</v>
      </c>
      <c r="EC33" s="72">
        <v>1</v>
      </c>
      <c r="ED33" s="73">
        <v>1</v>
      </c>
      <c r="EE33" s="70">
        <v>0</v>
      </c>
      <c r="EF33" s="71">
        <v>0</v>
      </c>
      <c r="EG33" s="72">
        <v>0</v>
      </c>
      <c r="EH33" s="244"/>
      <c r="EI33" s="71">
        <v>0</v>
      </c>
      <c r="EJ33" s="71">
        <v>0</v>
      </c>
      <c r="EK33" s="71">
        <v>0</v>
      </c>
      <c r="EL33" s="71">
        <v>0</v>
      </c>
      <c r="EM33" s="71">
        <v>0</v>
      </c>
      <c r="EN33" s="72">
        <v>0</v>
      </c>
      <c r="EO33" s="73">
        <v>0</v>
      </c>
      <c r="EP33" s="70">
        <v>1</v>
      </c>
      <c r="EQ33" s="71">
        <v>0</v>
      </c>
      <c r="ER33" s="72">
        <v>1</v>
      </c>
      <c r="ES33" s="244"/>
      <c r="ET33" s="71">
        <v>1</v>
      </c>
      <c r="EU33" s="71">
        <v>0</v>
      </c>
      <c r="EV33" s="71">
        <v>0</v>
      </c>
      <c r="EW33" s="71">
        <v>0</v>
      </c>
      <c r="EX33" s="71">
        <v>0</v>
      </c>
      <c r="EY33" s="72">
        <v>1</v>
      </c>
      <c r="EZ33" s="73">
        <v>2</v>
      </c>
      <c r="FA33" s="70">
        <v>0</v>
      </c>
      <c r="FB33" s="71">
        <v>0</v>
      </c>
      <c r="FC33" s="72">
        <v>0</v>
      </c>
      <c r="FD33" s="244"/>
      <c r="FE33" s="71">
        <v>0</v>
      </c>
      <c r="FF33" s="71">
        <v>0</v>
      </c>
      <c r="FG33" s="71">
        <v>0</v>
      </c>
      <c r="FH33" s="71">
        <v>2</v>
      </c>
      <c r="FI33" s="71">
        <v>0</v>
      </c>
      <c r="FJ33" s="72">
        <v>2</v>
      </c>
      <c r="FK33" s="73">
        <v>2</v>
      </c>
      <c r="FL33" s="70">
        <v>0</v>
      </c>
      <c r="FM33" s="71">
        <v>0</v>
      </c>
      <c r="FN33" s="72">
        <v>0</v>
      </c>
      <c r="FO33" s="244"/>
      <c r="FP33" s="71">
        <v>0</v>
      </c>
      <c r="FQ33" s="71">
        <v>0</v>
      </c>
      <c r="FR33" s="71">
        <v>1</v>
      </c>
      <c r="FS33" s="71">
        <v>0</v>
      </c>
      <c r="FT33" s="71">
        <v>1</v>
      </c>
      <c r="FU33" s="72">
        <v>2</v>
      </c>
      <c r="FV33" s="73">
        <v>2</v>
      </c>
      <c r="FW33" s="70">
        <v>0</v>
      </c>
      <c r="FX33" s="71">
        <v>0</v>
      </c>
      <c r="FY33" s="72">
        <v>0</v>
      </c>
      <c r="FZ33" s="244"/>
      <c r="GA33" s="71">
        <v>0</v>
      </c>
      <c r="GB33" s="71">
        <v>0</v>
      </c>
      <c r="GC33" s="71">
        <v>0</v>
      </c>
      <c r="GD33" s="71">
        <v>0</v>
      </c>
      <c r="GE33" s="71">
        <v>0</v>
      </c>
      <c r="GF33" s="72">
        <v>0</v>
      </c>
      <c r="GG33" s="73">
        <v>0</v>
      </c>
      <c r="GH33" s="70">
        <v>1</v>
      </c>
      <c r="GI33" s="71">
        <v>0</v>
      </c>
      <c r="GJ33" s="72">
        <v>1</v>
      </c>
      <c r="GK33" s="244"/>
      <c r="GL33" s="71">
        <v>2</v>
      </c>
      <c r="GM33" s="71">
        <v>0</v>
      </c>
      <c r="GN33" s="71">
        <v>1</v>
      </c>
      <c r="GO33" s="71">
        <v>2</v>
      </c>
      <c r="GP33" s="71">
        <v>1</v>
      </c>
      <c r="GQ33" s="72">
        <v>6</v>
      </c>
      <c r="GR33" s="73">
        <v>7</v>
      </c>
      <c r="GS33" s="123">
        <v>4</v>
      </c>
      <c r="GT33" s="82">
        <v>3</v>
      </c>
      <c r="GU33" s="83">
        <v>7</v>
      </c>
      <c r="GV33" s="241"/>
      <c r="GW33" s="82">
        <v>9</v>
      </c>
      <c r="GX33" s="82">
        <v>4</v>
      </c>
      <c r="GY33" s="82">
        <v>3</v>
      </c>
      <c r="GZ33" s="82">
        <v>9</v>
      </c>
      <c r="HA33" s="82">
        <v>3</v>
      </c>
      <c r="HB33" s="84">
        <v>28</v>
      </c>
      <c r="HC33" s="85">
        <v>35</v>
      </c>
      <c r="HD33" s="70">
        <v>0</v>
      </c>
      <c r="HE33" s="71">
        <v>0</v>
      </c>
      <c r="HF33" s="72">
        <v>0</v>
      </c>
      <c r="HG33" s="244"/>
      <c r="HH33" s="71">
        <v>0</v>
      </c>
      <c r="HI33" s="71">
        <v>0</v>
      </c>
      <c r="HJ33" s="71">
        <v>0</v>
      </c>
      <c r="HK33" s="71">
        <v>0</v>
      </c>
      <c r="HL33" s="71">
        <v>0</v>
      </c>
      <c r="HM33" s="72">
        <v>0</v>
      </c>
      <c r="HN33" s="73">
        <v>0</v>
      </c>
      <c r="HO33" s="70">
        <v>1</v>
      </c>
      <c r="HP33" s="71">
        <v>2</v>
      </c>
      <c r="HQ33" s="72">
        <v>3</v>
      </c>
      <c r="HR33" s="244"/>
      <c r="HS33" s="71">
        <v>1</v>
      </c>
      <c r="HT33" s="71">
        <v>0</v>
      </c>
      <c r="HU33" s="71">
        <v>0</v>
      </c>
      <c r="HV33" s="71">
        <v>0</v>
      </c>
      <c r="HW33" s="71">
        <v>0</v>
      </c>
      <c r="HX33" s="72">
        <v>1</v>
      </c>
      <c r="HY33" s="73">
        <v>4</v>
      </c>
      <c r="HZ33" s="70">
        <v>0</v>
      </c>
      <c r="IA33" s="71">
        <v>0</v>
      </c>
      <c r="IB33" s="72">
        <v>0</v>
      </c>
      <c r="IC33" s="244"/>
      <c r="ID33" s="71">
        <v>0</v>
      </c>
      <c r="IE33" s="71">
        <v>0</v>
      </c>
      <c r="IF33" s="71">
        <v>0</v>
      </c>
      <c r="IG33" s="71">
        <v>2</v>
      </c>
      <c r="IH33" s="71">
        <v>0</v>
      </c>
      <c r="II33" s="72">
        <v>2</v>
      </c>
      <c r="IJ33" s="73">
        <v>2</v>
      </c>
      <c r="IK33" s="70">
        <v>1</v>
      </c>
      <c r="IL33" s="71">
        <v>0</v>
      </c>
      <c r="IM33" s="72">
        <v>1</v>
      </c>
      <c r="IN33" s="244"/>
      <c r="IO33" s="71">
        <v>1</v>
      </c>
      <c r="IP33" s="71">
        <v>1</v>
      </c>
      <c r="IQ33" s="71">
        <v>1</v>
      </c>
      <c r="IR33" s="71">
        <v>0</v>
      </c>
      <c r="IS33" s="71">
        <v>0</v>
      </c>
      <c r="IT33" s="72">
        <v>3</v>
      </c>
      <c r="IU33" s="73">
        <v>4</v>
      </c>
      <c r="IV33" s="70">
        <v>1</v>
      </c>
      <c r="IW33" s="71">
        <v>1</v>
      </c>
      <c r="IX33" s="72">
        <v>2</v>
      </c>
      <c r="IY33" s="244"/>
      <c r="IZ33" s="71">
        <v>3</v>
      </c>
      <c r="JA33" s="71">
        <v>0</v>
      </c>
      <c r="JB33" s="71">
        <v>0</v>
      </c>
      <c r="JC33" s="71">
        <v>4</v>
      </c>
      <c r="JD33" s="71">
        <v>1</v>
      </c>
      <c r="JE33" s="72">
        <v>8</v>
      </c>
      <c r="JF33" s="73">
        <v>10</v>
      </c>
      <c r="JG33" s="70">
        <v>1</v>
      </c>
      <c r="JH33" s="71">
        <v>0</v>
      </c>
      <c r="JI33" s="72">
        <v>1</v>
      </c>
      <c r="JJ33" s="244"/>
      <c r="JK33" s="71">
        <v>4</v>
      </c>
      <c r="JL33" s="71">
        <v>3</v>
      </c>
      <c r="JM33" s="71">
        <v>2</v>
      </c>
      <c r="JN33" s="71">
        <v>3</v>
      </c>
      <c r="JO33" s="71">
        <v>2</v>
      </c>
      <c r="JP33" s="72">
        <v>14</v>
      </c>
      <c r="JQ33" s="73">
        <v>15</v>
      </c>
      <c r="JR33" s="70">
        <v>0</v>
      </c>
      <c r="JS33" s="71">
        <v>0</v>
      </c>
      <c r="JT33" s="72">
        <v>0</v>
      </c>
      <c r="JU33" s="244"/>
      <c r="JV33" s="71">
        <v>0</v>
      </c>
      <c r="JW33" s="71">
        <v>0</v>
      </c>
      <c r="JX33" s="71">
        <v>0</v>
      </c>
      <c r="JY33" s="71">
        <v>0</v>
      </c>
      <c r="JZ33" s="71">
        <v>0</v>
      </c>
      <c r="KA33" s="72">
        <v>0</v>
      </c>
      <c r="KB33" s="73">
        <v>0</v>
      </c>
      <c r="KC33" s="70">
        <v>4</v>
      </c>
      <c r="KD33" s="71">
        <v>3</v>
      </c>
      <c r="KE33" s="72">
        <v>7</v>
      </c>
      <c r="KF33" s="244"/>
      <c r="KG33" s="71">
        <v>9</v>
      </c>
      <c r="KH33" s="71">
        <v>4</v>
      </c>
      <c r="KI33" s="71">
        <v>3</v>
      </c>
      <c r="KJ33" s="71">
        <v>9</v>
      </c>
      <c r="KK33" s="71">
        <v>3</v>
      </c>
      <c r="KL33" s="72">
        <v>28</v>
      </c>
      <c r="KM33" s="73">
        <v>35</v>
      </c>
    </row>
    <row r="34" spans="2:299" ht="19.5" customHeight="1" x14ac:dyDescent="0.2">
      <c r="B34" s="126" t="s">
        <v>31</v>
      </c>
      <c r="C34" s="316">
        <v>5</v>
      </c>
      <c r="D34" s="82">
        <v>5</v>
      </c>
      <c r="E34" s="83">
        <v>10</v>
      </c>
      <c r="F34" s="241"/>
      <c r="G34" s="82">
        <v>11</v>
      </c>
      <c r="H34" s="82">
        <v>11</v>
      </c>
      <c r="I34" s="82">
        <v>4</v>
      </c>
      <c r="J34" s="82">
        <v>3</v>
      </c>
      <c r="K34" s="82">
        <v>1</v>
      </c>
      <c r="L34" s="84">
        <v>30</v>
      </c>
      <c r="M34" s="85">
        <v>40</v>
      </c>
      <c r="N34" s="70">
        <v>0</v>
      </c>
      <c r="O34" s="71">
        <v>0</v>
      </c>
      <c r="P34" s="72">
        <v>0</v>
      </c>
      <c r="Q34" s="244"/>
      <c r="R34" s="71">
        <v>0</v>
      </c>
      <c r="S34" s="71">
        <v>0</v>
      </c>
      <c r="T34" s="71">
        <v>0</v>
      </c>
      <c r="U34" s="71">
        <v>0</v>
      </c>
      <c r="V34" s="71">
        <v>0</v>
      </c>
      <c r="W34" s="72">
        <v>0</v>
      </c>
      <c r="X34" s="73">
        <v>0</v>
      </c>
      <c r="Y34" s="70">
        <v>0</v>
      </c>
      <c r="Z34" s="71">
        <v>1</v>
      </c>
      <c r="AA34" s="72">
        <v>1</v>
      </c>
      <c r="AB34" s="244"/>
      <c r="AC34" s="71">
        <v>1</v>
      </c>
      <c r="AD34" s="71">
        <v>0</v>
      </c>
      <c r="AE34" s="71">
        <v>0</v>
      </c>
      <c r="AF34" s="71">
        <v>0</v>
      </c>
      <c r="AG34" s="71">
        <v>0</v>
      </c>
      <c r="AH34" s="72">
        <v>1</v>
      </c>
      <c r="AI34" s="73">
        <v>2</v>
      </c>
      <c r="AJ34" s="70">
        <v>0</v>
      </c>
      <c r="AK34" s="71">
        <v>0</v>
      </c>
      <c r="AL34" s="72">
        <v>0</v>
      </c>
      <c r="AM34" s="244"/>
      <c r="AN34" s="71">
        <v>1</v>
      </c>
      <c r="AO34" s="71">
        <v>0</v>
      </c>
      <c r="AP34" s="71">
        <v>0</v>
      </c>
      <c r="AQ34" s="71">
        <v>1</v>
      </c>
      <c r="AR34" s="71">
        <v>0</v>
      </c>
      <c r="AS34" s="72">
        <v>2</v>
      </c>
      <c r="AT34" s="73">
        <v>2</v>
      </c>
      <c r="AU34" s="70">
        <v>0</v>
      </c>
      <c r="AV34" s="71">
        <v>1</v>
      </c>
      <c r="AW34" s="72">
        <v>1</v>
      </c>
      <c r="AX34" s="244"/>
      <c r="AY34" s="71">
        <v>4</v>
      </c>
      <c r="AZ34" s="71">
        <v>2</v>
      </c>
      <c r="BA34" s="71">
        <v>1</v>
      </c>
      <c r="BB34" s="71">
        <v>1</v>
      </c>
      <c r="BC34" s="71">
        <v>0</v>
      </c>
      <c r="BD34" s="72">
        <v>8</v>
      </c>
      <c r="BE34" s="73">
        <v>9</v>
      </c>
      <c r="BF34" s="70">
        <v>1</v>
      </c>
      <c r="BG34" s="71">
        <v>1</v>
      </c>
      <c r="BH34" s="72">
        <v>2</v>
      </c>
      <c r="BI34" s="244"/>
      <c r="BJ34" s="71">
        <v>2</v>
      </c>
      <c r="BK34" s="71">
        <v>5</v>
      </c>
      <c r="BL34" s="71">
        <v>0</v>
      </c>
      <c r="BM34" s="71">
        <v>0</v>
      </c>
      <c r="BN34" s="71">
        <v>1</v>
      </c>
      <c r="BO34" s="72">
        <v>8</v>
      </c>
      <c r="BP34" s="73">
        <v>10</v>
      </c>
      <c r="BQ34" s="70">
        <v>4</v>
      </c>
      <c r="BR34" s="71">
        <v>2</v>
      </c>
      <c r="BS34" s="72">
        <v>6</v>
      </c>
      <c r="BT34" s="244"/>
      <c r="BU34" s="71">
        <v>3</v>
      </c>
      <c r="BV34" s="71">
        <v>4</v>
      </c>
      <c r="BW34" s="71">
        <v>3</v>
      </c>
      <c r="BX34" s="71">
        <v>1</v>
      </c>
      <c r="BY34" s="71">
        <v>0</v>
      </c>
      <c r="BZ34" s="72">
        <v>11</v>
      </c>
      <c r="CA34" s="73">
        <v>17</v>
      </c>
      <c r="CB34" s="70">
        <v>0</v>
      </c>
      <c r="CC34" s="71">
        <v>0</v>
      </c>
      <c r="CD34" s="72">
        <v>0</v>
      </c>
      <c r="CE34" s="244"/>
      <c r="CF34" s="71">
        <v>0</v>
      </c>
      <c r="CG34" s="71">
        <v>0</v>
      </c>
      <c r="CH34" s="71">
        <v>0</v>
      </c>
      <c r="CI34" s="71">
        <v>0</v>
      </c>
      <c r="CJ34" s="71">
        <v>0</v>
      </c>
      <c r="CK34" s="72">
        <v>0</v>
      </c>
      <c r="CL34" s="73">
        <v>0</v>
      </c>
      <c r="CM34" s="70">
        <v>5</v>
      </c>
      <c r="CN34" s="71">
        <v>5</v>
      </c>
      <c r="CO34" s="72">
        <v>10</v>
      </c>
      <c r="CP34" s="244"/>
      <c r="CQ34" s="71">
        <v>11</v>
      </c>
      <c r="CR34" s="71">
        <v>11</v>
      </c>
      <c r="CS34" s="71">
        <v>4</v>
      </c>
      <c r="CT34" s="71">
        <v>3</v>
      </c>
      <c r="CU34" s="71">
        <v>1</v>
      </c>
      <c r="CV34" s="72">
        <v>30</v>
      </c>
      <c r="CW34" s="73">
        <v>40</v>
      </c>
      <c r="CX34" s="123">
        <v>1</v>
      </c>
      <c r="CY34" s="82">
        <v>2</v>
      </c>
      <c r="CZ34" s="83">
        <v>3</v>
      </c>
      <c r="DA34" s="241"/>
      <c r="DB34" s="82">
        <v>1</v>
      </c>
      <c r="DC34" s="82">
        <v>4</v>
      </c>
      <c r="DD34" s="82">
        <v>1</v>
      </c>
      <c r="DE34" s="82">
        <v>0</v>
      </c>
      <c r="DF34" s="82">
        <v>0</v>
      </c>
      <c r="DG34" s="84">
        <v>6</v>
      </c>
      <c r="DH34" s="85">
        <v>9</v>
      </c>
      <c r="DI34" s="70">
        <v>0</v>
      </c>
      <c r="DJ34" s="71">
        <v>0</v>
      </c>
      <c r="DK34" s="72">
        <v>0</v>
      </c>
      <c r="DL34" s="244"/>
      <c r="DM34" s="71">
        <v>0</v>
      </c>
      <c r="DN34" s="71">
        <v>0</v>
      </c>
      <c r="DO34" s="71">
        <v>0</v>
      </c>
      <c r="DP34" s="71">
        <v>0</v>
      </c>
      <c r="DQ34" s="71">
        <v>0</v>
      </c>
      <c r="DR34" s="72">
        <v>0</v>
      </c>
      <c r="DS34" s="73">
        <v>0</v>
      </c>
      <c r="DT34" s="70">
        <v>0</v>
      </c>
      <c r="DU34" s="71">
        <v>0</v>
      </c>
      <c r="DV34" s="72">
        <v>0</v>
      </c>
      <c r="DW34" s="244"/>
      <c r="DX34" s="71">
        <v>0</v>
      </c>
      <c r="DY34" s="71">
        <v>0</v>
      </c>
      <c r="DZ34" s="71">
        <v>0</v>
      </c>
      <c r="EA34" s="71">
        <v>0</v>
      </c>
      <c r="EB34" s="71">
        <v>0</v>
      </c>
      <c r="EC34" s="72">
        <v>0</v>
      </c>
      <c r="ED34" s="73">
        <v>0</v>
      </c>
      <c r="EE34" s="70">
        <v>0</v>
      </c>
      <c r="EF34" s="71">
        <v>1</v>
      </c>
      <c r="EG34" s="72">
        <v>1</v>
      </c>
      <c r="EH34" s="244"/>
      <c r="EI34" s="71">
        <v>1</v>
      </c>
      <c r="EJ34" s="71">
        <v>0</v>
      </c>
      <c r="EK34" s="71">
        <v>0</v>
      </c>
      <c r="EL34" s="71">
        <v>0</v>
      </c>
      <c r="EM34" s="71">
        <v>0</v>
      </c>
      <c r="EN34" s="72">
        <v>1</v>
      </c>
      <c r="EO34" s="73">
        <v>2</v>
      </c>
      <c r="EP34" s="70">
        <v>1</v>
      </c>
      <c r="EQ34" s="71">
        <v>0</v>
      </c>
      <c r="ER34" s="72">
        <v>1</v>
      </c>
      <c r="ES34" s="244"/>
      <c r="ET34" s="71">
        <v>0</v>
      </c>
      <c r="EU34" s="71">
        <v>2</v>
      </c>
      <c r="EV34" s="71">
        <v>0</v>
      </c>
      <c r="EW34" s="71">
        <v>0</v>
      </c>
      <c r="EX34" s="71">
        <v>0</v>
      </c>
      <c r="EY34" s="72">
        <v>2</v>
      </c>
      <c r="EZ34" s="73">
        <v>3</v>
      </c>
      <c r="FA34" s="70">
        <v>0</v>
      </c>
      <c r="FB34" s="71">
        <v>1</v>
      </c>
      <c r="FC34" s="72">
        <v>1</v>
      </c>
      <c r="FD34" s="244"/>
      <c r="FE34" s="71">
        <v>0</v>
      </c>
      <c r="FF34" s="71">
        <v>0</v>
      </c>
      <c r="FG34" s="71">
        <v>0</v>
      </c>
      <c r="FH34" s="71">
        <v>0</v>
      </c>
      <c r="FI34" s="71">
        <v>0</v>
      </c>
      <c r="FJ34" s="72">
        <v>0</v>
      </c>
      <c r="FK34" s="73">
        <v>1</v>
      </c>
      <c r="FL34" s="70">
        <v>0</v>
      </c>
      <c r="FM34" s="71">
        <v>0</v>
      </c>
      <c r="FN34" s="72">
        <v>0</v>
      </c>
      <c r="FO34" s="244"/>
      <c r="FP34" s="71">
        <v>0</v>
      </c>
      <c r="FQ34" s="71">
        <v>2</v>
      </c>
      <c r="FR34" s="71">
        <v>1</v>
      </c>
      <c r="FS34" s="71">
        <v>0</v>
      </c>
      <c r="FT34" s="71">
        <v>0</v>
      </c>
      <c r="FU34" s="72">
        <v>3</v>
      </c>
      <c r="FV34" s="73">
        <v>3</v>
      </c>
      <c r="FW34" s="70">
        <v>0</v>
      </c>
      <c r="FX34" s="71">
        <v>0</v>
      </c>
      <c r="FY34" s="72">
        <v>0</v>
      </c>
      <c r="FZ34" s="244"/>
      <c r="GA34" s="71">
        <v>0</v>
      </c>
      <c r="GB34" s="71">
        <v>0</v>
      </c>
      <c r="GC34" s="71">
        <v>0</v>
      </c>
      <c r="GD34" s="71">
        <v>0</v>
      </c>
      <c r="GE34" s="71">
        <v>0</v>
      </c>
      <c r="GF34" s="72">
        <v>0</v>
      </c>
      <c r="GG34" s="73">
        <v>0</v>
      </c>
      <c r="GH34" s="70">
        <v>1</v>
      </c>
      <c r="GI34" s="71">
        <v>2</v>
      </c>
      <c r="GJ34" s="72">
        <v>3</v>
      </c>
      <c r="GK34" s="244"/>
      <c r="GL34" s="71">
        <v>1</v>
      </c>
      <c r="GM34" s="71">
        <v>4</v>
      </c>
      <c r="GN34" s="71">
        <v>1</v>
      </c>
      <c r="GO34" s="71">
        <v>0</v>
      </c>
      <c r="GP34" s="71">
        <v>0</v>
      </c>
      <c r="GQ34" s="72">
        <v>6</v>
      </c>
      <c r="GR34" s="73">
        <v>9</v>
      </c>
      <c r="GS34" s="123">
        <v>6</v>
      </c>
      <c r="GT34" s="82">
        <v>7</v>
      </c>
      <c r="GU34" s="83">
        <v>13</v>
      </c>
      <c r="GV34" s="241"/>
      <c r="GW34" s="82">
        <v>12</v>
      </c>
      <c r="GX34" s="82">
        <v>15</v>
      </c>
      <c r="GY34" s="82">
        <v>5</v>
      </c>
      <c r="GZ34" s="82">
        <v>3</v>
      </c>
      <c r="HA34" s="82">
        <v>1</v>
      </c>
      <c r="HB34" s="84">
        <v>36</v>
      </c>
      <c r="HC34" s="85">
        <v>49</v>
      </c>
      <c r="HD34" s="70">
        <v>0</v>
      </c>
      <c r="HE34" s="71">
        <v>0</v>
      </c>
      <c r="HF34" s="72">
        <v>0</v>
      </c>
      <c r="HG34" s="244"/>
      <c r="HH34" s="71">
        <v>0</v>
      </c>
      <c r="HI34" s="71">
        <v>0</v>
      </c>
      <c r="HJ34" s="71">
        <v>0</v>
      </c>
      <c r="HK34" s="71">
        <v>0</v>
      </c>
      <c r="HL34" s="71">
        <v>0</v>
      </c>
      <c r="HM34" s="72">
        <v>0</v>
      </c>
      <c r="HN34" s="73">
        <v>0</v>
      </c>
      <c r="HO34" s="70">
        <v>0</v>
      </c>
      <c r="HP34" s="71">
        <v>1</v>
      </c>
      <c r="HQ34" s="72">
        <v>1</v>
      </c>
      <c r="HR34" s="244"/>
      <c r="HS34" s="71">
        <v>1</v>
      </c>
      <c r="HT34" s="71">
        <v>0</v>
      </c>
      <c r="HU34" s="71">
        <v>0</v>
      </c>
      <c r="HV34" s="71">
        <v>0</v>
      </c>
      <c r="HW34" s="71">
        <v>0</v>
      </c>
      <c r="HX34" s="72">
        <v>1</v>
      </c>
      <c r="HY34" s="73">
        <v>2</v>
      </c>
      <c r="HZ34" s="70">
        <v>0</v>
      </c>
      <c r="IA34" s="71">
        <v>1</v>
      </c>
      <c r="IB34" s="72">
        <v>1</v>
      </c>
      <c r="IC34" s="244"/>
      <c r="ID34" s="71">
        <v>2</v>
      </c>
      <c r="IE34" s="71">
        <v>0</v>
      </c>
      <c r="IF34" s="71">
        <v>0</v>
      </c>
      <c r="IG34" s="71">
        <v>1</v>
      </c>
      <c r="IH34" s="71">
        <v>0</v>
      </c>
      <c r="II34" s="72">
        <v>3</v>
      </c>
      <c r="IJ34" s="73">
        <v>4</v>
      </c>
      <c r="IK34" s="70">
        <v>1</v>
      </c>
      <c r="IL34" s="71">
        <v>1</v>
      </c>
      <c r="IM34" s="72">
        <v>2</v>
      </c>
      <c r="IN34" s="244"/>
      <c r="IO34" s="71">
        <v>4</v>
      </c>
      <c r="IP34" s="71">
        <v>4</v>
      </c>
      <c r="IQ34" s="71">
        <v>1</v>
      </c>
      <c r="IR34" s="71">
        <v>1</v>
      </c>
      <c r="IS34" s="71">
        <v>0</v>
      </c>
      <c r="IT34" s="72">
        <v>10</v>
      </c>
      <c r="IU34" s="73">
        <v>12</v>
      </c>
      <c r="IV34" s="70">
        <v>1</v>
      </c>
      <c r="IW34" s="71">
        <v>2</v>
      </c>
      <c r="IX34" s="72">
        <v>3</v>
      </c>
      <c r="IY34" s="244"/>
      <c r="IZ34" s="71">
        <v>2</v>
      </c>
      <c r="JA34" s="71">
        <v>5</v>
      </c>
      <c r="JB34" s="71">
        <v>0</v>
      </c>
      <c r="JC34" s="71">
        <v>0</v>
      </c>
      <c r="JD34" s="71">
        <v>1</v>
      </c>
      <c r="JE34" s="72">
        <v>8</v>
      </c>
      <c r="JF34" s="73">
        <v>11</v>
      </c>
      <c r="JG34" s="70">
        <v>4</v>
      </c>
      <c r="JH34" s="71">
        <v>2</v>
      </c>
      <c r="JI34" s="72">
        <v>6</v>
      </c>
      <c r="JJ34" s="244"/>
      <c r="JK34" s="71">
        <v>3</v>
      </c>
      <c r="JL34" s="71">
        <v>6</v>
      </c>
      <c r="JM34" s="71">
        <v>4</v>
      </c>
      <c r="JN34" s="71">
        <v>1</v>
      </c>
      <c r="JO34" s="71">
        <v>0</v>
      </c>
      <c r="JP34" s="72">
        <v>14</v>
      </c>
      <c r="JQ34" s="73">
        <v>20</v>
      </c>
      <c r="JR34" s="70">
        <v>0</v>
      </c>
      <c r="JS34" s="71">
        <v>0</v>
      </c>
      <c r="JT34" s="72">
        <v>0</v>
      </c>
      <c r="JU34" s="244"/>
      <c r="JV34" s="71">
        <v>0</v>
      </c>
      <c r="JW34" s="71">
        <v>0</v>
      </c>
      <c r="JX34" s="71">
        <v>0</v>
      </c>
      <c r="JY34" s="71">
        <v>0</v>
      </c>
      <c r="JZ34" s="71">
        <v>0</v>
      </c>
      <c r="KA34" s="72">
        <v>0</v>
      </c>
      <c r="KB34" s="73">
        <v>0</v>
      </c>
      <c r="KC34" s="70">
        <v>6</v>
      </c>
      <c r="KD34" s="71">
        <v>7</v>
      </c>
      <c r="KE34" s="72">
        <v>13</v>
      </c>
      <c r="KF34" s="244"/>
      <c r="KG34" s="71">
        <v>12</v>
      </c>
      <c r="KH34" s="71">
        <v>15</v>
      </c>
      <c r="KI34" s="71">
        <v>5</v>
      </c>
      <c r="KJ34" s="71">
        <v>3</v>
      </c>
      <c r="KK34" s="71">
        <v>1</v>
      </c>
      <c r="KL34" s="72">
        <v>36</v>
      </c>
      <c r="KM34" s="73">
        <v>49</v>
      </c>
    </row>
    <row r="35" spans="2:299" ht="19.5" customHeight="1" x14ac:dyDescent="0.2">
      <c r="B35" s="126" t="s">
        <v>32</v>
      </c>
      <c r="C35" s="316">
        <v>1</v>
      </c>
      <c r="D35" s="82">
        <v>5</v>
      </c>
      <c r="E35" s="83">
        <v>6</v>
      </c>
      <c r="F35" s="241"/>
      <c r="G35" s="82">
        <v>11</v>
      </c>
      <c r="H35" s="82">
        <v>12</v>
      </c>
      <c r="I35" s="82">
        <v>2</v>
      </c>
      <c r="J35" s="82">
        <v>4</v>
      </c>
      <c r="K35" s="82">
        <v>1</v>
      </c>
      <c r="L35" s="84">
        <v>30</v>
      </c>
      <c r="M35" s="85">
        <v>36</v>
      </c>
      <c r="N35" s="70">
        <v>1</v>
      </c>
      <c r="O35" s="71">
        <v>0</v>
      </c>
      <c r="P35" s="72">
        <v>1</v>
      </c>
      <c r="Q35" s="244"/>
      <c r="R35" s="71">
        <v>0</v>
      </c>
      <c r="S35" s="71">
        <v>0</v>
      </c>
      <c r="T35" s="71">
        <v>0</v>
      </c>
      <c r="U35" s="71">
        <v>0</v>
      </c>
      <c r="V35" s="71">
        <v>0</v>
      </c>
      <c r="W35" s="72">
        <v>0</v>
      </c>
      <c r="X35" s="73">
        <v>1</v>
      </c>
      <c r="Y35" s="70">
        <v>0</v>
      </c>
      <c r="Z35" s="71">
        <v>0</v>
      </c>
      <c r="AA35" s="72">
        <v>0</v>
      </c>
      <c r="AB35" s="244"/>
      <c r="AC35" s="71">
        <v>0</v>
      </c>
      <c r="AD35" s="71">
        <v>0</v>
      </c>
      <c r="AE35" s="71">
        <v>0</v>
      </c>
      <c r="AF35" s="71">
        <v>0</v>
      </c>
      <c r="AG35" s="71">
        <v>0</v>
      </c>
      <c r="AH35" s="72">
        <v>0</v>
      </c>
      <c r="AI35" s="73">
        <v>0</v>
      </c>
      <c r="AJ35" s="70">
        <v>0</v>
      </c>
      <c r="AK35" s="71">
        <v>1</v>
      </c>
      <c r="AL35" s="72">
        <v>1</v>
      </c>
      <c r="AM35" s="244"/>
      <c r="AN35" s="71">
        <v>1</v>
      </c>
      <c r="AO35" s="71">
        <v>1</v>
      </c>
      <c r="AP35" s="71">
        <v>0</v>
      </c>
      <c r="AQ35" s="71">
        <v>1</v>
      </c>
      <c r="AR35" s="71">
        <v>0</v>
      </c>
      <c r="AS35" s="72">
        <v>3</v>
      </c>
      <c r="AT35" s="73">
        <v>4</v>
      </c>
      <c r="AU35" s="70">
        <v>0</v>
      </c>
      <c r="AV35" s="71">
        <v>0</v>
      </c>
      <c r="AW35" s="72">
        <v>0</v>
      </c>
      <c r="AX35" s="244"/>
      <c r="AY35" s="71">
        <v>3</v>
      </c>
      <c r="AZ35" s="71">
        <v>3</v>
      </c>
      <c r="BA35" s="71">
        <v>1</v>
      </c>
      <c r="BB35" s="71">
        <v>0</v>
      </c>
      <c r="BC35" s="71">
        <v>0</v>
      </c>
      <c r="BD35" s="72">
        <v>7</v>
      </c>
      <c r="BE35" s="73">
        <v>7</v>
      </c>
      <c r="BF35" s="70">
        <v>0</v>
      </c>
      <c r="BG35" s="71">
        <v>3</v>
      </c>
      <c r="BH35" s="72">
        <v>3</v>
      </c>
      <c r="BI35" s="244"/>
      <c r="BJ35" s="71">
        <v>4</v>
      </c>
      <c r="BK35" s="71">
        <v>4</v>
      </c>
      <c r="BL35" s="71">
        <v>0</v>
      </c>
      <c r="BM35" s="71">
        <v>2</v>
      </c>
      <c r="BN35" s="71">
        <v>1</v>
      </c>
      <c r="BO35" s="72">
        <v>11</v>
      </c>
      <c r="BP35" s="73">
        <v>14</v>
      </c>
      <c r="BQ35" s="70">
        <v>0</v>
      </c>
      <c r="BR35" s="71">
        <v>1</v>
      </c>
      <c r="BS35" s="72">
        <v>1</v>
      </c>
      <c r="BT35" s="244"/>
      <c r="BU35" s="71">
        <v>3</v>
      </c>
      <c r="BV35" s="71">
        <v>4</v>
      </c>
      <c r="BW35" s="71">
        <v>1</v>
      </c>
      <c r="BX35" s="71">
        <v>1</v>
      </c>
      <c r="BY35" s="71">
        <v>0</v>
      </c>
      <c r="BZ35" s="72">
        <v>9</v>
      </c>
      <c r="CA35" s="73">
        <v>10</v>
      </c>
      <c r="CB35" s="70">
        <v>0</v>
      </c>
      <c r="CC35" s="71">
        <v>0</v>
      </c>
      <c r="CD35" s="72">
        <v>0</v>
      </c>
      <c r="CE35" s="244"/>
      <c r="CF35" s="71">
        <v>0</v>
      </c>
      <c r="CG35" s="71">
        <v>0</v>
      </c>
      <c r="CH35" s="71">
        <v>0</v>
      </c>
      <c r="CI35" s="71">
        <v>0</v>
      </c>
      <c r="CJ35" s="71">
        <v>0</v>
      </c>
      <c r="CK35" s="72">
        <v>0</v>
      </c>
      <c r="CL35" s="73">
        <v>0</v>
      </c>
      <c r="CM35" s="70">
        <v>1</v>
      </c>
      <c r="CN35" s="71">
        <v>5</v>
      </c>
      <c r="CO35" s="72">
        <v>6</v>
      </c>
      <c r="CP35" s="244"/>
      <c r="CQ35" s="71">
        <v>11</v>
      </c>
      <c r="CR35" s="71">
        <v>12</v>
      </c>
      <c r="CS35" s="71">
        <v>2</v>
      </c>
      <c r="CT35" s="71">
        <v>4</v>
      </c>
      <c r="CU35" s="71">
        <v>1</v>
      </c>
      <c r="CV35" s="72">
        <v>30</v>
      </c>
      <c r="CW35" s="73">
        <v>36</v>
      </c>
      <c r="CX35" s="123">
        <v>0</v>
      </c>
      <c r="CY35" s="82">
        <v>0</v>
      </c>
      <c r="CZ35" s="83">
        <v>0</v>
      </c>
      <c r="DA35" s="241"/>
      <c r="DB35" s="82">
        <v>1</v>
      </c>
      <c r="DC35" s="82">
        <v>2</v>
      </c>
      <c r="DD35" s="82">
        <v>5</v>
      </c>
      <c r="DE35" s="82">
        <v>3</v>
      </c>
      <c r="DF35" s="82">
        <v>1</v>
      </c>
      <c r="DG35" s="84">
        <v>12</v>
      </c>
      <c r="DH35" s="85">
        <v>12</v>
      </c>
      <c r="DI35" s="70">
        <v>0</v>
      </c>
      <c r="DJ35" s="71">
        <v>0</v>
      </c>
      <c r="DK35" s="72">
        <v>0</v>
      </c>
      <c r="DL35" s="244"/>
      <c r="DM35" s="71">
        <v>0</v>
      </c>
      <c r="DN35" s="71">
        <v>0</v>
      </c>
      <c r="DO35" s="71">
        <v>0</v>
      </c>
      <c r="DP35" s="71">
        <v>0</v>
      </c>
      <c r="DQ35" s="71">
        <v>0</v>
      </c>
      <c r="DR35" s="72">
        <v>0</v>
      </c>
      <c r="DS35" s="73">
        <v>0</v>
      </c>
      <c r="DT35" s="70">
        <v>0</v>
      </c>
      <c r="DU35" s="71">
        <v>0</v>
      </c>
      <c r="DV35" s="72">
        <v>0</v>
      </c>
      <c r="DW35" s="244"/>
      <c r="DX35" s="71">
        <v>0</v>
      </c>
      <c r="DY35" s="71">
        <v>0</v>
      </c>
      <c r="DZ35" s="71">
        <v>0</v>
      </c>
      <c r="EA35" s="71">
        <v>0</v>
      </c>
      <c r="EB35" s="71">
        <v>0</v>
      </c>
      <c r="EC35" s="72">
        <v>0</v>
      </c>
      <c r="ED35" s="73">
        <v>0</v>
      </c>
      <c r="EE35" s="70">
        <v>0</v>
      </c>
      <c r="EF35" s="71">
        <v>0</v>
      </c>
      <c r="EG35" s="72">
        <v>0</v>
      </c>
      <c r="EH35" s="244"/>
      <c r="EI35" s="71">
        <v>0</v>
      </c>
      <c r="EJ35" s="71">
        <v>0</v>
      </c>
      <c r="EK35" s="71">
        <v>0</v>
      </c>
      <c r="EL35" s="71">
        <v>0</v>
      </c>
      <c r="EM35" s="71">
        <v>0</v>
      </c>
      <c r="EN35" s="72">
        <v>0</v>
      </c>
      <c r="EO35" s="73">
        <v>0</v>
      </c>
      <c r="EP35" s="70">
        <v>0</v>
      </c>
      <c r="EQ35" s="71">
        <v>0</v>
      </c>
      <c r="ER35" s="72">
        <v>0</v>
      </c>
      <c r="ES35" s="244"/>
      <c r="ET35" s="71">
        <v>1</v>
      </c>
      <c r="EU35" s="71">
        <v>1</v>
      </c>
      <c r="EV35" s="71">
        <v>1</v>
      </c>
      <c r="EW35" s="71">
        <v>0</v>
      </c>
      <c r="EX35" s="71">
        <v>0</v>
      </c>
      <c r="EY35" s="72">
        <v>3</v>
      </c>
      <c r="EZ35" s="73">
        <v>3</v>
      </c>
      <c r="FA35" s="70">
        <v>0</v>
      </c>
      <c r="FB35" s="71">
        <v>0</v>
      </c>
      <c r="FC35" s="72">
        <v>0</v>
      </c>
      <c r="FD35" s="244"/>
      <c r="FE35" s="71">
        <v>0</v>
      </c>
      <c r="FF35" s="71">
        <v>0</v>
      </c>
      <c r="FG35" s="71">
        <v>3</v>
      </c>
      <c r="FH35" s="71">
        <v>1</v>
      </c>
      <c r="FI35" s="71">
        <v>0</v>
      </c>
      <c r="FJ35" s="72">
        <v>4</v>
      </c>
      <c r="FK35" s="73">
        <v>4</v>
      </c>
      <c r="FL35" s="70">
        <v>0</v>
      </c>
      <c r="FM35" s="71">
        <v>0</v>
      </c>
      <c r="FN35" s="72">
        <v>0</v>
      </c>
      <c r="FO35" s="244"/>
      <c r="FP35" s="71">
        <v>0</v>
      </c>
      <c r="FQ35" s="71">
        <v>1</v>
      </c>
      <c r="FR35" s="71">
        <v>1</v>
      </c>
      <c r="FS35" s="71">
        <v>2</v>
      </c>
      <c r="FT35" s="71">
        <v>1</v>
      </c>
      <c r="FU35" s="72">
        <v>5</v>
      </c>
      <c r="FV35" s="73">
        <v>5</v>
      </c>
      <c r="FW35" s="70">
        <v>0</v>
      </c>
      <c r="FX35" s="71">
        <v>0</v>
      </c>
      <c r="FY35" s="72">
        <v>0</v>
      </c>
      <c r="FZ35" s="244"/>
      <c r="GA35" s="71">
        <v>0</v>
      </c>
      <c r="GB35" s="71">
        <v>0</v>
      </c>
      <c r="GC35" s="71">
        <v>0</v>
      </c>
      <c r="GD35" s="71">
        <v>0</v>
      </c>
      <c r="GE35" s="71">
        <v>0</v>
      </c>
      <c r="GF35" s="72">
        <v>0</v>
      </c>
      <c r="GG35" s="73">
        <v>0</v>
      </c>
      <c r="GH35" s="70">
        <v>0</v>
      </c>
      <c r="GI35" s="71">
        <v>0</v>
      </c>
      <c r="GJ35" s="72">
        <v>0</v>
      </c>
      <c r="GK35" s="244"/>
      <c r="GL35" s="71">
        <v>1</v>
      </c>
      <c r="GM35" s="71">
        <v>2</v>
      </c>
      <c r="GN35" s="71">
        <v>5</v>
      </c>
      <c r="GO35" s="71">
        <v>3</v>
      </c>
      <c r="GP35" s="71">
        <v>1</v>
      </c>
      <c r="GQ35" s="72">
        <v>12</v>
      </c>
      <c r="GR35" s="73">
        <v>12</v>
      </c>
      <c r="GS35" s="123">
        <v>1</v>
      </c>
      <c r="GT35" s="82">
        <v>5</v>
      </c>
      <c r="GU35" s="83">
        <v>6</v>
      </c>
      <c r="GV35" s="241"/>
      <c r="GW35" s="82">
        <v>12</v>
      </c>
      <c r="GX35" s="82">
        <v>14</v>
      </c>
      <c r="GY35" s="82">
        <v>7</v>
      </c>
      <c r="GZ35" s="82">
        <v>7</v>
      </c>
      <c r="HA35" s="82">
        <v>2</v>
      </c>
      <c r="HB35" s="84">
        <v>42</v>
      </c>
      <c r="HC35" s="85">
        <v>48</v>
      </c>
      <c r="HD35" s="70">
        <v>1</v>
      </c>
      <c r="HE35" s="71">
        <v>0</v>
      </c>
      <c r="HF35" s="72">
        <v>1</v>
      </c>
      <c r="HG35" s="244"/>
      <c r="HH35" s="71">
        <v>0</v>
      </c>
      <c r="HI35" s="71">
        <v>0</v>
      </c>
      <c r="HJ35" s="71">
        <v>0</v>
      </c>
      <c r="HK35" s="71">
        <v>0</v>
      </c>
      <c r="HL35" s="71">
        <v>0</v>
      </c>
      <c r="HM35" s="72">
        <v>0</v>
      </c>
      <c r="HN35" s="73">
        <v>1</v>
      </c>
      <c r="HO35" s="70">
        <v>0</v>
      </c>
      <c r="HP35" s="71">
        <v>0</v>
      </c>
      <c r="HQ35" s="72">
        <v>0</v>
      </c>
      <c r="HR35" s="244"/>
      <c r="HS35" s="71">
        <v>0</v>
      </c>
      <c r="HT35" s="71">
        <v>0</v>
      </c>
      <c r="HU35" s="71">
        <v>0</v>
      </c>
      <c r="HV35" s="71">
        <v>0</v>
      </c>
      <c r="HW35" s="71">
        <v>0</v>
      </c>
      <c r="HX35" s="72">
        <v>0</v>
      </c>
      <c r="HY35" s="73">
        <v>0</v>
      </c>
      <c r="HZ35" s="70">
        <v>0</v>
      </c>
      <c r="IA35" s="71">
        <v>1</v>
      </c>
      <c r="IB35" s="72">
        <v>1</v>
      </c>
      <c r="IC35" s="244"/>
      <c r="ID35" s="71">
        <v>1</v>
      </c>
      <c r="IE35" s="71">
        <v>1</v>
      </c>
      <c r="IF35" s="71">
        <v>0</v>
      </c>
      <c r="IG35" s="71">
        <v>1</v>
      </c>
      <c r="IH35" s="71">
        <v>0</v>
      </c>
      <c r="II35" s="72">
        <v>3</v>
      </c>
      <c r="IJ35" s="73">
        <v>4</v>
      </c>
      <c r="IK35" s="70">
        <v>0</v>
      </c>
      <c r="IL35" s="71">
        <v>0</v>
      </c>
      <c r="IM35" s="72">
        <v>0</v>
      </c>
      <c r="IN35" s="244"/>
      <c r="IO35" s="71">
        <v>4</v>
      </c>
      <c r="IP35" s="71">
        <v>4</v>
      </c>
      <c r="IQ35" s="71">
        <v>2</v>
      </c>
      <c r="IR35" s="71">
        <v>0</v>
      </c>
      <c r="IS35" s="71">
        <v>0</v>
      </c>
      <c r="IT35" s="72">
        <v>10</v>
      </c>
      <c r="IU35" s="73">
        <v>10</v>
      </c>
      <c r="IV35" s="70">
        <v>0</v>
      </c>
      <c r="IW35" s="71">
        <v>3</v>
      </c>
      <c r="IX35" s="72">
        <v>3</v>
      </c>
      <c r="IY35" s="244"/>
      <c r="IZ35" s="71">
        <v>4</v>
      </c>
      <c r="JA35" s="71">
        <v>4</v>
      </c>
      <c r="JB35" s="71">
        <v>3</v>
      </c>
      <c r="JC35" s="71">
        <v>3</v>
      </c>
      <c r="JD35" s="71">
        <v>1</v>
      </c>
      <c r="JE35" s="72">
        <v>15</v>
      </c>
      <c r="JF35" s="73">
        <v>18</v>
      </c>
      <c r="JG35" s="70">
        <v>0</v>
      </c>
      <c r="JH35" s="71">
        <v>1</v>
      </c>
      <c r="JI35" s="72">
        <v>1</v>
      </c>
      <c r="JJ35" s="244"/>
      <c r="JK35" s="71">
        <v>3</v>
      </c>
      <c r="JL35" s="71">
        <v>5</v>
      </c>
      <c r="JM35" s="71">
        <v>2</v>
      </c>
      <c r="JN35" s="71">
        <v>3</v>
      </c>
      <c r="JO35" s="71">
        <v>1</v>
      </c>
      <c r="JP35" s="72">
        <v>14</v>
      </c>
      <c r="JQ35" s="73">
        <v>15</v>
      </c>
      <c r="JR35" s="70">
        <v>0</v>
      </c>
      <c r="JS35" s="71">
        <v>0</v>
      </c>
      <c r="JT35" s="72">
        <v>0</v>
      </c>
      <c r="JU35" s="244"/>
      <c r="JV35" s="71">
        <v>0</v>
      </c>
      <c r="JW35" s="71">
        <v>0</v>
      </c>
      <c r="JX35" s="71">
        <v>0</v>
      </c>
      <c r="JY35" s="71">
        <v>0</v>
      </c>
      <c r="JZ35" s="71">
        <v>0</v>
      </c>
      <c r="KA35" s="72">
        <v>0</v>
      </c>
      <c r="KB35" s="73">
        <v>0</v>
      </c>
      <c r="KC35" s="70">
        <v>1</v>
      </c>
      <c r="KD35" s="71">
        <v>5</v>
      </c>
      <c r="KE35" s="72">
        <v>6</v>
      </c>
      <c r="KF35" s="244"/>
      <c r="KG35" s="71">
        <v>12</v>
      </c>
      <c r="KH35" s="71">
        <v>14</v>
      </c>
      <c r="KI35" s="71">
        <v>7</v>
      </c>
      <c r="KJ35" s="71">
        <v>7</v>
      </c>
      <c r="KK35" s="71">
        <v>2</v>
      </c>
      <c r="KL35" s="72">
        <v>42</v>
      </c>
      <c r="KM35" s="73">
        <v>48</v>
      </c>
    </row>
    <row r="36" spans="2:299" ht="19.5" customHeight="1" x14ac:dyDescent="0.2">
      <c r="B36" s="126" t="s">
        <v>33</v>
      </c>
      <c r="C36" s="316">
        <v>6</v>
      </c>
      <c r="D36" s="82">
        <v>1</v>
      </c>
      <c r="E36" s="83">
        <v>7</v>
      </c>
      <c r="F36" s="241"/>
      <c r="G36" s="82">
        <v>7</v>
      </c>
      <c r="H36" s="82">
        <v>1</v>
      </c>
      <c r="I36" s="82">
        <v>3</v>
      </c>
      <c r="J36" s="82">
        <v>2</v>
      </c>
      <c r="K36" s="82">
        <v>1</v>
      </c>
      <c r="L36" s="84">
        <v>14</v>
      </c>
      <c r="M36" s="85">
        <v>21</v>
      </c>
      <c r="N36" s="70">
        <v>0</v>
      </c>
      <c r="O36" s="71">
        <v>0</v>
      </c>
      <c r="P36" s="72">
        <v>0</v>
      </c>
      <c r="Q36" s="244"/>
      <c r="R36" s="71">
        <v>0</v>
      </c>
      <c r="S36" s="71">
        <v>0</v>
      </c>
      <c r="T36" s="71">
        <v>1</v>
      </c>
      <c r="U36" s="71">
        <v>0</v>
      </c>
      <c r="V36" s="71">
        <v>0</v>
      </c>
      <c r="W36" s="72">
        <v>1</v>
      </c>
      <c r="X36" s="73">
        <v>1</v>
      </c>
      <c r="Y36" s="70">
        <v>1</v>
      </c>
      <c r="Z36" s="71">
        <v>0</v>
      </c>
      <c r="AA36" s="72">
        <v>1</v>
      </c>
      <c r="AB36" s="244"/>
      <c r="AC36" s="71">
        <v>0</v>
      </c>
      <c r="AD36" s="71">
        <v>0</v>
      </c>
      <c r="AE36" s="71">
        <v>0</v>
      </c>
      <c r="AF36" s="71">
        <v>0</v>
      </c>
      <c r="AG36" s="71">
        <v>0</v>
      </c>
      <c r="AH36" s="72">
        <v>0</v>
      </c>
      <c r="AI36" s="73">
        <v>1</v>
      </c>
      <c r="AJ36" s="70">
        <v>3</v>
      </c>
      <c r="AK36" s="71">
        <v>0</v>
      </c>
      <c r="AL36" s="72">
        <v>3</v>
      </c>
      <c r="AM36" s="244"/>
      <c r="AN36" s="71">
        <v>1</v>
      </c>
      <c r="AO36" s="71">
        <v>0</v>
      </c>
      <c r="AP36" s="71">
        <v>0</v>
      </c>
      <c r="AQ36" s="71">
        <v>1</v>
      </c>
      <c r="AR36" s="71">
        <v>0</v>
      </c>
      <c r="AS36" s="72">
        <v>2</v>
      </c>
      <c r="AT36" s="73">
        <v>5</v>
      </c>
      <c r="AU36" s="70">
        <v>0</v>
      </c>
      <c r="AV36" s="71">
        <v>1</v>
      </c>
      <c r="AW36" s="72">
        <v>1</v>
      </c>
      <c r="AX36" s="244"/>
      <c r="AY36" s="71">
        <v>1</v>
      </c>
      <c r="AZ36" s="71">
        <v>1</v>
      </c>
      <c r="BA36" s="71">
        <v>1</v>
      </c>
      <c r="BB36" s="71">
        <v>0</v>
      </c>
      <c r="BC36" s="71">
        <v>0</v>
      </c>
      <c r="BD36" s="72">
        <v>3</v>
      </c>
      <c r="BE36" s="73">
        <v>4</v>
      </c>
      <c r="BF36" s="70">
        <v>0</v>
      </c>
      <c r="BG36" s="71">
        <v>0</v>
      </c>
      <c r="BH36" s="72">
        <v>0</v>
      </c>
      <c r="BI36" s="244"/>
      <c r="BJ36" s="71">
        <v>0</v>
      </c>
      <c r="BK36" s="71">
        <v>0</v>
      </c>
      <c r="BL36" s="71">
        <v>1</v>
      </c>
      <c r="BM36" s="71">
        <v>0</v>
      </c>
      <c r="BN36" s="71">
        <v>1</v>
      </c>
      <c r="BO36" s="72">
        <v>2</v>
      </c>
      <c r="BP36" s="73">
        <v>2</v>
      </c>
      <c r="BQ36" s="70">
        <v>2</v>
      </c>
      <c r="BR36" s="71">
        <v>0</v>
      </c>
      <c r="BS36" s="72">
        <v>2</v>
      </c>
      <c r="BT36" s="244"/>
      <c r="BU36" s="71">
        <v>5</v>
      </c>
      <c r="BV36" s="71">
        <v>0</v>
      </c>
      <c r="BW36" s="71">
        <v>0</v>
      </c>
      <c r="BX36" s="71">
        <v>1</v>
      </c>
      <c r="BY36" s="71">
        <v>0</v>
      </c>
      <c r="BZ36" s="72">
        <v>6</v>
      </c>
      <c r="CA36" s="73">
        <v>8</v>
      </c>
      <c r="CB36" s="70">
        <v>0</v>
      </c>
      <c r="CC36" s="71">
        <v>0</v>
      </c>
      <c r="CD36" s="72">
        <v>0</v>
      </c>
      <c r="CE36" s="244"/>
      <c r="CF36" s="71">
        <v>0</v>
      </c>
      <c r="CG36" s="71">
        <v>0</v>
      </c>
      <c r="CH36" s="71">
        <v>0</v>
      </c>
      <c r="CI36" s="71">
        <v>0</v>
      </c>
      <c r="CJ36" s="71">
        <v>0</v>
      </c>
      <c r="CK36" s="72">
        <v>0</v>
      </c>
      <c r="CL36" s="73">
        <v>0</v>
      </c>
      <c r="CM36" s="70">
        <v>6</v>
      </c>
      <c r="CN36" s="71">
        <v>1</v>
      </c>
      <c r="CO36" s="72">
        <v>7</v>
      </c>
      <c r="CP36" s="244"/>
      <c r="CQ36" s="71">
        <v>7</v>
      </c>
      <c r="CR36" s="71">
        <v>1</v>
      </c>
      <c r="CS36" s="71">
        <v>3</v>
      </c>
      <c r="CT36" s="71">
        <v>2</v>
      </c>
      <c r="CU36" s="71">
        <v>1</v>
      </c>
      <c r="CV36" s="72">
        <v>14</v>
      </c>
      <c r="CW36" s="73">
        <v>21</v>
      </c>
      <c r="CX36" s="123">
        <v>1</v>
      </c>
      <c r="CY36" s="82">
        <v>1</v>
      </c>
      <c r="CZ36" s="83">
        <v>2</v>
      </c>
      <c r="DA36" s="241"/>
      <c r="DB36" s="82">
        <v>0</v>
      </c>
      <c r="DC36" s="82">
        <v>3</v>
      </c>
      <c r="DD36" s="82">
        <v>0</v>
      </c>
      <c r="DE36" s="82">
        <v>1</v>
      </c>
      <c r="DF36" s="82">
        <v>0</v>
      </c>
      <c r="DG36" s="84">
        <v>4</v>
      </c>
      <c r="DH36" s="85">
        <v>6</v>
      </c>
      <c r="DI36" s="70">
        <v>0</v>
      </c>
      <c r="DJ36" s="71">
        <v>0</v>
      </c>
      <c r="DK36" s="72">
        <v>0</v>
      </c>
      <c r="DL36" s="244"/>
      <c r="DM36" s="71">
        <v>0</v>
      </c>
      <c r="DN36" s="71">
        <v>1</v>
      </c>
      <c r="DO36" s="71">
        <v>0</v>
      </c>
      <c r="DP36" s="71">
        <v>0</v>
      </c>
      <c r="DQ36" s="71">
        <v>0</v>
      </c>
      <c r="DR36" s="72">
        <v>1</v>
      </c>
      <c r="DS36" s="73">
        <v>1</v>
      </c>
      <c r="DT36" s="70">
        <v>0</v>
      </c>
      <c r="DU36" s="71">
        <v>0</v>
      </c>
      <c r="DV36" s="72">
        <v>0</v>
      </c>
      <c r="DW36" s="244"/>
      <c r="DX36" s="71">
        <v>0</v>
      </c>
      <c r="DY36" s="71">
        <v>0</v>
      </c>
      <c r="DZ36" s="71">
        <v>0</v>
      </c>
      <c r="EA36" s="71">
        <v>0</v>
      </c>
      <c r="EB36" s="71">
        <v>0</v>
      </c>
      <c r="EC36" s="72">
        <v>0</v>
      </c>
      <c r="ED36" s="73">
        <v>0</v>
      </c>
      <c r="EE36" s="70">
        <v>0</v>
      </c>
      <c r="EF36" s="71">
        <v>0</v>
      </c>
      <c r="EG36" s="72">
        <v>0</v>
      </c>
      <c r="EH36" s="244"/>
      <c r="EI36" s="71">
        <v>0</v>
      </c>
      <c r="EJ36" s="71">
        <v>0</v>
      </c>
      <c r="EK36" s="71">
        <v>0</v>
      </c>
      <c r="EL36" s="71">
        <v>0</v>
      </c>
      <c r="EM36" s="71">
        <v>0</v>
      </c>
      <c r="EN36" s="72">
        <v>0</v>
      </c>
      <c r="EO36" s="73">
        <v>0</v>
      </c>
      <c r="EP36" s="70">
        <v>0</v>
      </c>
      <c r="EQ36" s="71">
        <v>0</v>
      </c>
      <c r="ER36" s="72">
        <v>0</v>
      </c>
      <c r="ES36" s="244"/>
      <c r="ET36" s="71">
        <v>0</v>
      </c>
      <c r="EU36" s="71">
        <v>0</v>
      </c>
      <c r="EV36" s="71">
        <v>0</v>
      </c>
      <c r="EW36" s="71">
        <v>0</v>
      </c>
      <c r="EX36" s="71">
        <v>0</v>
      </c>
      <c r="EY36" s="72">
        <v>0</v>
      </c>
      <c r="EZ36" s="73">
        <v>0</v>
      </c>
      <c r="FA36" s="70">
        <v>0</v>
      </c>
      <c r="FB36" s="71">
        <v>0</v>
      </c>
      <c r="FC36" s="72">
        <v>0</v>
      </c>
      <c r="FD36" s="244"/>
      <c r="FE36" s="71">
        <v>0</v>
      </c>
      <c r="FF36" s="71">
        <v>1</v>
      </c>
      <c r="FG36" s="71">
        <v>0</v>
      </c>
      <c r="FH36" s="71">
        <v>0</v>
      </c>
      <c r="FI36" s="71">
        <v>0</v>
      </c>
      <c r="FJ36" s="72">
        <v>1</v>
      </c>
      <c r="FK36" s="73">
        <v>1</v>
      </c>
      <c r="FL36" s="70">
        <v>1</v>
      </c>
      <c r="FM36" s="71">
        <v>1</v>
      </c>
      <c r="FN36" s="72">
        <v>2</v>
      </c>
      <c r="FO36" s="244"/>
      <c r="FP36" s="71">
        <v>0</v>
      </c>
      <c r="FQ36" s="71">
        <v>1</v>
      </c>
      <c r="FR36" s="71">
        <v>0</v>
      </c>
      <c r="FS36" s="71">
        <v>1</v>
      </c>
      <c r="FT36" s="71">
        <v>0</v>
      </c>
      <c r="FU36" s="72">
        <v>2</v>
      </c>
      <c r="FV36" s="73">
        <v>4</v>
      </c>
      <c r="FW36" s="70">
        <v>0</v>
      </c>
      <c r="FX36" s="71">
        <v>0</v>
      </c>
      <c r="FY36" s="72">
        <v>0</v>
      </c>
      <c r="FZ36" s="244"/>
      <c r="GA36" s="71">
        <v>0</v>
      </c>
      <c r="GB36" s="71">
        <v>0</v>
      </c>
      <c r="GC36" s="71">
        <v>0</v>
      </c>
      <c r="GD36" s="71">
        <v>0</v>
      </c>
      <c r="GE36" s="71">
        <v>0</v>
      </c>
      <c r="GF36" s="72">
        <v>0</v>
      </c>
      <c r="GG36" s="73">
        <v>0</v>
      </c>
      <c r="GH36" s="70">
        <v>1</v>
      </c>
      <c r="GI36" s="71">
        <v>1</v>
      </c>
      <c r="GJ36" s="72">
        <v>2</v>
      </c>
      <c r="GK36" s="244"/>
      <c r="GL36" s="71">
        <v>0</v>
      </c>
      <c r="GM36" s="71">
        <v>3</v>
      </c>
      <c r="GN36" s="71">
        <v>0</v>
      </c>
      <c r="GO36" s="71">
        <v>1</v>
      </c>
      <c r="GP36" s="71">
        <v>0</v>
      </c>
      <c r="GQ36" s="72">
        <v>4</v>
      </c>
      <c r="GR36" s="73">
        <v>6</v>
      </c>
      <c r="GS36" s="123">
        <v>7</v>
      </c>
      <c r="GT36" s="82">
        <v>2</v>
      </c>
      <c r="GU36" s="83">
        <v>9</v>
      </c>
      <c r="GV36" s="241"/>
      <c r="GW36" s="82">
        <v>7</v>
      </c>
      <c r="GX36" s="82">
        <v>4</v>
      </c>
      <c r="GY36" s="82">
        <v>3</v>
      </c>
      <c r="GZ36" s="82">
        <v>3</v>
      </c>
      <c r="HA36" s="82">
        <v>1</v>
      </c>
      <c r="HB36" s="84">
        <v>18</v>
      </c>
      <c r="HC36" s="85">
        <v>27</v>
      </c>
      <c r="HD36" s="70">
        <v>0</v>
      </c>
      <c r="HE36" s="71">
        <v>0</v>
      </c>
      <c r="HF36" s="72">
        <v>0</v>
      </c>
      <c r="HG36" s="244"/>
      <c r="HH36" s="71">
        <v>0</v>
      </c>
      <c r="HI36" s="71">
        <v>1</v>
      </c>
      <c r="HJ36" s="71">
        <v>1</v>
      </c>
      <c r="HK36" s="71">
        <v>0</v>
      </c>
      <c r="HL36" s="71">
        <v>0</v>
      </c>
      <c r="HM36" s="72">
        <v>2</v>
      </c>
      <c r="HN36" s="73">
        <v>2</v>
      </c>
      <c r="HO36" s="70">
        <v>1</v>
      </c>
      <c r="HP36" s="71">
        <v>0</v>
      </c>
      <c r="HQ36" s="72">
        <v>1</v>
      </c>
      <c r="HR36" s="244"/>
      <c r="HS36" s="71">
        <v>0</v>
      </c>
      <c r="HT36" s="71">
        <v>0</v>
      </c>
      <c r="HU36" s="71">
        <v>0</v>
      </c>
      <c r="HV36" s="71">
        <v>0</v>
      </c>
      <c r="HW36" s="71">
        <v>0</v>
      </c>
      <c r="HX36" s="72">
        <v>0</v>
      </c>
      <c r="HY36" s="73">
        <v>1</v>
      </c>
      <c r="HZ36" s="70">
        <v>3</v>
      </c>
      <c r="IA36" s="71">
        <v>0</v>
      </c>
      <c r="IB36" s="72">
        <v>3</v>
      </c>
      <c r="IC36" s="244"/>
      <c r="ID36" s="71">
        <v>1</v>
      </c>
      <c r="IE36" s="71">
        <v>0</v>
      </c>
      <c r="IF36" s="71">
        <v>0</v>
      </c>
      <c r="IG36" s="71">
        <v>1</v>
      </c>
      <c r="IH36" s="71">
        <v>0</v>
      </c>
      <c r="II36" s="72">
        <v>2</v>
      </c>
      <c r="IJ36" s="73">
        <v>5</v>
      </c>
      <c r="IK36" s="70">
        <v>0</v>
      </c>
      <c r="IL36" s="71">
        <v>1</v>
      </c>
      <c r="IM36" s="72">
        <v>1</v>
      </c>
      <c r="IN36" s="244"/>
      <c r="IO36" s="71">
        <v>1</v>
      </c>
      <c r="IP36" s="71">
        <v>1</v>
      </c>
      <c r="IQ36" s="71">
        <v>1</v>
      </c>
      <c r="IR36" s="71">
        <v>0</v>
      </c>
      <c r="IS36" s="71">
        <v>0</v>
      </c>
      <c r="IT36" s="72">
        <v>3</v>
      </c>
      <c r="IU36" s="73">
        <v>4</v>
      </c>
      <c r="IV36" s="70">
        <v>0</v>
      </c>
      <c r="IW36" s="71">
        <v>0</v>
      </c>
      <c r="IX36" s="72">
        <v>0</v>
      </c>
      <c r="IY36" s="244"/>
      <c r="IZ36" s="71">
        <v>0</v>
      </c>
      <c r="JA36" s="71">
        <v>1</v>
      </c>
      <c r="JB36" s="71">
        <v>1</v>
      </c>
      <c r="JC36" s="71">
        <v>0</v>
      </c>
      <c r="JD36" s="71">
        <v>1</v>
      </c>
      <c r="JE36" s="72">
        <v>3</v>
      </c>
      <c r="JF36" s="73">
        <v>3</v>
      </c>
      <c r="JG36" s="70">
        <v>3</v>
      </c>
      <c r="JH36" s="71">
        <v>1</v>
      </c>
      <c r="JI36" s="72">
        <v>4</v>
      </c>
      <c r="JJ36" s="244"/>
      <c r="JK36" s="71">
        <v>5</v>
      </c>
      <c r="JL36" s="71">
        <v>1</v>
      </c>
      <c r="JM36" s="71">
        <v>0</v>
      </c>
      <c r="JN36" s="71">
        <v>2</v>
      </c>
      <c r="JO36" s="71">
        <v>0</v>
      </c>
      <c r="JP36" s="72">
        <v>8</v>
      </c>
      <c r="JQ36" s="73">
        <v>12</v>
      </c>
      <c r="JR36" s="70">
        <v>0</v>
      </c>
      <c r="JS36" s="71">
        <v>0</v>
      </c>
      <c r="JT36" s="72">
        <v>0</v>
      </c>
      <c r="JU36" s="244"/>
      <c r="JV36" s="71">
        <v>0</v>
      </c>
      <c r="JW36" s="71">
        <v>0</v>
      </c>
      <c r="JX36" s="71">
        <v>0</v>
      </c>
      <c r="JY36" s="71">
        <v>0</v>
      </c>
      <c r="JZ36" s="71">
        <v>0</v>
      </c>
      <c r="KA36" s="72">
        <v>0</v>
      </c>
      <c r="KB36" s="73">
        <v>0</v>
      </c>
      <c r="KC36" s="70">
        <v>7</v>
      </c>
      <c r="KD36" s="71">
        <v>2</v>
      </c>
      <c r="KE36" s="72">
        <v>9</v>
      </c>
      <c r="KF36" s="244"/>
      <c r="KG36" s="71">
        <v>7</v>
      </c>
      <c r="KH36" s="71">
        <v>4</v>
      </c>
      <c r="KI36" s="71">
        <v>3</v>
      </c>
      <c r="KJ36" s="71">
        <v>3</v>
      </c>
      <c r="KK36" s="71">
        <v>1</v>
      </c>
      <c r="KL36" s="72">
        <v>18</v>
      </c>
      <c r="KM36" s="73">
        <v>27</v>
      </c>
    </row>
    <row r="37" spans="2:299" ht="19.5" customHeight="1" x14ac:dyDescent="0.2">
      <c r="B37" s="126" t="s">
        <v>34</v>
      </c>
      <c r="C37" s="316">
        <v>5</v>
      </c>
      <c r="D37" s="82">
        <v>1</v>
      </c>
      <c r="E37" s="83">
        <v>6</v>
      </c>
      <c r="F37" s="241"/>
      <c r="G37" s="82">
        <v>4</v>
      </c>
      <c r="H37" s="82">
        <v>2</v>
      </c>
      <c r="I37" s="82">
        <v>6</v>
      </c>
      <c r="J37" s="82">
        <v>0</v>
      </c>
      <c r="K37" s="82">
        <v>0</v>
      </c>
      <c r="L37" s="84">
        <v>12</v>
      </c>
      <c r="M37" s="85">
        <v>18</v>
      </c>
      <c r="N37" s="70">
        <v>0</v>
      </c>
      <c r="O37" s="71">
        <v>0</v>
      </c>
      <c r="P37" s="72">
        <v>0</v>
      </c>
      <c r="Q37" s="244"/>
      <c r="R37" s="71">
        <v>0</v>
      </c>
      <c r="S37" s="71">
        <v>1</v>
      </c>
      <c r="T37" s="71">
        <v>0</v>
      </c>
      <c r="U37" s="71">
        <v>0</v>
      </c>
      <c r="V37" s="71">
        <v>0</v>
      </c>
      <c r="W37" s="72">
        <v>1</v>
      </c>
      <c r="X37" s="73">
        <v>1</v>
      </c>
      <c r="Y37" s="70">
        <v>0</v>
      </c>
      <c r="Z37" s="71">
        <v>0</v>
      </c>
      <c r="AA37" s="72">
        <v>0</v>
      </c>
      <c r="AB37" s="244"/>
      <c r="AC37" s="71">
        <v>0</v>
      </c>
      <c r="AD37" s="71">
        <v>0</v>
      </c>
      <c r="AE37" s="71">
        <v>0</v>
      </c>
      <c r="AF37" s="71">
        <v>0</v>
      </c>
      <c r="AG37" s="71">
        <v>0</v>
      </c>
      <c r="AH37" s="72">
        <v>0</v>
      </c>
      <c r="AI37" s="73">
        <v>0</v>
      </c>
      <c r="AJ37" s="70">
        <v>0</v>
      </c>
      <c r="AK37" s="71">
        <v>0</v>
      </c>
      <c r="AL37" s="72">
        <v>0</v>
      </c>
      <c r="AM37" s="244"/>
      <c r="AN37" s="71">
        <v>0</v>
      </c>
      <c r="AO37" s="71">
        <v>0</v>
      </c>
      <c r="AP37" s="71">
        <v>0</v>
      </c>
      <c r="AQ37" s="71">
        <v>0</v>
      </c>
      <c r="AR37" s="71">
        <v>0</v>
      </c>
      <c r="AS37" s="72">
        <v>0</v>
      </c>
      <c r="AT37" s="73">
        <v>0</v>
      </c>
      <c r="AU37" s="70">
        <v>2</v>
      </c>
      <c r="AV37" s="71">
        <v>0</v>
      </c>
      <c r="AW37" s="72">
        <v>2</v>
      </c>
      <c r="AX37" s="244"/>
      <c r="AY37" s="71">
        <v>1</v>
      </c>
      <c r="AZ37" s="71">
        <v>0</v>
      </c>
      <c r="BA37" s="71">
        <v>2</v>
      </c>
      <c r="BB37" s="71">
        <v>0</v>
      </c>
      <c r="BC37" s="71">
        <v>0</v>
      </c>
      <c r="BD37" s="72">
        <v>3</v>
      </c>
      <c r="BE37" s="73">
        <v>5</v>
      </c>
      <c r="BF37" s="70">
        <v>2</v>
      </c>
      <c r="BG37" s="71">
        <v>1</v>
      </c>
      <c r="BH37" s="72">
        <v>3</v>
      </c>
      <c r="BI37" s="244"/>
      <c r="BJ37" s="71">
        <v>1</v>
      </c>
      <c r="BK37" s="71">
        <v>0</v>
      </c>
      <c r="BL37" s="71">
        <v>3</v>
      </c>
      <c r="BM37" s="71">
        <v>0</v>
      </c>
      <c r="BN37" s="71">
        <v>0</v>
      </c>
      <c r="BO37" s="72">
        <v>4</v>
      </c>
      <c r="BP37" s="73">
        <v>7</v>
      </c>
      <c r="BQ37" s="70">
        <v>1</v>
      </c>
      <c r="BR37" s="71">
        <v>0</v>
      </c>
      <c r="BS37" s="72">
        <v>1</v>
      </c>
      <c r="BT37" s="244"/>
      <c r="BU37" s="71">
        <v>2</v>
      </c>
      <c r="BV37" s="71">
        <v>1</v>
      </c>
      <c r="BW37" s="71">
        <v>1</v>
      </c>
      <c r="BX37" s="71">
        <v>0</v>
      </c>
      <c r="BY37" s="71">
        <v>0</v>
      </c>
      <c r="BZ37" s="72">
        <v>4</v>
      </c>
      <c r="CA37" s="73">
        <v>5</v>
      </c>
      <c r="CB37" s="70">
        <v>0</v>
      </c>
      <c r="CC37" s="71">
        <v>0</v>
      </c>
      <c r="CD37" s="72">
        <v>0</v>
      </c>
      <c r="CE37" s="244"/>
      <c r="CF37" s="71">
        <v>0</v>
      </c>
      <c r="CG37" s="71">
        <v>0</v>
      </c>
      <c r="CH37" s="71">
        <v>0</v>
      </c>
      <c r="CI37" s="71">
        <v>0</v>
      </c>
      <c r="CJ37" s="71">
        <v>0</v>
      </c>
      <c r="CK37" s="72">
        <v>0</v>
      </c>
      <c r="CL37" s="73">
        <v>0</v>
      </c>
      <c r="CM37" s="70">
        <v>5</v>
      </c>
      <c r="CN37" s="71">
        <v>1</v>
      </c>
      <c r="CO37" s="72">
        <v>6</v>
      </c>
      <c r="CP37" s="244"/>
      <c r="CQ37" s="71">
        <v>4</v>
      </c>
      <c r="CR37" s="71">
        <v>2</v>
      </c>
      <c r="CS37" s="71">
        <v>6</v>
      </c>
      <c r="CT37" s="71">
        <v>0</v>
      </c>
      <c r="CU37" s="71">
        <v>0</v>
      </c>
      <c r="CV37" s="72">
        <v>12</v>
      </c>
      <c r="CW37" s="73">
        <v>18</v>
      </c>
      <c r="CX37" s="123">
        <v>0</v>
      </c>
      <c r="CY37" s="82">
        <v>0</v>
      </c>
      <c r="CZ37" s="83">
        <v>0</v>
      </c>
      <c r="DA37" s="241"/>
      <c r="DB37" s="82">
        <v>0</v>
      </c>
      <c r="DC37" s="82">
        <v>1</v>
      </c>
      <c r="DD37" s="82">
        <v>0</v>
      </c>
      <c r="DE37" s="82">
        <v>0</v>
      </c>
      <c r="DF37" s="82">
        <v>1</v>
      </c>
      <c r="DG37" s="84">
        <v>2</v>
      </c>
      <c r="DH37" s="85">
        <v>2</v>
      </c>
      <c r="DI37" s="70">
        <v>0</v>
      </c>
      <c r="DJ37" s="71">
        <v>0</v>
      </c>
      <c r="DK37" s="72">
        <v>0</v>
      </c>
      <c r="DL37" s="244"/>
      <c r="DM37" s="71">
        <v>0</v>
      </c>
      <c r="DN37" s="71">
        <v>0</v>
      </c>
      <c r="DO37" s="71">
        <v>0</v>
      </c>
      <c r="DP37" s="71">
        <v>0</v>
      </c>
      <c r="DQ37" s="71">
        <v>0</v>
      </c>
      <c r="DR37" s="72">
        <v>0</v>
      </c>
      <c r="DS37" s="73">
        <v>0</v>
      </c>
      <c r="DT37" s="70">
        <v>0</v>
      </c>
      <c r="DU37" s="71">
        <v>0</v>
      </c>
      <c r="DV37" s="72">
        <v>0</v>
      </c>
      <c r="DW37" s="244"/>
      <c r="DX37" s="71">
        <v>0</v>
      </c>
      <c r="DY37" s="71">
        <v>0</v>
      </c>
      <c r="DZ37" s="71">
        <v>0</v>
      </c>
      <c r="EA37" s="71">
        <v>0</v>
      </c>
      <c r="EB37" s="71">
        <v>0</v>
      </c>
      <c r="EC37" s="72">
        <v>0</v>
      </c>
      <c r="ED37" s="73">
        <v>0</v>
      </c>
      <c r="EE37" s="70">
        <v>0</v>
      </c>
      <c r="EF37" s="71">
        <v>0</v>
      </c>
      <c r="EG37" s="72">
        <v>0</v>
      </c>
      <c r="EH37" s="244"/>
      <c r="EI37" s="71">
        <v>0</v>
      </c>
      <c r="EJ37" s="71">
        <v>0</v>
      </c>
      <c r="EK37" s="71">
        <v>0</v>
      </c>
      <c r="EL37" s="71">
        <v>0</v>
      </c>
      <c r="EM37" s="71">
        <v>0</v>
      </c>
      <c r="EN37" s="72">
        <v>0</v>
      </c>
      <c r="EO37" s="73">
        <v>0</v>
      </c>
      <c r="EP37" s="70">
        <v>0</v>
      </c>
      <c r="EQ37" s="71">
        <v>0</v>
      </c>
      <c r="ER37" s="72">
        <v>0</v>
      </c>
      <c r="ES37" s="244"/>
      <c r="ET37" s="71">
        <v>0</v>
      </c>
      <c r="EU37" s="71">
        <v>0</v>
      </c>
      <c r="EV37" s="71">
        <v>0</v>
      </c>
      <c r="EW37" s="71">
        <v>0</v>
      </c>
      <c r="EX37" s="71">
        <v>0</v>
      </c>
      <c r="EY37" s="72">
        <v>0</v>
      </c>
      <c r="EZ37" s="73">
        <v>0</v>
      </c>
      <c r="FA37" s="70">
        <v>0</v>
      </c>
      <c r="FB37" s="71">
        <v>0</v>
      </c>
      <c r="FC37" s="72">
        <v>0</v>
      </c>
      <c r="FD37" s="244"/>
      <c r="FE37" s="71">
        <v>0</v>
      </c>
      <c r="FF37" s="71">
        <v>0</v>
      </c>
      <c r="FG37" s="71">
        <v>0</v>
      </c>
      <c r="FH37" s="71">
        <v>0</v>
      </c>
      <c r="FI37" s="71">
        <v>0</v>
      </c>
      <c r="FJ37" s="72">
        <v>0</v>
      </c>
      <c r="FK37" s="73">
        <v>0</v>
      </c>
      <c r="FL37" s="70">
        <v>0</v>
      </c>
      <c r="FM37" s="71">
        <v>0</v>
      </c>
      <c r="FN37" s="72">
        <v>0</v>
      </c>
      <c r="FO37" s="244"/>
      <c r="FP37" s="71">
        <v>0</v>
      </c>
      <c r="FQ37" s="71">
        <v>1</v>
      </c>
      <c r="FR37" s="71">
        <v>0</v>
      </c>
      <c r="FS37" s="71">
        <v>0</v>
      </c>
      <c r="FT37" s="71">
        <v>1</v>
      </c>
      <c r="FU37" s="72">
        <v>2</v>
      </c>
      <c r="FV37" s="73">
        <v>2</v>
      </c>
      <c r="FW37" s="70">
        <v>0</v>
      </c>
      <c r="FX37" s="71">
        <v>0</v>
      </c>
      <c r="FY37" s="72">
        <v>0</v>
      </c>
      <c r="FZ37" s="244"/>
      <c r="GA37" s="71">
        <v>0</v>
      </c>
      <c r="GB37" s="71">
        <v>0</v>
      </c>
      <c r="GC37" s="71">
        <v>0</v>
      </c>
      <c r="GD37" s="71">
        <v>0</v>
      </c>
      <c r="GE37" s="71">
        <v>0</v>
      </c>
      <c r="GF37" s="72">
        <v>0</v>
      </c>
      <c r="GG37" s="73">
        <v>0</v>
      </c>
      <c r="GH37" s="70">
        <v>0</v>
      </c>
      <c r="GI37" s="71">
        <v>0</v>
      </c>
      <c r="GJ37" s="72">
        <v>0</v>
      </c>
      <c r="GK37" s="244"/>
      <c r="GL37" s="71">
        <v>0</v>
      </c>
      <c r="GM37" s="71">
        <v>1</v>
      </c>
      <c r="GN37" s="71">
        <v>0</v>
      </c>
      <c r="GO37" s="71">
        <v>0</v>
      </c>
      <c r="GP37" s="71">
        <v>1</v>
      </c>
      <c r="GQ37" s="72">
        <v>2</v>
      </c>
      <c r="GR37" s="73">
        <v>2</v>
      </c>
      <c r="GS37" s="123">
        <v>5</v>
      </c>
      <c r="GT37" s="82">
        <v>1</v>
      </c>
      <c r="GU37" s="83">
        <v>6</v>
      </c>
      <c r="GV37" s="241"/>
      <c r="GW37" s="82">
        <v>4</v>
      </c>
      <c r="GX37" s="82">
        <v>3</v>
      </c>
      <c r="GY37" s="82">
        <v>6</v>
      </c>
      <c r="GZ37" s="82">
        <v>0</v>
      </c>
      <c r="HA37" s="82">
        <v>1</v>
      </c>
      <c r="HB37" s="84">
        <v>14</v>
      </c>
      <c r="HC37" s="85">
        <v>20</v>
      </c>
      <c r="HD37" s="70">
        <v>0</v>
      </c>
      <c r="HE37" s="71">
        <v>0</v>
      </c>
      <c r="HF37" s="72">
        <v>0</v>
      </c>
      <c r="HG37" s="244"/>
      <c r="HH37" s="71">
        <v>0</v>
      </c>
      <c r="HI37" s="71">
        <v>1</v>
      </c>
      <c r="HJ37" s="71">
        <v>0</v>
      </c>
      <c r="HK37" s="71">
        <v>0</v>
      </c>
      <c r="HL37" s="71">
        <v>0</v>
      </c>
      <c r="HM37" s="72">
        <v>1</v>
      </c>
      <c r="HN37" s="73">
        <v>1</v>
      </c>
      <c r="HO37" s="70">
        <v>0</v>
      </c>
      <c r="HP37" s="71">
        <v>0</v>
      </c>
      <c r="HQ37" s="72">
        <v>0</v>
      </c>
      <c r="HR37" s="244"/>
      <c r="HS37" s="71">
        <v>0</v>
      </c>
      <c r="HT37" s="71">
        <v>0</v>
      </c>
      <c r="HU37" s="71">
        <v>0</v>
      </c>
      <c r="HV37" s="71">
        <v>0</v>
      </c>
      <c r="HW37" s="71">
        <v>0</v>
      </c>
      <c r="HX37" s="72">
        <v>0</v>
      </c>
      <c r="HY37" s="73">
        <v>0</v>
      </c>
      <c r="HZ37" s="70">
        <v>0</v>
      </c>
      <c r="IA37" s="71">
        <v>0</v>
      </c>
      <c r="IB37" s="72">
        <v>0</v>
      </c>
      <c r="IC37" s="244"/>
      <c r="ID37" s="71">
        <v>0</v>
      </c>
      <c r="IE37" s="71">
        <v>0</v>
      </c>
      <c r="IF37" s="71">
        <v>0</v>
      </c>
      <c r="IG37" s="71">
        <v>0</v>
      </c>
      <c r="IH37" s="71">
        <v>0</v>
      </c>
      <c r="II37" s="72">
        <v>0</v>
      </c>
      <c r="IJ37" s="73">
        <v>0</v>
      </c>
      <c r="IK37" s="70">
        <v>2</v>
      </c>
      <c r="IL37" s="71">
        <v>0</v>
      </c>
      <c r="IM37" s="72">
        <v>2</v>
      </c>
      <c r="IN37" s="244"/>
      <c r="IO37" s="71">
        <v>1</v>
      </c>
      <c r="IP37" s="71">
        <v>0</v>
      </c>
      <c r="IQ37" s="71">
        <v>2</v>
      </c>
      <c r="IR37" s="71">
        <v>0</v>
      </c>
      <c r="IS37" s="71">
        <v>0</v>
      </c>
      <c r="IT37" s="72">
        <v>3</v>
      </c>
      <c r="IU37" s="73">
        <v>5</v>
      </c>
      <c r="IV37" s="70">
        <v>2</v>
      </c>
      <c r="IW37" s="71">
        <v>1</v>
      </c>
      <c r="IX37" s="72">
        <v>3</v>
      </c>
      <c r="IY37" s="244"/>
      <c r="IZ37" s="71">
        <v>1</v>
      </c>
      <c r="JA37" s="71">
        <v>0</v>
      </c>
      <c r="JB37" s="71">
        <v>3</v>
      </c>
      <c r="JC37" s="71">
        <v>0</v>
      </c>
      <c r="JD37" s="71">
        <v>0</v>
      </c>
      <c r="JE37" s="72">
        <v>4</v>
      </c>
      <c r="JF37" s="73">
        <v>7</v>
      </c>
      <c r="JG37" s="70">
        <v>1</v>
      </c>
      <c r="JH37" s="71">
        <v>0</v>
      </c>
      <c r="JI37" s="72">
        <v>1</v>
      </c>
      <c r="JJ37" s="244"/>
      <c r="JK37" s="71">
        <v>2</v>
      </c>
      <c r="JL37" s="71">
        <v>2</v>
      </c>
      <c r="JM37" s="71">
        <v>1</v>
      </c>
      <c r="JN37" s="71">
        <v>0</v>
      </c>
      <c r="JO37" s="71">
        <v>1</v>
      </c>
      <c r="JP37" s="72">
        <v>6</v>
      </c>
      <c r="JQ37" s="73">
        <v>7</v>
      </c>
      <c r="JR37" s="70">
        <v>0</v>
      </c>
      <c r="JS37" s="71">
        <v>0</v>
      </c>
      <c r="JT37" s="72">
        <v>0</v>
      </c>
      <c r="JU37" s="244"/>
      <c r="JV37" s="71">
        <v>0</v>
      </c>
      <c r="JW37" s="71">
        <v>0</v>
      </c>
      <c r="JX37" s="71">
        <v>0</v>
      </c>
      <c r="JY37" s="71">
        <v>0</v>
      </c>
      <c r="JZ37" s="71">
        <v>0</v>
      </c>
      <c r="KA37" s="72">
        <v>0</v>
      </c>
      <c r="KB37" s="73">
        <v>0</v>
      </c>
      <c r="KC37" s="70">
        <v>5</v>
      </c>
      <c r="KD37" s="71">
        <v>1</v>
      </c>
      <c r="KE37" s="72">
        <v>6</v>
      </c>
      <c r="KF37" s="244"/>
      <c r="KG37" s="71">
        <v>4</v>
      </c>
      <c r="KH37" s="71">
        <v>3</v>
      </c>
      <c r="KI37" s="71">
        <v>6</v>
      </c>
      <c r="KJ37" s="71">
        <v>0</v>
      </c>
      <c r="KK37" s="71">
        <v>1</v>
      </c>
      <c r="KL37" s="72">
        <v>14</v>
      </c>
      <c r="KM37" s="73">
        <v>20</v>
      </c>
    </row>
    <row r="38" spans="2:299" ht="19.5" customHeight="1" x14ac:dyDescent="0.2">
      <c r="B38" s="126" t="s">
        <v>35</v>
      </c>
      <c r="C38" s="316">
        <v>13</v>
      </c>
      <c r="D38" s="82">
        <v>7</v>
      </c>
      <c r="E38" s="83">
        <v>20</v>
      </c>
      <c r="F38" s="241"/>
      <c r="G38" s="82">
        <v>20</v>
      </c>
      <c r="H38" s="82">
        <v>9</v>
      </c>
      <c r="I38" s="82">
        <v>6</v>
      </c>
      <c r="J38" s="82">
        <v>4</v>
      </c>
      <c r="K38" s="82">
        <v>3</v>
      </c>
      <c r="L38" s="84">
        <v>42</v>
      </c>
      <c r="M38" s="85">
        <v>62</v>
      </c>
      <c r="N38" s="70">
        <v>0</v>
      </c>
      <c r="O38" s="71">
        <v>0</v>
      </c>
      <c r="P38" s="72">
        <v>0</v>
      </c>
      <c r="Q38" s="244"/>
      <c r="R38" s="71">
        <v>0</v>
      </c>
      <c r="S38" s="71">
        <v>0</v>
      </c>
      <c r="T38" s="71">
        <v>0</v>
      </c>
      <c r="U38" s="71">
        <v>0</v>
      </c>
      <c r="V38" s="71">
        <v>0</v>
      </c>
      <c r="W38" s="72">
        <v>0</v>
      </c>
      <c r="X38" s="73">
        <v>0</v>
      </c>
      <c r="Y38" s="70">
        <v>1</v>
      </c>
      <c r="Z38" s="71">
        <v>1</v>
      </c>
      <c r="AA38" s="72">
        <v>2</v>
      </c>
      <c r="AB38" s="244"/>
      <c r="AC38" s="71">
        <v>0</v>
      </c>
      <c r="AD38" s="71">
        <v>0</v>
      </c>
      <c r="AE38" s="71">
        <v>0</v>
      </c>
      <c r="AF38" s="71">
        <v>0</v>
      </c>
      <c r="AG38" s="71">
        <v>1</v>
      </c>
      <c r="AH38" s="72">
        <v>1</v>
      </c>
      <c r="AI38" s="73">
        <v>3</v>
      </c>
      <c r="AJ38" s="70">
        <v>1</v>
      </c>
      <c r="AK38" s="71">
        <v>1</v>
      </c>
      <c r="AL38" s="72">
        <v>2</v>
      </c>
      <c r="AM38" s="244"/>
      <c r="AN38" s="71">
        <v>4</v>
      </c>
      <c r="AO38" s="71">
        <v>1</v>
      </c>
      <c r="AP38" s="71">
        <v>0</v>
      </c>
      <c r="AQ38" s="71">
        <v>0</v>
      </c>
      <c r="AR38" s="71">
        <v>0</v>
      </c>
      <c r="AS38" s="72">
        <v>5</v>
      </c>
      <c r="AT38" s="73">
        <v>7</v>
      </c>
      <c r="AU38" s="70">
        <v>3</v>
      </c>
      <c r="AV38" s="71">
        <v>2</v>
      </c>
      <c r="AW38" s="72">
        <v>5</v>
      </c>
      <c r="AX38" s="244"/>
      <c r="AY38" s="71">
        <v>5</v>
      </c>
      <c r="AZ38" s="71">
        <v>2</v>
      </c>
      <c r="BA38" s="71">
        <v>3</v>
      </c>
      <c r="BB38" s="71">
        <v>2</v>
      </c>
      <c r="BC38" s="71">
        <v>0</v>
      </c>
      <c r="BD38" s="72">
        <v>12</v>
      </c>
      <c r="BE38" s="73">
        <v>17</v>
      </c>
      <c r="BF38" s="70">
        <v>4</v>
      </c>
      <c r="BG38" s="71">
        <v>2</v>
      </c>
      <c r="BH38" s="72">
        <v>6</v>
      </c>
      <c r="BI38" s="244"/>
      <c r="BJ38" s="71">
        <v>5</v>
      </c>
      <c r="BK38" s="71">
        <v>2</v>
      </c>
      <c r="BL38" s="71">
        <v>2</v>
      </c>
      <c r="BM38" s="71">
        <v>0</v>
      </c>
      <c r="BN38" s="71">
        <v>1</v>
      </c>
      <c r="BO38" s="72">
        <v>10</v>
      </c>
      <c r="BP38" s="73">
        <v>16</v>
      </c>
      <c r="BQ38" s="70">
        <v>4</v>
      </c>
      <c r="BR38" s="71">
        <v>1</v>
      </c>
      <c r="BS38" s="72">
        <v>5</v>
      </c>
      <c r="BT38" s="244"/>
      <c r="BU38" s="71">
        <v>6</v>
      </c>
      <c r="BV38" s="71">
        <v>4</v>
      </c>
      <c r="BW38" s="71">
        <v>1</v>
      </c>
      <c r="BX38" s="71">
        <v>2</v>
      </c>
      <c r="BY38" s="71">
        <v>1</v>
      </c>
      <c r="BZ38" s="72">
        <v>14</v>
      </c>
      <c r="CA38" s="73">
        <v>19</v>
      </c>
      <c r="CB38" s="70">
        <v>0</v>
      </c>
      <c r="CC38" s="71">
        <v>0</v>
      </c>
      <c r="CD38" s="72">
        <v>0</v>
      </c>
      <c r="CE38" s="244"/>
      <c r="CF38" s="71">
        <v>0</v>
      </c>
      <c r="CG38" s="71">
        <v>0</v>
      </c>
      <c r="CH38" s="71">
        <v>0</v>
      </c>
      <c r="CI38" s="71">
        <v>0</v>
      </c>
      <c r="CJ38" s="71">
        <v>0</v>
      </c>
      <c r="CK38" s="72">
        <v>0</v>
      </c>
      <c r="CL38" s="73">
        <v>0</v>
      </c>
      <c r="CM38" s="70">
        <v>13</v>
      </c>
      <c r="CN38" s="71">
        <v>7</v>
      </c>
      <c r="CO38" s="72">
        <v>20</v>
      </c>
      <c r="CP38" s="244"/>
      <c r="CQ38" s="71">
        <v>20</v>
      </c>
      <c r="CR38" s="71">
        <v>9</v>
      </c>
      <c r="CS38" s="71">
        <v>6</v>
      </c>
      <c r="CT38" s="71">
        <v>4</v>
      </c>
      <c r="CU38" s="71">
        <v>3</v>
      </c>
      <c r="CV38" s="72">
        <v>42</v>
      </c>
      <c r="CW38" s="73">
        <v>62</v>
      </c>
      <c r="CX38" s="123">
        <v>1</v>
      </c>
      <c r="CY38" s="82">
        <v>2</v>
      </c>
      <c r="CZ38" s="83">
        <v>3</v>
      </c>
      <c r="DA38" s="241"/>
      <c r="DB38" s="82">
        <v>3</v>
      </c>
      <c r="DC38" s="82">
        <v>3</v>
      </c>
      <c r="DD38" s="82">
        <v>3</v>
      </c>
      <c r="DE38" s="82">
        <v>5</v>
      </c>
      <c r="DF38" s="82">
        <v>1</v>
      </c>
      <c r="DG38" s="84">
        <v>15</v>
      </c>
      <c r="DH38" s="85">
        <v>18</v>
      </c>
      <c r="DI38" s="70">
        <v>0</v>
      </c>
      <c r="DJ38" s="71">
        <v>0</v>
      </c>
      <c r="DK38" s="72">
        <v>0</v>
      </c>
      <c r="DL38" s="244"/>
      <c r="DM38" s="71">
        <v>0</v>
      </c>
      <c r="DN38" s="71">
        <v>0</v>
      </c>
      <c r="DO38" s="71">
        <v>0</v>
      </c>
      <c r="DP38" s="71">
        <v>0</v>
      </c>
      <c r="DQ38" s="71">
        <v>0</v>
      </c>
      <c r="DR38" s="72">
        <v>0</v>
      </c>
      <c r="DS38" s="73">
        <v>0</v>
      </c>
      <c r="DT38" s="70">
        <v>0</v>
      </c>
      <c r="DU38" s="71">
        <v>0</v>
      </c>
      <c r="DV38" s="72">
        <v>0</v>
      </c>
      <c r="DW38" s="244"/>
      <c r="DX38" s="71">
        <v>0</v>
      </c>
      <c r="DY38" s="71">
        <v>0</v>
      </c>
      <c r="DZ38" s="71">
        <v>1</v>
      </c>
      <c r="EA38" s="71">
        <v>0</v>
      </c>
      <c r="EB38" s="71">
        <v>0</v>
      </c>
      <c r="EC38" s="72">
        <v>1</v>
      </c>
      <c r="ED38" s="73">
        <v>1</v>
      </c>
      <c r="EE38" s="70">
        <v>0</v>
      </c>
      <c r="EF38" s="71">
        <v>0</v>
      </c>
      <c r="EG38" s="72">
        <v>0</v>
      </c>
      <c r="EH38" s="244"/>
      <c r="EI38" s="71">
        <v>1</v>
      </c>
      <c r="EJ38" s="71">
        <v>0</v>
      </c>
      <c r="EK38" s="71">
        <v>0</v>
      </c>
      <c r="EL38" s="71">
        <v>0</v>
      </c>
      <c r="EM38" s="71">
        <v>0</v>
      </c>
      <c r="EN38" s="72">
        <v>1</v>
      </c>
      <c r="EO38" s="73">
        <v>1</v>
      </c>
      <c r="EP38" s="70">
        <v>0</v>
      </c>
      <c r="EQ38" s="71">
        <v>0</v>
      </c>
      <c r="ER38" s="72">
        <v>0</v>
      </c>
      <c r="ES38" s="244"/>
      <c r="ET38" s="71">
        <v>1</v>
      </c>
      <c r="EU38" s="71">
        <v>0</v>
      </c>
      <c r="EV38" s="71">
        <v>1</v>
      </c>
      <c r="EW38" s="71">
        <v>0</v>
      </c>
      <c r="EX38" s="71">
        <v>0</v>
      </c>
      <c r="EY38" s="72">
        <v>2</v>
      </c>
      <c r="EZ38" s="73">
        <v>2</v>
      </c>
      <c r="FA38" s="70">
        <v>0</v>
      </c>
      <c r="FB38" s="71">
        <v>0</v>
      </c>
      <c r="FC38" s="72">
        <v>0</v>
      </c>
      <c r="FD38" s="244"/>
      <c r="FE38" s="71">
        <v>1</v>
      </c>
      <c r="FF38" s="71">
        <v>1</v>
      </c>
      <c r="FG38" s="71">
        <v>0</v>
      </c>
      <c r="FH38" s="71">
        <v>0</v>
      </c>
      <c r="FI38" s="71">
        <v>1</v>
      </c>
      <c r="FJ38" s="72">
        <v>3</v>
      </c>
      <c r="FK38" s="73">
        <v>3</v>
      </c>
      <c r="FL38" s="70">
        <v>1</v>
      </c>
      <c r="FM38" s="71">
        <v>2</v>
      </c>
      <c r="FN38" s="72">
        <v>3</v>
      </c>
      <c r="FO38" s="244"/>
      <c r="FP38" s="71">
        <v>0</v>
      </c>
      <c r="FQ38" s="71">
        <v>2</v>
      </c>
      <c r="FR38" s="71">
        <v>1</v>
      </c>
      <c r="FS38" s="71">
        <v>5</v>
      </c>
      <c r="FT38" s="71">
        <v>0</v>
      </c>
      <c r="FU38" s="72">
        <v>8</v>
      </c>
      <c r="FV38" s="73">
        <v>11</v>
      </c>
      <c r="FW38" s="70">
        <v>0</v>
      </c>
      <c r="FX38" s="71">
        <v>0</v>
      </c>
      <c r="FY38" s="72">
        <v>0</v>
      </c>
      <c r="FZ38" s="244"/>
      <c r="GA38" s="71">
        <v>0</v>
      </c>
      <c r="GB38" s="71">
        <v>0</v>
      </c>
      <c r="GC38" s="71">
        <v>0</v>
      </c>
      <c r="GD38" s="71">
        <v>0</v>
      </c>
      <c r="GE38" s="71">
        <v>0</v>
      </c>
      <c r="GF38" s="72">
        <v>0</v>
      </c>
      <c r="GG38" s="73">
        <v>0</v>
      </c>
      <c r="GH38" s="70">
        <v>1</v>
      </c>
      <c r="GI38" s="71">
        <v>2</v>
      </c>
      <c r="GJ38" s="72">
        <v>3</v>
      </c>
      <c r="GK38" s="244"/>
      <c r="GL38" s="71">
        <v>3</v>
      </c>
      <c r="GM38" s="71">
        <v>3</v>
      </c>
      <c r="GN38" s="71">
        <v>3</v>
      </c>
      <c r="GO38" s="71">
        <v>5</v>
      </c>
      <c r="GP38" s="71">
        <v>1</v>
      </c>
      <c r="GQ38" s="72">
        <v>15</v>
      </c>
      <c r="GR38" s="73">
        <v>18</v>
      </c>
      <c r="GS38" s="123">
        <v>14</v>
      </c>
      <c r="GT38" s="82">
        <v>9</v>
      </c>
      <c r="GU38" s="83">
        <v>23</v>
      </c>
      <c r="GV38" s="241"/>
      <c r="GW38" s="82">
        <v>23</v>
      </c>
      <c r="GX38" s="82">
        <v>12</v>
      </c>
      <c r="GY38" s="82">
        <v>9</v>
      </c>
      <c r="GZ38" s="82">
        <v>9</v>
      </c>
      <c r="HA38" s="82">
        <v>4</v>
      </c>
      <c r="HB38" s="84">
        <v>57</v>
      </c>
      <c r="HC38" s="85">
        <v>80</v>
      </c>
      <c r="HD38" s="70">
        <v>0</v>
      </c>
      <c r="HE38" s="71">
        <v>0</v>
      </c>
      <c r="HF38" s="72">
        <v>0</v>
      </c>
      <c r="HG38" s="244"/>
      <c r="HH38" s="71">
        <v>0</v>
      </c>
      <c r="HI38" s="71">
        <v>0</v>
      </c>
      <c r="HJ38" s="71">
        <v>0</v>
      </c>
      <c r="HK38" s="71">
        <v>0</v>
      </c>
      <c r="HL38" s="71">
        <v>0</v>
      </c>
      <c r="HM38" s="72">
        <v>0</v>
      </c>
      <c r="HN38" s="73">
        <v>0</v>
      </c>
      <c r="HO38" s="70">
        <v>1</v>
      </c>
      <c r="HP38" s="71">
        <v>1</v>
      </c>
      <c r="HQ38" s="72">
        <v>2</v>
      </c>
      <c r="HR38" s="244"/>
      <c r="HS38" s="71">
        <v>0</v>
      </c>
      <c r="HT38" s="71">
        <v>0</v>
      </c>
      <c r="HU38" s="71">
        <v>1</v>
      </c>
      <c r="HV38" s="71">
        <v>0</v>
      </c>
      <c r="HW38" s="71">
        <v>1</v>
      </c>
      <c r="HX38" s="72">
        <v>2</v>
      </c>
      <c r="HY38" s="73">
        <v>4</v>
      </c>
      <c r="HZ38" s="70">
        <v>1</v>
      </c>
      <c r="IA38" s="71">
        <v>1</v>
      </c>
      <c r="IB38" s="72">
        <v>2</v>
      </c>
      <c r="IC38" s="244"/>
      <c r="ID38" s="71">
        <v>5</v>
      </c>
      <c r="IE38" s="71">
        <v>1</v>
      </c>
      <c r="IF38" s="71">
        <v>0</v>
      </c>
      <c r="IG38" s="71">
        <v>0</v>
      </c>
      <c r="IH38" s="71">
        <v>0</v>
      </c>
      <c r="II38" s="72">
        <v>6</v>
      </c>
      <c r="IJ38" s="73">
        <v>8</v>
      </c>
      <c r="IK38" s="70">
        <v>3</v>
      </c>
      <c r="IL38" s="71">
        <v>2</v>
      </c>
      <c r="IM38" s="72">
        <v>5</v>
      </c>
      <c r="IN38" s="244"/>
      <c r="IO38" s="71">
        <v>6</v>
      </c>
      <c r="IP38" s="71">
        <v>2</v>
      </c>
      <c r="IQ38" s="71">
        <v>4</v>
      </c>
      <c r="IR38" s="71">
        <v>2</v>
      </c>
      <c r="IS38" s="71">
        <v>0</v>
      </c>
      <c r="IT38" s="72">
        <v>14</v>
      </c>
      <c r="IU38" s="73">
        <v>19</v>
      </c>
      <c r="IV38" s="70">
        <v>4</v>
      </c>
      <c r="IW38" s="71">
        <v>2</v>
      </c>
      <c r="IX38" s="72">
        <v>6</v>
      </c>
      <c r="IY38" s="244"/>
      <c r="IZ38" s="71">
        <v>6</v>
      </c>
      <c r="JA38" s="71">
        <v>3</v>
      </c>
      <c r="JB38" s="71">
        <v>2</v>
      </c>
      <c r="JC38" s="71">
        <v>0</v>
      </c>
      <c r="JD38" s="71">
        <v>2</v>
      </c>
      <c r="JE38" s="72">
        <v>13</v>
      </c>
      <c r="JF38" s="73">
        <v>19</v>
      </c>
      <c r="JG38" s="70">
        <v>5</v>
      </c>
      <c r="JH38" s="71">
        <v>3</v>
      </c>
      <c r="JI38" s="72">
        <v>8</v>
      </c>
      <c r="JJ38" s="244"/>
      <c r="JK38" s="71">
        <v>6</v>
      </c>
      <c r="JL38" s="71">
        <v>6</v>
      </c>
      <c r="JM38" s="71">
        <v>2</v>
      </c>
      <c r="JN38" s="71">
        <v>7</v>
      </c>
      <c r="JO38" s="71">
        <v>1</v>
      </c>
      <c r="JP38" s="72">
        <v>22</v>
      </c>
      <c r="JQ38" s="73">
        <v>30</v>
      </c>
      <c r="JR38" s="70">
        <v>0</v>
      </c>
      <c r="JS38" s="71">
        <v>0</v>
      </c>
      <c r="JT38" s="72">
        <v>0</v>
      </c>
      <c r="JU38" s="244"/>
      <c r="JV38" s="71">
        <v>0</v>
      </c>
      <c r="JW38" s="71">
        <v>0</v>
      </c>
      <c r="JX38" s="71">
        <v>0</v>
      </c>
      <c r="JY38" s="71">
        <v>0</v>
      </c>
      <c r="JZ38" s="71">
        <v>0</v>
      </c>
      <c r="KA38" s="72">
        <v>0</v>
      </c>
      <c r="KB38" s="73">
        <v>0</v>
      </c>
      <c r="KC38" s="70">
        <v>14</v>
      </c>
      <c r="KD38" s="71">
        <v>9</v>
      </c>
      <c r="KE38" s="72">
        <v>23</v>
      </c>
      <c r="KF38" s="244"/>
      <c r="KG38" s="71">
        <v>23</v>
      </c>
      <c r="KH38" s="71">
        <v>12</v>
      </c>
      <c r="KI38" s="71">
        <v>9</v>
      </c>
      <c r="KJ38" s="71">
        <v>9</v>
      </c>
      <c r="KK38" s="71">
        <v>4</v>
      </c>
      <c r="KL38" s="72">
        <v>57</v>
      </c>
      <c r="KM38" s="73">
        <v>80</v>
      </c>
    </row>
    <row r="39" spans="2:299" ht="19.5" customHeight="1" x14ac:dyDescent="0.2">
      <c r="B39" s="126" t="s">
        <v>36</v>
      </c>
      <c r="C39" s="316">
        <v>2</v>
      </c>
      <c r="D39" s="82">
        <v>10</v>
      </c>
      <c r="E39" s="83">
        <v>12</v>
      </c>
      <c r="F39" s="241"/>
      <c r="G39" s="82">
        <v>12</v>
      </c>
      <c r="H39" s="82">
        <v>13</v>
      </c>
      <c r="I39" s="82">
        <v>5</v>
      </c>
      <c r="J39" s="82">
        <v>6</v>
      </c>
      <c r="K39" s="82">
        <v>3</v>
      </c>
      <c r="L39" s="84">
        <v>39</v>
      </c>
      <c r="M39" s="85">
        <v>51</v>
      </c>
      <c r="N39" s="70">
        <v>0</v>
      </c>
      <c r="O39" s="71">
        <v>0</v>
      </c>
      <c r="P39" s="72">
        <v>0</v>
      </c>
      <c r="Q39" s="244"/>
      <c r="R39" s="71">
        <v>1</v>
      </c>
      <c r="S39" s="71">
        <v>2</v>
      </c>
      <c r="T39" s="71">
        <v>0</v>
      </c>
      <c r="U39" s="71">
        <v>1</v>
      </c>
      <c r="V39" s="71">
        <v>1</v>
      </c>
      <c r="W39" s="72">
        <v>5</v>
      </c>
      <c r="X39" s="73">
        <v>5</v>
      </c>
      <c r="Y39" s="70">
        <v>1</v>
      </c>
      <c r="Z39" s="71">
        <v>0</v>
      </c>
      <c r="AA39" s="72">
        <v>1</v>
      </c>
      <c r="AB39" s="244"/>
      <c r="AC39" s="71">
        <v>1</v>
      </c>
      <c r="AD39" s="71">
        <v>0</v>
      </c>
      <c r="AE39" s="71">
        <v>1</v>
      </c>
      <c r="AF39" s="71">
        <v>0</v>
      </c>
      <c r="AG39" s="71">
        <v>0</v>
      </c>
      <c r="AH39" s="72">
        <v>2</v>
      </c>
      <c r="AI39" s="73">
        <v>3</v>
      </c>
      <c r="AJ39" s="70">
        <v>0</v>
      </c>
      <c r="AK39" s="71">
        <v>2</v>
      </c>
      <c r="AL39" s="72">
        <v>2</v>
      </c>
      <c r="AM39" s="244"/>
      <c r="AN39" s="71">
        <v>0</v>
      </c>
      <c r="AO39" s="71">
        <v>3</v>
      </c>
      <c r="AP39" s="71">
        <v>0</v>
      </c>
      <c r="AQ39" s="71">
        <v>0</v>
      </c>
      <c r="AR39" s="71">
        <v>0</v>
      </c>
      <c r="AS39" s="72">
        <v>3</v>
      </c>
      <c r="AT39" s="73">
        <v>5</v>
      </c>
      <c r="AU39" s="70">
        <v>0</v>
      </c>
      <c r="AV39" s="71">
        <v>3</v>
      </c>
      <c r="AW39" s="72">
        <v>3</v>
      </c>
      <c r="AX39" s="244"/>
      <c r="AY39" s="71">
        <v>2</v>
      </c>
      <c r="AZ39" s="71">
        <v>1</v>
      </c>
      <c r="BA39" s="71">
        <v>0</v>
      </c>
      <c r="BB39" s="71">
        <v>0</v>
      </c>
      <c r="BC39" s="71">
        <v>0</v>
      </c>
      <c r="BD39" s="72">
        <v>3</v>
      </c>
      <c r="BE39" s="73">
        <v>6</v>
      </c>
      <c r="BF39" s="70">
        <v>1</v>
      </c>
      <c r="BG39" s="71">
        <v>4</v>
      </c>
      <c r="BH39" s="72">
        <v>5</v>
      </c>
      <c r="BI39" s="244"/>
      <c r="BJ39" s="71">
        <v>4</v>
      </c>
      <c r="BK39" s="71">
        <v>4</v>
      </c>
      <c r="BL39" s="71">
        <v>1</v>
      </c>
      <c r="BM39" s="71">
        <v>4</v>
      </c>
      <c r="BN39" s="71">
        <v>2</v>
      </c>
      <c r="BO39" s="72">
        <v>15</v>
      </c>
      <c r="BP39" s="73">
        <v>20</v>
      </c>
      <c r="BQ39" s="70">
        <v>0</v>
      </c>
      <c r="BR39" s="71">
        <v>1</v>
      </c>
      <c r="BS39" s="72">
        <v>1</v>
      </c>
      <c r="BT39" s="244"/>
      <c r="BU39" s="71">
        <v>4</v>
      </c>
      <c r="BV39" s="71">
        <v>3</v>
      </c>
      <c r="BW39" s="71">
        <v>3</v>
      </c>
      <c r="BX39" s="71">
        <v>1</v>
      </c>
      <c r="BY39" s="71">
        <v>0</v>
      </c>
      <c r="BZ39" s="72">
        <v>11</v>
      </c>
      <c r="CA39" s="73">
        <v>12</v>
      </c>
      <c r="CB39" s="70">
        <v>0</v>
      </c>
      <c r="CC39" s="71">
        <v>0</v>
      </c>
      <c r="CD39" s="72">
        <v>0</v>
      </c>
      <c r="CE39" s="244"/>
      <c r="CF39" s="71">
        <v>0</v>
      </c>
      <c r="CG39" s="71">
        <v>0</v>
      </c>
      <c r="CH39" s="71">
        <v>0</v>
      </c>
      <c r="CI39" s="71">
        <v>0</v>
      </c>
      <c r="CJ39" s="71">
        <v>0</v>
      </c>
      <c r="CK39" s="72">
        <v>0</v>
      </c>
      <c r="CL39" s="73">
        <v>0</v>
      </c>
      <c r="CM39" s="70">
        <v>2</v>
      </c>
      <c r="CN39" s="71">
        <v>10</v>
      </c>
      <c r="CO39" s="72">
        <v>12</v>
      </c>
      <c r="CP39" s="244"/>
      <c r="CQ39" s="71">
        <v>12</v>
      </c>
      <c r="CR39" s="71">
        <v>13</v>
      </c>
      <c r="CS39" s="71">
        <v>5</v>
      </c>
      <c r="CT39" s="71">
        <v>6</v>
      </c>
      <c r="CU39" s="71">
        <v>3</v>
      </c>
      <c r="CV39" s="72">
        <v>39</v>
      </c>
      <c r="CW39" s="73">
        <v>51</v>
      </c>
      <c r="CX39" s="123">
        <v>3</v>
      </c>
      <c r="CY39" s="82">
        <v>3</v>
      </c>
      <c r="CZ39" s="83">
        <v>6</v>
      </c>
      <c r="DA39" s="241"/>
      <c r="DB39" s="82">
        <v>1</v>
      </c>
      <c r="DC39" s="82">
        <v>1</v>
      </c>
      <c r="DD39" s="82">
        <v>0</v>
      </c>
      <c r="DE39" s="82">
        <v>0</v>
      </c>
      <c r="DF39" s="82">
        <v>3</v>
      </c>
      <c r="DG39" s="84">
        <v>5</v>
      </c>
      <c r="DH39" s="85">
        <v>11</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0</v>
      </c>
      <c r="EG39" s="72">
        <v>0</v>
      </c>
      <c r="EH39" s="244"/>
      <c r="EI39" s="71">
        <v>0</v>
      </c>
      <c r="EJ39" s="71">
        <v>0</v>
      </c>
      <c r="EK39" s="71">
        <v>0</v>
      </c>
      <c r="EL39" s="71">
        <v>0</v>
      </c>
      <c r="EM39" s="71">
        <v>0</v>
      </c>
      <c r="EN39" s="72">
        <v>0</v>
      </c>
      <c r="EO39" s="73">
        <v>0</v>
      </c>
      <c r="EP39" s="70">
        <v>0</v>
      </c>
      <c r="EQ39" s="71">
        <v>2</v>
      </c>
      <c r="ER39" s="72">
        <v>2</v>
      </c>
      <c r="ES39" s="244"/>
      <c r="ET39" s="71">
        <v>0</v>
      </c>
      <c r="EU39" s="71">
        <v>1</v>
      </c>
      <c r="EV39" s="71">
        <v>0</v>
      </c>
      <c r="EW39" s="71">
        <v>0</v>
      </c>
      <c r="EX39" s="71">
        <v>0</v>
      </c>
      <c r="EY39" s="72">
        <v>1</v>
      </c>
      <c r="EZ39" s="73">
        <v>3</v>
      </c>
      <c r="FA39" s="70">
        <v>2</v>
      </c>
      <c r="FB39" s="71">
        <v>1</v>
      </c>
      <c r="FC39" s="72">
        <v>3</v>
      </c>
      <c r="FD39" s="244"/>
      <c r="FE39" s="71">
        <v>1</v>
      </c>
      <c r="FF39" s="71">
        <v>0</v>
      </c>
      <c r="FG39" s="71">
        <v>0</v>
      </c>
      <c r="FH39" s="71">
        <v>0</v>
      </c>
      <c r="FI39" s="71">
        <v>0</v>
      </c>
      <c r="FJ39" s="72">
        <v>1</v>
      </c>
      <c r="FK39" s="73">
        <v>4</v>
      </c>
      <c r="FL39" s="70">
        <v>1</v>
      </c>
      <c r="FM39" s="71">
        <v>0</v>
      </c>
      <c r="FN39" s="72">
        <v>1</v>
      </c>
      <c r="FO39" s="244"/>
      <c r="FP39" s="71">
        <v>0</v>
      </c>
      <c r="FQ39" s="71">
        <v>0</v>
      </c>
      <c r="FR39" s="71">
        <v>0</v>
      </c>
      <c r="FS39" s="71">
        <v>0</v>
      </c>
      <c r="FT39" s="71">
        <v>3</v>
      </c>
      <c r="FU39" s="72">
        <v>3</v>
      </c>
      <c r="FV39" s="73">
        <v>4</v>
      </c>
      <c r="FW39" s="70">
        <v>0</v>
      </c>
      <c r="FX39" s="71">
        <v>0</v>
      </c>
      <c r="FY39" s="72">
        <v>0</v>
      </c>
      <c r="FZ39" s="244"/>
      <c r="GA39" s="71">
        <v>0</v>
      </c>
      <c r="GB39" s="71">
        <v>0</v>
      </c>
      <c r="GC39" s="71">
        <v>0</v>
      </c>
      <c r="GD39" s="71">
        <v>0</v>
      </c>
      <c r="GE39" s="71">
        <v>0</v>
      </c>
      <c r="GF39" s="72">
        <v>0</v>
      </c>
      <c r="GG39" s="73">
        <v>0</v>
      </c>
      <c r="GH39" s="70">
        <v>3</v>
      </c>
      <c r="GI39" s="71">
        <v>3</v>
      </c>
      <c r="GJ39" s="72">
        <v>6</v>
      </c>
      <c r="GK39" s="244"/>
      <c r="GL39" s="71">
        <v>1</v>
      </c>
      <c r="GM39" s="71">
        <v>1</v>
      </c>
      <c r="GN39" s="71">
        <v>0</v>
      </c>
      <c r="GO39" s="71">
        <v>0</v>
      </c>
      <c r="GP39" s="71">
        <v>3</v>
      </c>
      <c r="GQ39" s="72">
        <v>5</v>
      </c>
      <c r="GR39" s="73">
        <v>11</v>
      </c>
      <c r="GS39" s="123">
        <v>5</v>
      </c>
      <c r="GT39" s="82">
        <v>13</v>
      </c>
      <c r="GU39" s="83">
        <v>18</v>
      </c>
      <c r="GV39" s="241"/>
      <c r="GW39" s="82">
        <v>13</v>
      </c>
      <c r="GX39" s="82">
        <v>14</v>
      </c>
      <c r="GY39" s="82">
        <v>5</v>
      </c>
      <c r="GZ39" s="82">
        <v>6</v>
      </c>
      <c r="HA39" s="82">
        <v>6</v>
      </c>
      <c r="HB39" s="84">
        <v>44</v>
      </c>
      <c r="HC39" s="85">
        <v>62</v>
      </c>
      <c r="HD39" s="70">
        <v>0</v>
      </c>
      <c r="HE39" s="71">
        <v>0</v>
      </c>
      <c r="HF39" s="72">
        <v>0</v>
      </c>
      <c r="HG39" s="244"/>
      <c r="HH39" s="71">
        <v>1</v>
      </c>
      <c r="HI39" s="71">
        <v>2</v>
      </c>
      <c r="HJ39" s="71">
        <v>0</v>
      </c>
      <c r="HK39" s="71">
        <v>1</v>
      </c>
      <c r="HL39" s="71">
        <v>1</v>
      </c>
      <c r="HM39" s="72">
        <v>5</v>
      </c>
      <c r="HN39" s="73">
        <v>5</v>
      </c>
      <c r="HO39" s="70">
        <v>1</v>
      </c>
      <c r="HP39" s="71">
        <v>0</v>
      </c>
      <c r="HQ39" s="72">
        <v>1</v>
      </c>
      <c r="HR39" s="244"/>
      <c r="HS39" s="71">
        <v>1</v>
      </c>
      <c r="HT39" s="71">
        <v>0</v>
      </c>
      <c r="HU39" s="71">
        <v>1</v>
      </c>
      <c r="HV39" s="71">
        <v>0</v>
      </c>
      <c r="HW39" s="71">
        <v>0</v>
      </c>
      <c r="HX39" s="72">
        <v>2</v>
      </c>
      <c r="HY39" s="73">
        <v>3</v>
      </c>
      <c r="HZ39" s="70">
        <v>0</v>
      </c>
      <c r="IA39" s="71">
        <v>2</v>
      </c>
      <c r="IB39" s="72">
        <v>2</v>
      </c>
      <c r="IC39" s="244"/>
      <c r="ID39" s="71">
        <v>0</v>
      </c>
      <c r="IE39" s="71">
        <v>3</v>
      </c>
      <c r="IF39" s="71">
        <v>0</v>
      </c>
      <c r="IG39" s="71">
        <v>0</v>
      </c>
      <c r="IH39" s="71">
        <v>0</v>
      </c>
      <c r="II39" s="72">
        <v>3</v>
      </c>
      <c r="IJ39" s="73">
        <v>5</v>
      </c>
      <c r="IK39" s="70">
        <v>0</v>
      </c>
      <c r="IL39" s="71">
        <v>5</v>
      </c>
      <c r="IM39" s="72">
        <v>5</v>
      </c>
      <c r="IN39" s="244"/>
      <c r="IO39" s="71">
        <v>2</v>
      </c>
      <c r="IP39" s="71">
        <v>2</v>
      </c>
      <c r="IQ39" s="71">
        <v>0</v>
      </c>
      <c r="IR39" s="71">
        <v>0</v>
      </c>
      <c r="IS39" s="71">
        <v>0</v>
      </c>
      <c r="IT39" s="72">
        <v>4</v>
      </c>
      <c r="IU39" s="73">
        <v>9</v>
      </c>
      <c r="IV39" s="70">
        <v>3</v>
      </c>
      <c r="IW39" s="71">
        <v>5</v>
      </c>
      <c r="IX39" s="72">
        <v>8</v>
      </c>
      <c r="IY39" s="244"/>
      <c r="IZ39" s="71">
        <v>5</v>
      </c>
      <c r="JA39" s="71">
        <v>4</v>
      </c>
      <c r="JB39" s="71">
        <v>1</v>
      </c>
      <c r="JC39" s="71">
        <v>4</v>
      </c>
      <c r="JD39" s="71">
        <v>2</v>
      </c>
      <c r="JE39" s="72">
        <v>16</v>
      </c>
      <c r="JF39" s="73">
        <v>24</v>
      </c>
      <c r="JG39" s="70">
        <v>1</v>
      </c>
      <c r="JH39" s="71">
        <v>1</v>
      </c>
      <c r="JI39" s="72">
        <v>2</v>
      </c>
      <c r="JJ39" s="244"/>
      <c r="JK39" s="71">
        <v>4</v>
      </c>
      <c r="JL39" s="71">
        <v>3</v>
      </c>
      <c r="JM39" s="71">
        <v>3</v>
      </c>
      <c r="JN39" s="71">
        <v>1</v>
      </c>
      <c r="JO39" s="71">
        <v>3</v>
      </c>
      <c r="JP39" s="72">
        <v>14</v>
      </c>
      <c r="JQ39" s="73">
        <v>16</v>
      </c>
      <c r="JR39" s="70">
        <v>0</v>
      </c>
      <c r="JS39" s="71">
        <v>0</v>
      </c>
      <c r="JT39" s="72">
        <v>0</v>
      </c>
      <c r="JU39" s="244"/>
      <c r="JV39" s="71">
        <v>0</v>
      </c>
      <c r="JW39" s="71">
        <v>0</v>
      </c>
      <c r="JX39" s="71">
        <v>0</v>
      </c>
      <c r="JY39" s="71">
        <v>0</v>
      </c>
      <c r="JZ39" s="71">
        <v>0</v>
      </c>
      <c r="KA39" s="72">
        <v>0</v>
      </c>
      <c r="KB39" s="73">
        <v>0</v>
      </c>
      <c r="KC39" s="70">
        <v>5</v>
      </c>
      <c r="KD39" s="71">
        <v>13</v>
      </c>
      <c r="KE39" s="72">
        <v>18</v>
      </c>
      <c r="KF39" s="244"/>
      <c r="KG39" s="71">
        <v>13</v>
      </c>
      <c r="KH39" s="71">
        <v>14</v>
      </c>
      <c r="KI39" s="71">
        <v>5</v>
      </c>
      <c r="KJ39" s="71">
        <v>6</v>
      </c>
      <c r="KK39" s="71">
        <v>6</v>
      </c>
      <c r="KL39" s="72">
        <v>44</v>
      </c>
      <c r="KM39" s="73">
        <v>62</v>
      </c>
    </row>
    <row r="40" spans="2:299" ht="19.5" customHeight="1" thickBot="1" x14ac:dyDescent="0.25">
      <c r="B40" s="127" t="s">
        <v>37</v>
      </c>
      <c r="C40" s="317">
        <v>0</v>
      </c>
      <c r="D40" s="87">
        <v>0</v>
      </c>
      <c r="E40" s="88">
        <v>0</v>
      </c>
      <c r="F40" s="242"/>
      <c r="G40" s="87">
        <v>0</v>
      </c>
      <c r="H40" s="87">
        <v>2</v>
      </c>
      <c r="I40" s="87">
        <v>1</v>
      </c>
      <c r="J40" s="87">
        <v>0</v>
      </c>
      <c r="K40" s="87">
        <v>1</v>
      </c>
      <c r="L40" s="89">
        <v>4</v>
      </c>
      <c r="M40" s="90">
        <v>4</v>
      </c>
      <c r="N40" s="74">
        <v>0</v>
      </c>
      <c r="O40" s="75">
        <v>0</v>
      </c>
      <c r="P40" s="76">
        <v>0</v>
      </c>
      <c r="Q40" s="245"/>
      <c r="R40" s="75">
        <v>0</v>
      </c>
      <c r="S40" s="75">
        <v>0</v>
      </c>
      <c r="T40" s="75">
        <v>0</v>
      </c>
      <c r="U40" s="75">
        <v>0</v>
      </c>
      <c r="V40" s="75">
        <v>0</v>
      </c>
      <c r="W40" s="76">
        <v>0</v>
      </c>
      <c r="X40" s="77">
        <v>0</v>
      </c>
      <c r="Y40" s="74">
        <v>0</v>
      </c>
      <c r="Z40" s="75">
        <v>0</v>
      </c>
      <c r="AA40" s="76">
        <v>0</v>
      </c>
      <c r="AB40" s="245"/>
      <c r="AC40" s="75">
        <v>0</v>
      </c>
      <c r="AD40" s="75">
        <v>0</v>
      </c>
      <c r="AE40" s="75">
        <v>1</v>
      </c>
      <c r="AF40" s="75">
        <v>0</v>
      </c>
      <c r="AG40" s="75">
        <v>0</v>
      </c>
      <c r="AH40" s="76">
        <v>1</v>
      </c>
      <c r="AI40" s="77">
        <v>1</v>
      </c>
      <c r="AJ40" s="74">
        <v>0</v>
      </c>
      <c r="AK40" s="75">
        <v>0</v>
      </c>
      <c r="AL40" s="76">
        <v>0</v>
      </c>
      <c r="AM40" s="245"/>
      <c r="AN40" s="75">
        <v>0</v>
      </c>
      <c r="AO40" s="75">
        <v>0</v>
      </c>
      <c r="AP40" s="75">
        <v>0</v>
      </c>
      <c r="AQ40" s="75">
        <v>0</v>
      </c>
      <c r="AR40" s="75">
        <v>0</v>
      </c>
      <c r="AS40" s="76">
        <v>0</v>
      </c>
      <c r="AT40" s="77">
        <v>0</v>
      </c>
      <c r="AU40" s="74">
        <v>0</v>
      </c>
      <c r="AV40" s="75">
        <v>0</v>
      </c>
      <c r="AW40" s="76">
        <v>0</v>
      </c>
      <c r="AX40" s="245"/>
      <c r="AY40" s="75">
        <v>0</v>
      </c>
      <c r="AZ40" s="75">
        <v>0</v>
      </c>
      <c r="BA40" s="75">
        <v>0</v>
      </c>
      <c r="BB40" s="75">
        <v>0</v>
      </c>
      <c r="BC40" s="75">
        <v>0</v>
      </c>
      <c r="BD40" s="76">
        <v>0</v>
      </c>
      <c r="BE40" s="77">
        <v>0</v>
      </c>
      <c r="BF40" s="74">
        <v>0</v>
      </c>
      <c r="BG40" s="75">
        <v>0</v>
      </c>
      <c r="BH40" s="76">
        <v>0</v>
      </c>
      <c r="BI40" s="245"/>
      <c r="BJ40" s="75">
        <v>0</v>
      </c>
      <c r="BK40" s="75">
        <v>2</v>
      </c>
      <c r="BL40" s="75">
        <v>0</v>
      </c>
      <c r="BM40" s="75">
        <v>0</v>
      </c>
      <c r="BN40" s="75">
        <v>1</v>
      </c>
      <c r="BO40" s="76">
        <v>3</v>
      </c>
      <c r="BP40" s="77">
        <v>3</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0</v>
      </c>
      <c r="CN40" s="75">
        <v>0</v>
      </c>
      <c r="CO40" s="76">
        <v>0</v>
      </c>
      <c r="CP40" s="245"/>
      <c r="CQ40" s="75">
        <v>0</v>
      </c>
      <c r="CR40" s="75">
        <v>2</v>
      </c>
      <c r="CS40" s="75">
        <v>1</v>
      </c>
      <c r="CT40" s="75">
        <v>0</v>
      </c>
      <c r="CU40" s="75">
        <v>1</v>
      </c>
      <c r="CV40" s="76">
        <v>4</v>
      </c>
      <c r="CW40" s="77">
        <v>4</v>
      </c>
      <c r="CX40" s="124">
        <v>0</v>
      </c>
      <c r="CY40" s="87">
        <v>0</v>
      </c>
      <c r="CZ40" s="88">
        <v>0</v>
      </c>
      <c r="DA40" s="242"/>
      <c r="DB40" s="87">
        <v>0</v>
      </c>
      <c r="DC40" s="87">
        <v>0</v>
      </c>
      <c r="DD40" s="87">
        <v>0</v>
      </c>
      <c r="DE40" s="87">
        <v>1</v>
      </c>
      <c r="DF40" s="87">
        <v>0</v>
      </c>
      <c r="DG40" s="89">
        <v>1</v>
      </c>
      <c r="DH40" s="90">
        <v>1</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5"/>
      <c r="FP40" s="75">
        <v>0</v>
      </c>
      <c r="FQ40" s="75">
        <v>0</v>
      </c>
      <c r="FR40" s="75">
        <v>0</v>
      </c>
      <c r="FS40" s="75">
        <v>1</v>
      </c>
      <c r="FT40" s="75">
        <v>0</v>
      </c>
      <c r="FU40" s="76">
        <v>1</v>
      </c>
      <c r="FV40" s="77">
        <v>1</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1</v>
      </c>
      <c r="GP40" s="75">
        <v>0</v>
      </c>
      <c r="GQ40" s="76">
        <v>1</v>
      </c>
      <c r="GR40" s="77">
        <v>1</v>
      </c>
      <c r="GS40" s="124">
        <v>0</v>
      </c>
      <c r="GT40" s="87">
        <v>0</v>
      </c>
      <c r="GU40" s="88">
        <v>0</v>
      </c>
      <c r="GV40" s="242"/>
      <c r="GW40" s="87">
        <v>0</v>
      </c>
      <c r="GX40" s="87">
        <v>2</v>
      </c>
      <c r="GY40" s="87">
        <v>1</v>
      </c>
      <c r="GZ40" s="87">
        <v>1</v>
      </c>
      <c r="HA40" s="87">
        <v>1</v>
      </c>
      <c r="HB40" s="89">
        <v>5</v>
      </c>
      <c r="HC40" s="90">
        <v>5</v>
      </c>
      <c r="HD40" s="74">
        <v>0</v>
      </c>
      <c r="HE40" s="75">
        <v>0</v>
      </c>
      <c r="HF40" s="76">
        <v>0</v>
      </c>
      <c r="HG40" s="245"/>
      <c r="HH40" s="75">
        <v>0</v>
      </c>
      <c r="HI40" s="75">
        <v>0</v>
      </c>
      <c r="HJ40" s="75">
        <v>0</v>
      </c>
      <c r="HK40" s="75">
        <v>0</v>
      </c>
      <c r="HL40" s="75">
        <v>0</v>
      </c>
      <c r="HM40" s="76">
        <v>0</v>
      </c>
      <c r="HN40" s="77">
        <v>0</v>
      </c>
      <c r="HO40" s="74">
        <v>0</v>
      </c>
      <c r="HP40" s="75">
        <v>0</v>
      </c>
      <c r="HQ40" s="76">
        <v>0</v>
      </c>
      <c r="HR40" s="245"/>
      <c r="HS40" s="75">
        <v>0</v>
      </c>
      <c r="HT40" s="75">
        <v>0</v>
      </c>
      <c r="HU40" s="75">
        <v>1</v>
      </c>
      <c r="HV40" s="75">
        <v>0</v>
      </c>
      <c r="HW40" s="75">
        <v>0</v>
      </c>
      <c r="HX40" s="76">
        <v>1</v>
      </c>
      <c r="HY40" s="77">
        <v>1</v>
      </c>
      <c r="HZ40" s="74">
        <v>0</v>
      </c>
      <c r="IA40" s="75">
        <v>0</v>
      </c>
      <c r="IB40" s="76">
        <v>0</v>
      </c>
      <c r="IC40" s="245"/>
      <c r="ID40" s="75">
        <v>0</v>
      </c>
      <c r="IE40" s="75">
        <v>0</v>
      </c>
      <c r="IF40" s="75">
        <v>0</v>
      </c>
      <c r="IG40" s="75">
        <v>0</v>
      </c>
      <c r="IH40" s="75">
        <v>0</v>
      </c>
      <c r="II40" s="76">
        <v>0</v>
      </c>
      <c r="IJ40" s="77">
        <v>0</v>
      </c>
      <c r="IK40" s="74">
        <v>0</v>
      </c>
      <c r="IL40" s="75">
        <v>0</v>
      </c>
      <c r="IM40" s="76">
        <v>0</v>
      </c>
      <c r="IN40" s="245"/>
      <c r="IO40" s="75">
        <v>0</v>
      </c>
      <c r="IP40" s="75">
        <v>0</v>
      </c>
      <c r="IQ40" s="75">
        <v>0</v>
      </c>
      <c r="IR40" s="75">
        <v>0</v>
      </c>
      <c r="IS40" s="75">
        <v>0</v>
      </c>
      <c r="IT40" s="76">
        <v>0</v>
      </c>
      <c r="IU40" s="77">
        <v>0</v>
      </c>
      <c r="IV40" s="74">
        <v>0</v>
      </c>
      <c r="IW40" s="75">
        <v>0</v>
      </c>
      <c r="IX40" s="76">
        <v>0</v>
      </c>
      <c r="IY40" s="245"/>
      <c r="IZ40" s="75">
        <v>0</v>
      </c>
      <c r="JA40" s="75">
        <v>2</v>
      </c>
      <c r="JB40" s="75">
        <v>0</v>
      </c>
      <c r="JC40" s="75">
        <v>0</v>
      </c>
      <c r="JD40" s="75">
        <v>1</v>
      </c>
      <c r="JE40" s="76">
        <v>3</v>
      </c>
      <c r="JF40" s="77">
        <v>3</v>
      </c>
      <c r="JG40" s="74">
        <v>0</v>
      </c>
      <c r="JH40" s="75">
        <v>0</v>
      </c>
      <c r="JI40" s="76">
        <v>0</v>
      </c>
      <c r="JJ40" s="245"/>
      <c r="JK40" s="75">
        <v>0</v>
      </c>
      <c r="JL40" s="75">
        <v>0</v>
      </c>
      <c r="JM40" s="75">
        <v>0</v>
      </c>
      <c r="JN40" s="75">
        <v>1</v>
      </c>
      <c r="JO40" s="75">
        <v>0</v>
      </c>
      <c r="JP40" s="76">
        <v>1</v>
      </c>
      <c r="JQ40" s="77">
        <v>1</v>
      </c>
      <c r="JR40" s="74">
        <v>0</v>
      </c>
      <c r="JS40" s="75">
        <v>0</v>
      </c>
      <c r="JT40" s="76">
        <v>0</v>
      </c>
      <c r="JU40" s="245"/>
      <c r="JV40" s="75">
        <v>0</v>
      </c>
      <c r="JW40" s="75">
        <v>0</v>
      </c>
      <c r="JX40" s="75">
        <v>0</v>
      </c>
      <c r="JY40" s="75">
        <v>0</v>
      </c>
      <c r="JZ40" s="75">
        <v>0</v>
      </c>
      <c r="KA40" s="76">
        <v>0</v>
      </c>
      <c r="KB40" s="77">
        <v>0</v>
      </c>
      <c r="KC40" s="74">
        <v>0</v>
      </c>
      <c r="KD40" s="75">
        <v>0</v>
      </c>
      <c r="KE40" s="76">
        <v>0</v>
      </c>
      <c r="KF40" s="245"/>
      <c r="KG40" s="75">
        <v>0</v>
      </c>
      <c r="KH40" s="75">
        <v>2</v>
      </c>
      <c r="KI40" s="75">
        <v>1</v>
      </c>
      <c r="KJ40" s="75">
        <v>1</v>
      </c>
      <c r="KK40" s="75">
        <v>1</v>
      </c>
      <c r="KL40" s="76">
        <v>5</v>
      </c>
      <c r="KM40" s="77">
        <v>5</v>
      </c>
    </row>
    <row r="41" spans="2:299" ht="32.25" customHeight="1" x14ac:dyDescent="0.2">
      <c r="C41" s="311" t="s">
        <v>126</v>
      </c>
    </row>
  </sheetData>
  <mergeCells count="36">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 ref="I1:J1"/>
    <mergeCell ref="F1:G1"/>
    <mergeCell ref="CB4:CL5"/>
    <mergeCell ref="B3:B5"/>
    <mergeCell ref="C3:CW3"/>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23">
        <f>第１表!F2</f>
        <v>4</v>
      </c>
      <c r="G1" s="523"/>
      <c r="H1" s="248">
        <f>第１表!G2</f>
        <v>9</v>
      </c>
      <c r="I1" s="505">
        <f>H1</f>
        <v>9</v>
      </c>
      <c r="J1" s="505"/>
    </row>
    <row r="2" spans="2:299" ht="24" customHeight="1" thickBot="1" x14ac:dyDescent="0.25">
      <c r="B2" s="20" t="s">
        <v>153</v>
      </c>
    </row>
    <row r="3" spans="2:299" ht="22.5" customHeight="1" thickBot="1" x14ac:dyDescent="0.25">
      <c r="B3" s="506" t="s">
        <v>38</v>
      </c>
      <c r="C3" s="518" t="s">
        <v>96</v>
      </c>
      <c r="D3" s="518"/>
      <c r="E3" s="518"/>
      <c r="F3" s="518"/>
      <c r="G3" s="518"/>
      <c r="H3" s="518"/>
      <c r="I3" s="518"/>
      <c r="J3" s="518"/>
      <c r="K3" s="518"/>
      <c r="L3" s="518"/>
      <c r="M3" s="518"/>
      <c r="N3" s="518"/>
      <c r="O3" s="518"/>
      <c r="P3" s="518"/>
      <c r="Q3" s="518"/>
      <c r="R3" s="518"/>
      <c r="S3" s="518"/>
      <c r="T3" s="518"/>
      <c r="U3" s="518"/>
      <c r="V3" s="518"/>
      <c r="W3" s="518"/>
      <c r="X3" s="518"/>
      <c r="Y3" s="518"/>
      <c r="Z3" s="518"/>
      <c r="AA3" s="518"/>
      <c r="AB3" s="518"/>
      <c r="AC3" s="518"/>
      <c r="AD3" s="518"/>
      <c r="AE3" s="518"/>
      <c r="AF3" s="518"/>
      <c r="AG3" s="518"/>
      <c r="AH3" s="518"/>
      <c r="AI3" s="518"/>
      <c r="AJ3" s="518"/>
      <c r="AK3" s="518"/>
      <c r="AL3" s="518"/>
      <c r="AM3" s="518"/>
      <c r="AN3" s="518"/>
      <c r="AO3" s="518"/>
      <c r="AP3" s="518"/>
      <c r="AQ3" s="518"/>
      <c r="AR3" s="518"/>
      <c r="AS3" s="518"/>
      <c r="AT3" s="518"/>
      <c r="AU3" s="518"/>
      <c r="AV3" s="518"/>
      <c r="AW3" s="518"/>
      <c r="AX3" s="518"/>
      <c r="AY3" s="518"/>
      <c r="AZ3" s="518"/>
      <c r="BA3" s="518"/>
      <c r="BB3" s="518"/>
      <c r="BC3" s="518"/>
      <c r="BD3" s="518"/>
      <c r="BE3" s="518"/>
      <c r="BF3" s="518"/>
      <c r="BG3" s="518"/>
      <c r="BH3" s="518"/>
      <c r="BI3" s="518"/>
      <c r="BJ3" s="518"/>
      <c r="BK3" s="518"/>
      <c r="BL3" s="518"/>
      <c r="BM3" s="518"/>
      <c r="BN3" s="518"/>
      <c r="BO3" s="518"/>
      <c r="BP3" s="518"/>
      <c r="BQ3" s="518"/>
      <c r="BR3" s="518"/>
      <c r="BS3" s="518"/>
      <c r="BT3" s="518"/>
      <c r="BU3" s="518"/>
      <c r="BV3" s="518"/>
      <c r="BW3" s="518"/>
      <c r="BX3" s="518"/>
      <c r="BY3" s="518"/>
      <c r="BZ3" s="518"/>
      <c r="CA3" s="518"/>
      <c r="CB3" s="518"/>
      <c r="CC3" s="518"/>
      <c r="CD3" s="518"/>
      <c r="CE3" s="518"/>
      <c r="CF3" s="518"/>
      <c r="CG3" s="518"/>
      <c r="CH3" s="518"/>
      <c r="CI3" s="518"/>
      <c r="CJ3" s="518"/>
      <c r="CK3" s="518"/>
      <c r="CL3" s="518"/>
      <c r="CM3" s="518"/>
      <c r="CN3" s="518"/>
      <c r="CO3" s="518"/>
      <c r="CP3" s="518"/>
      <c r="CQ3" s="518"/>
      <c r="CR3" s="518"/>
      <c r="CS3" s="518"/>
      <c r="CT3" s="518"/>
      <c r="CU3" s="518"/>
      <c r="CV3" s="518"/>
      <c r="CW3" s="519"/>
      <c r="CX3" s="518" t="s">
        <v>103</v>
      </c>
      <c r="CY3" s="518"/>
      <c r="CZ3" s="518"/>
      <c r="DA3" s="518"/>
      <c r="DB3" s="518"/>
      <c r="DC3" s="518"/>
      <c r="DD3" s="518"/>
      <c r="DE3" s="518"/>
      <c r="DF3" s="518"/>
      <c r="DG3" s="518"/>
      <c r="DH3" s="518"/>
      <c r="DI3" s="518"/>
      <c r="DJ3" s="518"/>
      <c r="DK3" s="518"/>
      <c r="DL3" s="518"/>
      <c r="DM3" s="518"/>
      <c r="DN3" s="518"/>
      <c r="DO3" s="518"/>
      <c r="DP3" s="518"/>
      <c r="DQ3" s="518"/>
      <c r="DR3" s="518"/>
      <c r="DS3" s="518"/>
      <c r="DT3" s="518"/>
      <c r="DU3" s="518"/>
      <c r="DV3" s="518"/>
      <c r="DW3" s="518"/>
      <c r="DX3" s="518"/>
      <c r="DY3" s="518"/>
      <c r="DZ3" s="518"/>
      <c r="EA3" s="518"/>
      <c r="EB3" s="518"/>
      <c r="EC3" s="518"/>
      <c r="ED3" s="518"/>
      <c r="EE3" s="518"/>
      <c r="EF3" s="518"/>
      <c r="EG3" s="518"/>
      <c r="EH3" s="518"/>
      <c r="EI3" s="518"/>
      <c r="EJ3" s="518"/>
      <c r="EK3" s="518"/>
      <c r="EL3" s="518"/>
      <c r="EM3" s="518"/>
      <c r="EN3" s="518"/>
      <c r="EO3" s="518"/>
      <c r="EP3" s="518"/>
      <c r="EQ3" s="518"/>
      <c r="ER3" s="518"/>
      <c r="ES3" s="518"/>
      <c r="ET3" s="518"/>
      <c r="EU3" s="518"/>
      <c r="EV3" s="518"/>
      <c r="EW3" s="518"/>
      <c r="EX3" s="518"/>
      <c r="EY3" s="518"/>
      <c r="EZ3" s="518"/>
      <c r="FA3" s="518"/>
      <c r="FB3" s="518"/>
      <c r="FC3" s="518"/>
      <c r="FD3" s="518"/>
      <c r="FE3" s="518"/>
      <c r="FF3" s="518"/>
      <c r="FG3" s="518"/>
      <c r="FH3" s="518"/>
      <c r="FI3" s="518"/>
      <c r="FJ3" s="518"/>
      <c r="FK3" s="518"/>
      <c r="FL3" s="518"/>
      <c r="FM3" s="518"/>
      <c r="FN3" s="518"/>
      <c r="FO3" s="518"/>
      <c r="FP3" s="518"/>
      <c r="FQ3" s="518"/>
      <c r="FR3" s="518"/>
      <c r="FS3" s="518"/>
      <c r="FT3" s="518"/>
      <c r="FU3" s="518"/>
      <c r="FV3" s="518"/>
      <c r="FW3" s="518"/>
      <c r="FX3" s="518"/>
      <c r="FY3" s="518"/>
      <c r="FZ3" s="518"/>
      <c r="GA3" s="518"/>
      <c r="GB3" s="518"/>
      <c r="GC3" s="518"/>
      <c r="GD3" s="518"/>
      <c r="GE3" s="518"/>
      <c r="GF3" s="518"/>
      <c r="GG3" s="518"/>
      <c r="GH3" s="518"/>
      <c r="GI3" s="518"/>
      <c r="GJ3" s="518"/>
      <c r="GK3" s="518"/>
      <c r="GL3" s="518"/>
      <c r="GM3" s="518"/>
      <c r="GN3" s="518"/>
      <c r="GO3" s="518"/>
      <c r="GP3" s="518"/>
      <c r="GQ3" s="518"/>
      <c r="GR3" s="519"/>
      <c r="GS3" s="518" t="s">
        <v>104</v>
      </c>
      <c r="GT3" s="518"/>
      <c r="GU3" s="518"/>
      <c r="GV3" s="518"/>
      <c r="GW3" s="518"/>
      <c r="GX3" s="518"/>
      <c r="GY3" s="518"/>
      <c r="GZ3" s="518"/>
      <c r="HA3" s="518"/>
      <c r="HB3" s="518"/>
      <c r="HC3" s="518"/>
      <c r="HD3" s="518"/>
      <c r="HE3" s="518"/>
      <c r="HF3" s="518"/>
      <c r="HG3" s="518"/>
      <c r="HH3" s="518"/>
      <c r="HI3" s="518"/>
      <c r="HJ3" s="518"/>
      <c r="HK3" s="518"/>
      <c r="HL3" s="518"/>
      <c r="HM3" s="518"/>
      <c r="HN3" s="518"/>
      <c r="HO3" s="518"/>
      <c r="HP3" s="518"/>
      <c r="HQ3" s="518"/>
      <c r="HR3" s="518"/>
      <c r="HS3" s="518"/>
      <c r="HT3" s="518"/>
      <c r="HU3" s="518"/>
      <c r="HV3" s="518"/>
      <c r="HW3" s="518"/>
      <c r="HX3" s="518"/>
      <c r="HY3" s="518"/>
      <c r="HZ3" s="518"/>
      <c r="IA3" s="518"/>
      <c r="IB3" s="518"/>
      <c r="IC3" s="518"/>
      <c r="ID3" s="518"/>
      <c r="IE3" s="518"/>
      <c r="IF3" s="518"/>
      <c r="IG3" s="518"/>
      <c r="IH3" s="518"/>
      <c r="II3" s="518"/>
      <c r="IJ3" s="518"/>
      <c r="IK3" s="518"/>
      <c r="IL3" s="518"/>
      <c r="IM3" s="518"/>
      <c r="IN3" s="518"/>
      <c r="IO3" s="518"/>
      <c r="IP3" s="518"/>
      <c r="IQ3" s="518"/>
      <c r="IR3" s="518"/>
      <c r="IS3" s="518"/>
      <c r="IT3" s="518"/>
      <c r="IU3" s="518"/>
      <c r="IV3" s="518"/>
      <c r="IW3" s="518"/>
      <c r="IX3" s="518"/>
      <c r="IY3" s="518"/>
      <c r="IZ3" s="518"/>
      <c r="JA3" s="518"/>
      <c r="JB3" s="518"/>
      <c r="JC3" s="518"/>
      <c r="JD3" s="518"/>
      <c r="JE3" s="518"/>
      <c r="JF3" s="518"/>
      <c r="JG3" s="518"/>
      <c r="JH3" s="518"/>
      <c r="JI3" s="518"/>
      <c r="JJ3" s="518"/>
      <c r="JK3" s="518"/>
      <c r="JL3" s="518"/>
      <c r="JM3" s="518"/>
      <c r="JN3" s="518"/>
      <c r="JO3" s="518"/>
      <c r="JP3" s="518"/>
      <c r="JQ3" s="518"/>
      <c r="JR3" s="518"/>
      <c r="JS3" s="518"/>
      <c r="JT3" s="518"/>
      <c r="JU3" s="518"/>
      <c r="JV3" s="518"/>
      <c r="JW3" s="518"/>
      <c r="JX3" s="518"/>
      <c r="JY3" s="518"/>
      <c r="JZ3" s="518"/>
      <c r="KA3" s="518"/>
      <c r="KB3" s="518"/>
      <c r="KC3" s="518"/>
      <c r="KD3" s="518"/>
      <c r="KE3" s="518"/>
      <c r="KF3" s="518"/>
      <c r="KG3" s="518"/>
      <c r="KH3" s="518"/>
      <c r="KI3" s="518"/>
      <c r="KJ3" s="518"/>
      <c r="KK3" s="518"/>
      <c r="KL3" s="518"/>
      <c r="KM3" s="519"/>
    </row>
    <row r="4" spans="2:299" ht="27.75" customHeight="1" thickBot="1" x14ac:dyDescent="0.25">
      <c r="B4" s="524"/>
      <c r="C4" s="520" t="s">
        <v>39</v>
      </c>
      <c r="D4" s="521"/>
      <c r="E4" s="521"/>
      <c r="F4" s="521"/>
      <c r="G4" s="521"/>
      <c r="H4" s="521"/>
      <c r="I4" s="521"/>
      <c r="J4" s="521"/>
      <c r="K4" s="521"/>
      <c r="L4" s="521"/>
      <c r="M4" s="521"/>
      <c r="N4" s="521"/>
      <c r="O4" s="521"/>
      <c r="P4" s="521"/>
      <c r="Q4" s="521"/>
      <c r="R4" s="521"/>
      <c r="S4" s="521"/>
      <c r="T4" s="521"/>
      <c r="U4" s="521"/>
      <c r="V4" s="521"/>
      <c r="W4" s="521"/>
      <c r="X4" s="521"/>
      <c r="Y4" s="521"/>
      <c r="Z4" s="521"/>
      <c r="AA4" s="521"/>
      <c r="AB4" s="521"/>
      <c r="AC4" s="521"/>
      <c r="AD4" s="521"/>
      <c r="AE4" s="521"/>
      <c r="AF4" s="521"/>
      <c r="AG4" s="521"/>
      <c r="AH4" s="521"/>
      <c r="AI4" s="521"/>
      <c r="AJ4" s="521"/>
      <c r="AK4" s="521"/>
      <c r="AL4" s="521"/>
      <c r="AM4" s="521"/>
      <c r="AN4" s="521"/>
      <c r="AO4" s="521"/>
      <c r="AP4" s="521"/>
      <c r="AQ4" s="521"/>
      <c r="AR4" s="521"/>
      <c r="AS4" s="521"/>
      <c r="AT4" s="521"/>
      <c r="AU4" s="521"/>
      <c r="AV4" s="521"/>
      <c r="AW4" s="521"/>
      <c r="AX4" s="521"/>
      <c r="AY4" s="521"/>
      <c r="AZ4" s="521"/>
      <c r="BA4" s="521"/>
      <c r="BB4" s="521"/>
      <c r="BC4" s="521"/>
      <c r="BD4" s="521"/>
      <c r="BE4" s="521"/>
      <c r="BF4" s="521"/>
      <c r="BG4" s="521"/>
      <c r="BH4" s="521"/>
      <c r="BI4" s="521"/>
      <c r="BJ4" s="521"/>
      <c r="BK4" s="521"/>
      <c r="BL4" s="521"/>
      <c r="BM4" s="521"/>
      <c r="BN4" s="521"/>
      <c r="BO4" s="521"/>
      <c r="BP4" s="521"/>
      <c r="BQ4" s="521"/>
      <c r="BR4" s="521"/>
      <c r="BS4" s="521"/>
      <c r="BT4" s="521"/>
      <c r="BU4" s="521"/>
      <c r="BV4" s="521"/>
      <c r="BW4" s="521"/>
      <c r="BX4" s="521"/>
      <c r="BY4" s="521"/>
      <c r="BZ4" s="521"/>
      <c r="CA4" s="522"/>
      <c r="CB4" s="506" t="s">
        <v>40</v>
      </c>
      <c r="CC4" s="507"/>
      <c r="CD4" s="507"/>
      <c r="CE4" s="507"/>
      <c r="CF4" s="507"/>
      <c r="CG4" s="507"/>
      <c r="CH4" s="507"/>
      <c r="CI4" s="507"/>
      <c r="CJ4" s="507"/>
      <c r="CK4" s="507"/>
      <c r="CL4" s="508"/>
      <c r="CM4" s="506" t="s">
        <v>41</v>
      </c>
      <c r="CN4" s="507"/>
      <c r="CO4" s="507"/>
      <c r="CP4" s="507"/>
      <c r="CQ4" s="507"/>
      <c r="CR4" s="507"/>
      <c r="CS4" s="507"/>
      <c r="CT4" s="507"/>
      <c r="CU4" s="507"/>
      <c r="CV4" s="507"/>
      <c r="CW4" s="508"/>
      <c r="CX4" s="520" t="s">
        <v>39</v>
      </c>
      <c r="CY4" s="521"/>
      <c r="CZ4" s="521"/>
      <c r="DA4" s="521"/>
      <c r="DB4" s="521"/>
      <c r="DC4" s="521"/>
      <c r="DD4" s="521"/>
      <c r="DE4" s="521"/>
      <c r="DF4" s="521"/>
      <c r="DG4" s="521"/>
      <c r="DH4" s="521"/>
      <c r="DI4" s="521"/>
      <c r="DJ4" s="521"/>
      <c r="DK4" s="521"/>
      <c r="DL4" s="521"/>
      <c r="DM4" s="521"/>
      <c r="DN4" s="521"/>
      <c r="DO4" s="521"/>
      <c r="DP4" s="521"/>
      <c r="DQ4" s="521"/>
      <c r="DR4" s="521"/>
      <c r="DS4" s="521"/>
      <c r="DT4" s="521"/>
      <c r="DU4" s="521"/>
      <c r="DV4" s="521"/>
      <c r="DW4" s="521"/>
      <c r="DX4" s="521"/>
      <c r="DY4" s="521"/>
      <c r="DZ4" s="521"/>
      <c r="EA4" s="521"/>
      <c r="EB4" s="521"/>
      <c r="EC4" s="521"/>
      <c r="ED4" s="521"/>
      <c r="EE4" s="521"/>
      <c r="EF4" s="521"/>
      <c r="EG4" s="521"/>
      <c r="EH4" s="521"/>
      <c r="EI4" s="521"/>
      <c r="EJ4" s="521"/>
      <c r="EK4" s="521"/>
      <c r="EL4" s="521"/>
      <c r="EM4" s="521"/>
      <c r="EN4" s="521"/>
      <c r="EO4" s="521"/>
      <c r="EP4" s="521"/>
      <c r="EQ4" s="521"/>
      <c r="ER4" s="521"/>
      <c r="ES4" s="521"/>
      <c r="ET4" s="521"/>
      <c r="EU4" s="521"/>
      <c r="EV4" s="521"/>
      <c r="EW4" s="521"/>
      <c r="EX4" s="521"/>
      <c r="EY4" s="521"/>
      <c r="EZ4" s="521"/>
      <c r="FA4" s="521"/>
      <c r="FB4" s="521"/>
      <c r="FC4" s="521"/>
      <c r="FD4" s="521"/>
      <c r="FE4" s="521"/>
      <c r="FF4" s="521"/>
      <c r="FG4" s="521"/>
      <c r="FH4" s="521"/>
      <c r="FI4" s="521"/>
      <c r="FJ4" s="521"/>
      <c r="FK4" s="521"/>
      <c r="FL4" s="521"/>
      <c r="FM4" s="521"/>
      <c r="FN4" s="521"/>
      <c r="FO4" s="521"/>
      <c r="FP4" s="521"/>
      <c r="FQ4" s="521"/>
      <c r="FR4" s="521"/>
      <c r="FS4" s="521"/>
      <c r="FT4" s="521"/>
      <c r="FU4" s="521"/>
      <c r="FV4" s="522"/>
      <c r="FW4" s="506" t="s">
        <v>40</v>
      </c>
      <c r="FX4" s="507"/>
      <c r="FY4" s="507"/>
      <c r="FZ4" s="507"/>
      <c r="GA4" s="507"/>
      <c r="GB4" s="507"/>
      <c r="GC4" s="507"/>
      <c r="GD4" s="507"/>
      <c r="GE4" s="507"/>
      <c r="GF4" s="507"/>
      <c r="GG4" s="508"/>
      <c r="GH4" s="506" t="s">
        <v>41</v>
      </c>
      <c r="GI4" s="507"/>
      <c r="GJ4" s="507"/>
      <c r="GK4" s="507"/>
      <c r="GL4" s="507"/>
      <c r="GM4" s="507"/>
      <c r="GN4" s="507"/>
      <c r="GO4" s="507"/>
      <c r="GP4" s="507"/>
      <c r="GQ4" s="507"/>
      <c r="GR4" s="508"/>
      <c r="GS4" s="520" t="s">
        <v>39</v>
      </c>
      <c r="GT4" s="521"/>
      <c r="GU4" s="521"/>
      <c r="GV4" s="521"/>
      <c r="GW4" s="521"/>
      <c r="GX4" s="521"/>
      <c r="GY4" s="521"/>
      <c r="GZ4" s="521"/>
      <c r="HA4" s="521"/>
      <c r="HB4" s="521"/>
      <c r="HC4" s="521"/>
      <c r="HD4" s="521"/>
      <c r="HE4" s="521"/>
      <c r="HF4" s="521"/>
      <c r="HG4" s="521"/>
      <c r="HH4" s="521"/>
      <c r="HI4" s="521"/>
      <c r="HJ4" s="521"/>
      <c r="HK4" s="521"/>
      <c r="HL4" s="521"/>
      <c r="HM4" s="521"/>
      <c r="HN4" s="521"/>
      <c r="HO4" s="521"/>
      <c r="HP4" s="521"/>
      <c r="HQ4" s="521"/>
      <c r="HR4" s="521"/>
      <c r="HS4" s="521"/>
      <c r="HT4" s="521"/>
      <c r="HU4" s="521"/>
      <c r="HV4" s="521"/>
      <c r="HW4" s="521"/>
      <c r="HX4" s="521"/>
      <c r="HY4" s="521"/>
      <c r="HZ4" s="521"/>
      <c r="IA4" s="521"/>
      <c r="IB4" s="521"/>
      <c r="IC4" s="521"/>
      <c r="ID4" s="521"/>
      <c r="IE4" s="521"/>
      <c r="IF4" s="521"/>
      <c r="IG4" s="521"/>
      <c r="IH4" s="521"/>
      <c r="II4" s="521"/>
      <c r="IJ4" s="521"/>
      <c r="IK4" s="521"/>
      <c r="IL4" s="521"/>
      <c r="IM4" s="521"/>
      <c r="IN4" s="521"/>
      <c r="IO4" s="521"/>
      <c r="IP4" s="521"/>
      <c r="IQ4" s="521"/>
      <c r="IR4" s="521"/>
      <c r="IS4" s="521"/>
      <c r="IT4" s="521"/>
      <c r="IU4" s="521"/>
      <c r="IV4" s="521"/>
      <c r="IW4" s="521"/>
      <c r="IX4" s="521"/>
      <c r="IY4" s="521"/>
      <c r="IZ4" s="521"/>
      <c r="JA4" s="521"/>
      <c r="JB4" s="521"/>
      <c r="JC4" s="521"/>
      <c r="JD4" s="521"/>
      <c r="JE4" s="521"/>
      <c r="JF4" s="521"/>
      <c r="JG4" s="521"/>
      <c r="JH4" s="521"/>
      <c r="JI4" s="521"/>
      <c r="JJ4" s="521"/>
      <c r="JK4" s="521"/>
      <c r="JL4" s="521"/>
      <c r="JM4" s="521"/>
      <c r="JN4" s="521"/>
      <c r="JO4" s="521"/>
      <c r="JP4" s="521"/>
      <c r="JQ4" s="522"/>
      <c r="JR4" s="506" t="s">
        <v>40</v>
      </c>
      <c r="JS4" s="507"/>
      <c r="JT4" s="507"/>
      <c r="JU4" s="507"/>
      <c r="JV4" s="507"/>
      <c r="JW4" s="507"/>
      <c r="JX4" s="507"/>
      <c r="JY4" s="507"/>
      <c r="JZ4" s="507"/>
      <c r="KA4" s="507"/>
      <c r="KB4" s="508"/>
      <c r="KC4" s="506" t="s">
        <v>41</v>
      </c>
      <c r="KD4" s="507"/>
      <c r="KE4" s="507"/>
      <c r="KF4" s="507"/>
      <c r="KG4" s="507"/>
      <c r="KH4" s="507"/>
      <c r="KI4" s="507"/>
      <c r="KJ4" s="507"/>
      <c r="KK4" s="507"/>
      <c r="KL4" s="507"/>
      <c r="KM4" s="508"/>
    </row>
    <row r="5" spans="2:299" ht="27.75" customHeight="1" thickBot="1" x14ac:dyDescent="0.25">
      <c r="B5" s="512"/>
      <c r="C5" s="512"/>
      <c r="D5" s="513"/>
      <c r="E5" s="513"/>
      <c r="F5" s="513"/>
      <c r="G5" s="513"/>
      <c r="H5" s="513"/>
      <c r="I5" s="513"/>
      <c r="J5" s="513"/>
      <c r="K5" s="513"/>
      <c r="L5" s="513"/>
      <c r="M5" s="514"/>
      <c r="N5" s="515" t="s">
        <v>97</v>
      </c>
      <c r="O5" s="516"/>
      <c r="P5" s="516"/>
      <c r="Q5" s="516"/>
      <c r="R5" s="516"/>
      <c r="S5" s="516"/>
      <c r="T5" s="516"/>
      <c r="U5" s="516"/>
      <c r="V5" s="516"/>
      <c r="W5" s="516"/>
      <c r="X5" s="517"/>
      <c r="Y5" s="515" t="s">
        <v>98</v>
      </c>
      <c r="Z5" s="516"/>
      <c r="AA5" s="516"/>
      <c r="AB5" s="516"/>
      <c r="AC5" s="516"/>
      <c r="AD5" s="516"/>
      <c r="AE5" s="516"/>
      <c r="AF5" s="516"/>
      <c r="AG5" s="516"/>
      <c r="AH5" s="516"/>
      <c r="AI5" s="517"/>
      <c r="AJ5" s="515" t="s">
        <v>99</v>
      </c>
      <c r="AK5" s="516"/>
      <c r="AL5" s="516"/>
      <c r="AM5" s="516"/>
      <c r="AN5" s="516"/>
      <c r="AO5" s="516"/>
      <c r="AP5" s="516"/>
      <c r="AQ5" s="516"/>
      <c r="AR5" s="516"/>
      <c r="AS5" s="516"/>
      <c r="AT5" s="517"/>
      <c r="AU5" s="515" t="s">
        <v>100</v>
      </c>
      <c r="AV5" s="516"/>
      <c r="AW5" s="516"/>
      <c r="AX5" s="516"/>
      <c r="AY5" s="516"/>
      <c r="AZ5" s="516"/>
      <c r="BA5" s="516"/>
      <c r="BB5" s="516"/>
      <c r="BC5" s="516"/>
      <c r="BD5" s="516"/>
      <c r="BE5" s="517"/>
      <c r="BF5" s="515" t="s">
        <v>101</v>
      </c>
      <c r="BG5" s="516"/>
      <c r="BH5" s="516"/>
      <c r="BI5" s="516"/>
      <c r="BJ5" s="516"/>
      <c r="BK5" s="516"/>
      <c r="BL5" s="516"/>
      <c r="BM5" s="516"/>
      <c r="BN5" s="516"/>
      <c r="BO5" s="516"/>
      <c r="BP5" s="517"/>
      <c r="BQ5" s="515" t="s">
        <v>102</v>
      </c>
      <c r="BR5" s="516"/>
      <c r="BS5" s="516"/>
      <c r="BT5" s="516"/>
      <c r="BU5" s="516"/>
      <c r="BV5" s="516"/>
      <c r="BW5" s="516"/>
      <c r="BX5" s="516"/>
      <c r="BY5" s="516"/>
      <c r="BZ5" s="516"/>
      <c r="CA5" s="517"/>
      <c r="CB5" s="509"/>
      <c r="CC5" s="510"/>
      <c r="CD5" s="510"/>
      <c r="CE5" s="510"/>
      <c r="CF5" s="510"/>
      <c r="CG5" s="510"/>
      <c r="CH5" s="510"/>
      <c r="CI5" s="510"/>
      <c r="CJ5" s="510"/>
      <c r="CK5" s="510"/>
      <c r="CL5" s="511"/>
      <c r="CM5" s="509"/>
      <c r="CN5" s="510"/>
      <c r="CO5" s="510"/>
      <c r="CP5" s="510"/>
      <c r="CQ5" s="510"/>
      <c r="CR5" s="510"/>
      <c r="CS5" s="510"/>
      <c r="CT5" s="510"/>
      <c r="CU5" s="510"/>
      <c r="CV5" s="510"/>
      <c r="CW5" s="511"/>
      <c r="CX5" s="512"/>
      <c r="CY5" s="513"/>
      <c r="CZ5" s="513"/>
      <c r="DA5" s="513"/>
      <c r="DB5" s="513"/>
      <c r="DC5" s="513"/>
      <c r="DD5" s="513"/>
      <c r="DE5" s="513"/>
      <c r="DF5" s="513"/>
      <c r="DG5" s="513"/>
      <c r="DH5" s="514"/>
      <c r="DI5" s="515" t="s">
        <v>97</v>
      </c>
      <c r="DJ5" s="516"/>
      <c r="DK5" s="516"/>
      <c r="DL5" s="516"/>
      <c r="DM5" s="516"/>
      <c r="DN5" s="516"/>
      <c r="DO5" s="516"/>
      <c r="DP5" s="516"/>
      <c r="DQ5" s="516"/>
      <c r="DR5" s="516"/>
      <c r="DS5" s="517"/>
      <c r="DT5" s="515" t="s">
        <v>98</v>
      </c>
      <c r="DU5" s="516"/>
      <c r="DV5" s="516"/>
      <c r="DW5" s="516"/>
      <c r="DX5" s="516"/>
      <c r="DY5" s="516"/>
      <c r="DZ5" s="516"/>
      <c r="EA5" s="516"/>
      <c r="EB5" s="516"/>
      <c r="EC5" s="516"/>
      <c r="ED5" s="517"/>
      <c r="EE5" s="515" t="s">
        <v>99</v>
      </c>
      <c r="EF5" s="516"/>
      <c r="EG5" s="516"/>
      <c r="EH5" s="516"/>
      <c r="EI5" s="516"/>
      <c r="EJ5" s="516"/>
      <c r="EK5" s="516"/>
      <c r="EL5" s="516"/>
      <c r="EM5" s="516"/>
      <c r="EN5" s="516"/>
      <c r="EO5" s="517"/>
      <c r="EP5" s="515" t="s">
        <v>100</v>
      </c>
      <c r="EQ5" s="516"/>
      <c r="ER5" s="516"/>
      <c r="ES5" s="516"/>
      <c r="ET5" s="516"/>
      <c r="EU5" s="516"/>
      <c r="EV5" s="516"/>
      <c r="EW5" s="516"/>
      <c r="EX5" s="516"/>
      <c r="EY5" s="516"/>
      <c r="EZ5" s="517"/>
      <c r="FA5" s="515" t="s">
        <v>101</v>
      </c>
      <c r="FB5" s="516"/>
      <c r="FC5" s="516"/>
      <c r="FD5" s="516"/>
      <c r="FE5" s="516"/>
      <c r="FF5" s="516"/>
      <c r="FG5" s="516"/>
      <c r="FH5" s="516"/>
      <c r="FI5" s="516"/>
      <c r="FJ5" s="516"/>
      <c r="FK5" s="517"/>
      <c r="FL5" s="515" t="s">
        <v>102</v>
      </c>
      <c r="FM5" s="516"/>
      <c r="FN5" s="516"/>
      <c r="FO5" s="516"/>
      <c r="FP5" s="516"/>
      <c r="FQ5" s="516"/>
      <c r="FR5" s="516"/>
      <c r="FS5" s="516"/>
      <c r="FT5" s="516"/>
      <c r="FU5" s="516"/>
      <c r="FV5" s="517"/>
      <c r="FW5" s="509"/>
      <c r="FX5" s="510"/>
      <c r="FY5" s="510"/>
      <c r="FZ5" s="510"/>
      <c r="GA5" s="510"/>
      <c r="GB5" s="510"/>
      <c r="GC5" s="510"/>
      <c r="GD5" s="510"/>
      <c r="GE5" s="510"/>
      <c r="GF5" s="510"/>
      <c r="GG5" s="511"/>
      <c r="GH5" s="509"/>
      <c r="GI5" s="510"/>
      <c r="GJ5" s="510"/>
      <c r="GK5" s="510"/>
      <c r="GL5" s="510"/>
      <c r="GM5" s="510"/>
      <c r="GN5" s="510"/>
      <c r="GO5" s="510"/>
      <c r="GP5" s="510"/>
      <c r="GQ5" s="510"/>
      <c r="GR5" s="511"/>
      <c r="GS5" s="512"/>
      <c r="GT5" s="513"/>
      <c r="GU5" s="513"/>
      <c r="GV5" s="513"/>
      <c r="GW5" s="513"/>
      <c r="GX5" s="513"/>
      <c r="GY5" s="513"/>
      <c r="GZ5" s="513"/>
      <c r="HA5" s="513"/>
      <c r="HB5" s="513"/>
      <c r="HC5" s="514"/>
      <c r="HD5" s="515" t="s">
        <v>97</v>
      </c>
      <c r="HE5" s="516"/>
      <c r="HF5" s="516"/>
      <c r="HG5" s="516"/>
      <c r="HH5" s="516"/>
      <c r="HI5" s="516"/>
      <c r="HJ5" s="516"/>
      <c r="HK5" s="516"/>
      <c r="HL5" s="516"/>
      <c r="HM5" s="516"/>
      <c r="HN5" s="517"/>
      <c r="HO5" s="515" t="s">
        <v>98</v>
      </c>
      <c r="HP5" s="516"/>
      <c r="HQ5" s="516"/>
      <c r="HR5" s="516"/>
      <c r="HS5" s="516"/>
      <c r="HT5" s="516"/>
      <c r="HU5" s="516"/>
      <c r="HV5" s="516"/>
      <c r="HW5" s="516"/>
      <c r="HX5" s="516"/>
      <c r="HY5" s="517"/>
      <c r="HZ5" s="515" t="s">
        <v>99</v>
      </c>
      <c r="IA5" s="516"/>
      <c r="IB5" s="516"/>
      <c r="IC5" s="516"/>
      <c r="ID5" s="516"/>
      <c r="IE5" s="516"/>
      <c r="IF5" s="516"/>
      <c r="IG5" s="516"/>
      <c r="IH5" s="516"/>
      <c r="II5" s="516"/>
      <c r="IJ5" s="517"/>
      <c r="IK5" s="515" t="s">
        <v>100</v>
      </c>
      <c r="IL5" s="516"/>
      <c r="IM5" s="516"/>
      <c r="IN5" s="516"/>
      <c r="IO5" s="516"/>
      <c r="IP5" s="516"/>
      <c r="IQ5" s="516"/>
      <c r="IR5" s="516"/>
      <c r="IS5" s="516"/>
      <c r="IT5" s="516"/>
      <c r="IU5" s="517"/>
      <c r="IV5" s="515" t="s">
        <v>101</v>
      </c>
      <c r="IW5" s="516"/>
      <c r="IX5" s="516"/>
      <c r="IY5" s="516"/>
      <c r="IZ5" s="516"/>
      <c r="JA5" s="516"/>
      <c r="JB5" s="516"/>
      <c r="JC5" s="516"/>
      <c r="JD5" s="516"/>
      <c r="JE5" s="516"/>
      <c r="JF5" s="517"/>
      <c r="JG5" s="515" t="s">
        <v>102</v>
      </c>
      <c r="JH5" s="516"/>
      <c r="JI5" s="516"/>
      <c r="JJ5" s="516"/>
      <c r="JK5" s="516"/>
      <c r="JL5" s="516"/>
      <c r="JM5" s="516"/>
      <c r="JN5" s="516"/>
      <c r="JO5" s="516"/>
      <c r="JP5" s="516"/>
      <c r="JQ5" s="517"/>
      <c r="JR5" s="509"/>
      <c r="JS5" s="510"/>
      <c r="JT5" s="510"/>
      <c r="JU5" s="510"/>
      <c r="JV5" s="510"/>
      <c r="JW5" s="510"/>
      <c r="JX5" s="510"/>
      <c r="JY5" s="510"/>
      <c r="JZ5" s="510"/>
      <c r="KA5" s="510"/>
      <c r="KB5" s="511"/>
      <c r="KC5" s="509"/>
      <c r="KD5" s="510"/>
      <c r="KE5" s="510"/>
      <c r="KF5" s="510"/>
      <c r="KG5" s="510"/>
      <c r="KH5" s="510"/>
      <c r="KI5" s="510"/>
      <c r="KJ5" s="510"/>
      <c r="KK5" s="510"/>
      <c r="KL5" s="510"/>
      <c r="KM5" s="511"/>
    </row>
    <row r="6" spans="2:299" ht="44.25" customHeight="1" thickBot="1" x14ac:dyDescent="0.25">
      <c r="B6" s="354" t="s">
        <v>42</v>
      </c>
      <c r="C6" s="51" t="s">
        <v>43</v>
      </c>
      <c r="D6" s="47" t="s">
        <v>44</v>
      </c>
      <c r="E6" s="48" t="s">
        <v>45</v>
      </c>
      <c r="F6" s="52" t="s">
        <v>46</v>
      </c>
      <c r="G6" s="47" t="s">
        <v>47</v>
      </c>
      <c r="H6" s="47" t="s">
        <v>48</v>
      </c>
      <c r="I6" s="47" t="s">
        <v>49</v>
      </c>
      <c r="J6" s="47" t="s">
        <v>50</v>
      </c>
      <c r="K6" s="47" t="s">
        <v>51</v>
      </c>
      <c r="L6" s="48" t="s">
        <v>45</v>
      </c>
      <c r="M6" s="352" t="s">
        <v>52</v>
      </c>
      <c r="N6" s="357" t="s">
        <v>43</v>
      </c>
      <c r="O6" s="358" t="s">
        <v>44</v>
      </c>
      <c r="P6" s="359" t="s">
        <v>45</v>
      </c>
      <c r="Q6" s="360" t="s">
        <v>46</v>
      </c>
      <c r="R6" s="358" t="s">
        <v>47</v>
      </c>
      <c r="S6" s="358" t="s">
        <v>48</v>
      </c>
      <c r="T6" s="358" t="s">
        <v>49</v>
      </c>
      <c r="U6" s="358" t="s">
        <v>50</v>
      </c>
      <c r="V6" s="358" t="s">
        <v>51</v>
      </c>
      <c r="W6" s="359" t="s">
        <v>45</v>
      </c>
      <c r="X6" s="356" t="s">
        <v>52</v>
      </c>
      <c r="Y6" s="357" t="s">
        <v>43</v>
      </c>
      <c r="Z6" s="358" t="s">
        <v>44</v>
      </c>
      <c r="AA6" s="359" t="s">
        <v>45</v>
      </c>
      <c r="AB6" s="360" t="s">
        <v>46</v>
      </c>
      <c r="AC6" s="358" t="s">
        <v>47</v>
      </c>
      <c r="AD6" s="358" t="s">
        <v>48</v>
      </c>
      <c r="AE6" s="358" t="s">
        <v>49</v>
      </c>
      <c r="AF6" s="358" t="s">
        <v>50</v>
      </c>
      <c r="AG6" s="358" t="s">
        <v>51</v>
      </c>
      <c r="AH6" s="359" t="s">
        <v>45</v>
      </c>
      <c r="AI6" s="361" t="s">
        <v>52</v>
      </c>
      <c r="AJ6" s="357" t="s">
        <v>43</v>
      </c>
      <c r="AK6" s="358" t="s">
        <v>44</v>
      </c>
      <c r="AL6" s="359" t="s">
        <v>45</v>
      </c>
      <c r="AM6" s="360" t="s">
        <v>46</v>
      </c>
      <c r="AN6" s="358" t="s">
        <v>47</v>
      </c>
      <c r="AO6" s="358" t="s">
        <v>48</v>
      </c>
      <c r="AP6" s="358" t="s">
        <v>49</v>
      </c>
      <c r="AQ6" s="358" t="s">
        <v>50</v>
      </c>
      <c r="AR6" s="358" t="s">
        <v>51</v>
      </c>
      <c r="AS6" s="359" t="s">
        <v>45</v>
      </c>
      <c r="AT6" s="361" t="s">
        <v>52</v>
      </c>
      <c r="AU6" s="357" t="s">
        <v>43</v>
      </c>
      <c r="AV6" s="358" t="s">
        <v>44</v>
      </c>
      <c r="AW6" s="359" t="s">
        <v>45</v>
      </c>
      <c r="AX6" s="360" t="s">
        <v>46</v>
      </c>
      <c r="AY6" s="358" t="s">
        <v>47</v>
      </c>
      <c r="AZ6" s="358" t="s">
        <v>48</v>
      </c>
      <c r="BA6" s="358" t="s">
        <v>49</v>
      </c>
      <c r="BB6" s="358" t="s">
        <v>50</v>
      </c>
      <c r="BC6" s="358" t="s">
        <v>51</v>
      </c>
      <c r="BD6" s="359" t="s">
        <v>45</v>
      </c>
      <c r="BE6" s="361" t="s">
        <v>52</v>
      </c>
      <c r="BF6" s="357" t="s">
        <v>43</v>
      </c>
      <c r="BG6" s="358" t="s">
        <v>44</v>
      </c>
      <c r="BH6" s="359" t="s">
        <v>45</v>
      </c>
      <c r="BI6" s="360" t="s">
        <v>46</v>
      </c>
      <c r="BJ6" s="358" t="s">
        <v>47</v>
      </c>
      <c r="BK6" s="358" t="s">
        <v>48</v>
      </c>
      <c r="BL6" s="358" t="s">
        <v>49</v>
      </c>
      <c r="BM6" s="358" t="s">
        <v>50</v>
      </c>
      <c r="BN6" s="358" t="s">
        <v>51</v>
      </c>
      <c r="BO6" s="359" t="s">
        <v>45</v>
      </c>
      <c r="BP6" s="361" t="s">
        <v>52</v>
      </c>
      <c r="BQ6" s="357" t="s">
        <v>43</v>
      </c>
      <c r="BR6" s="358" t="s">
        <v>44</v>
      </c>
      <c r="BS6" s="359" t="s">
        <v>45</v>
      </c>
      <c r="BT6" s="360" t="s">
        <v>46</v>
      </c>
      <c r="BU6" s="358" t="s">
        <v>47</v>
      </c>
      <c r="BV6" s="358" t="s">
        <v>48</v>
      </c>
      <c r="BW6" s="358" t="s">
        <v>49</v>
      </c>
      <c r="BX6" s="358" t="s">
        <v>50</v>
      </c>
      <c r="BY6" s="358" t="s">
        <v>51</v>
      </c>
      <c r="BZ6" s="359" t="s">
        <v>45</v>
      </c>
      <c r="CA6" s="361" t="s">
        <v>52</v>
      </c>
      <c r="CB6" s="357" t="s">
        <v>43</v>
      </c>
      <c r="CC6" s="358" t="s">
        <v>44</v>
      </c>
      <c r="CD6" s="359" t="s">
        <v>45</v>
      </c>
      <c r="CE6" s="360" t="s">
        <v>46</v>
      </c>
      <c r="CF6" s="358" t="s">
        <v>47</v>
      </c>
      <c r="CG6" s="358" t="s">
        <v>48</v>
      </c>
      <c r="CH6" s="358" t="s">
        <v>49</v>
      </c>
      <c r="CI6" s="358" t="s">
        <v>50</v>
      </c>
      <c r="CJ6" s="358" t="s">
        <v>51</v>
      </c>
      <c r="CK6" s="359" t="s">
        <v>45</v>
      </c>
      <c r="CL6" s="361" t="s">
        <v>52</v>
      </c>
      <c r="CM6" s="357" t="s">
        <v>43</v>
      </c>
      <c r="CN6" s="358" t="s">
        <v>44</v>
      </c>
      <c r="CO6" s="359" t="s">
        <v>45</v>
      </c>
      <c r="CP6" s="360" t="s">
        <v>46</v>
      </c>
      <c r="CQ6" s="358" t="s">
        <v>47</v>
      </c>
      <c r="CR6" s="358" t="s">
        <v>48</v>
      </c>
      <c r="CS6" s="358" t="s">
        <v>49</v>
      </c>
      <c r="CT6" s="358" t="s">
        <v>50</v>
      </c>
      <c r="CU6" s="358" t="s">
        <v>51</v>
      </c>
      <c r="CV6" s="359" t="s">
        <v>45</v>
      </c>
      <c r="CW6" s="361" t="s">
        <v>52</v>
      </c>
      <c r="CX6" s="51" t="s">
        <v>43</v>
      </c>
      <c r="CY6" s="47" t="s">
        <v>44</v>
      </c>
      <c r="CZ6" s="48" t="s">
        <v>45</v>
      </c>
      <c r="DA6" s="52" t="s">
        <v>46</v>
      </c>
      <c r="DB6" s="47" t="s">
        <v>47</v>
      </c>
      <c r="DC6" s="47" t="s">
        <v>48</v>
      </c>
      <c r="DD6" s="47" t="s">
        <v>49</v>
      </c>
      <c r="DE6" s="47" t="s">
        <v>50</v>
      </c>
      <c r="DF6" s="47" t="s">
        <v>51</v>
      </c>
      <c r="DG6" s="48" t="s">
        <v>45</v>
      </c>
      <c r="DH6" s="352" t="s">
        <v>52</v>
      </c>
      <c r="DI6" s="357" t="s">
        <v>43</v>
      </c>
      <c r="DJ6" s="358" t="s">
        <v>44</v>
      </c>
      <c r="DK6" s="359" t="s">
        <v>45</v>
      </c>
      <c r="DL6" s="360" t="s">
        <v>46</v>
      </c>
      <c r="DM6" s="358" t="s">
        <v>47</v>
      </c>
      <c r="DN6" s="358" t="s">
        <v>48</v>
      </c>
      <c r="DO6" s="358" t="s">
        <v>49</v>
      </c>
      <c r="DP6" s="358" t="s">
        <v>50</v>
      </c>
      <c r="DQ6" s="358" t="s">
        <v>51</v>
      </c>
      <c r="DR6" s="359" t="s">
        <v>45</v>
      </c>
      <c r="DS6" s="361" t="s">
        <v>52</v>
      </c>
      <c r="DT6" s="357" t="s">
        <v>43</v>
      </c>
      <c r="DU6" s="358" t="s">
        <v>44</v>
      </c>
      <c r="DV6" s="359" t="s">
        <v>45</v>
      </c>
      <c r="DW6" s="360" t="s">
        <v>46</v>
      </c>
      <c r="DX6" s="358" t="s">
        <v>47</v>
      </c>
      <c r="DY6" s="358" t="s">
        <v>48</v>
      </c>
      <c r="DZ6" s="358" t="s">
        <v>49</v>
      </c>
      <c r="EA6" s="358" t="s">
        <v>50</v>
      </c>
      <c r="EB6" s="358" t="s">
        <v>51</v>
      </c>
      <c r="EC6" s="359" t="s">
        <v>45</v>
      </c>
      <c r="ED6" s="361" t="s">
        <v>52</v>
      </c>
      <c r="EE6" s="357" t="s">
        <v>43</v>
      </c>
      <c r="EF6" s="358" t="s">
        <v>44</v>
      </c>
      <c r="EG6" s="359" t="s">
        <v>45</v>
      </c>
      <c r="EH6" s="360" t="s">
        <v>46</v>
      </c>
      <c r="EI6" s="358" t="s">
        <v>47</v>
      </c>
      <c r="EJ6" s="358" t="s">
        <v>48</v>
      </c>
      <c r="EK6" s="358" t="s">
        <v>49</v>
      </c>
      <c r="EL6" s="358" t="s">
        <v>50</v>
      </c>
      <c r="EM6" s="358" t="s">
        <v>51</v>
      </c>
      <c r="EN6" s="359" t="s">
        <v>45</v>
      </c>
      <c r="EO6" s="361" t="s">
        <v>52</v>
      </c>
      <c r="EP6" s="357" t="s">
        <v>43</v>
      </c>
      <c r="EQ6" s="358" t="s">
        <v>44</v>
      </c>
      <c r="ER6" s="359" t="s">
        <v>45</v>
      </c>
      <c r="ES6" s="360" t="s">
        <v>46</v>
      </c>
      <c r="ET6" s="358" t="s">
        <v>47</v>
      </c>
      <c r="EU6" s="358" t="s">
        <v>48</v>
      </c>
      <c r="EV6" s="358" t="s">
        <v>49</v>
      </c>
      <c r="EW6" s="358" t="s">
        <v>50</v>
      </c>
      <c r="EX6" s="358" t="s">
        <v>51</v>
      </c>
      <c r="EY6" s="359" t="s">
        <v>45</v>
      </c>
      <c r="EZ6" s="361" t="s">
        <v>52</v>
      </c>
      <c r="FA6" s="357" t="s">
        <v>43</v>
      </c>
      <c r="FB6" s="358" t="s">
        <v>44</v>
      </c>
      <c r="FC6" s="359" t="s">
        <v>45</v>
      </c>
      <c r="FD6" s="360" t="s">
        <v>46</v>
      </c>
      <c r="FE6" s="358" t="s">
        <v>47</v>
      </c>
      <c r="FF6" s="358" t="s">
        <v>48</v>
      </c>
      <c r="FG6" s="358" t="s">
        <v>49</v>
      </c>
      <c r="FH6" s="358" t="s">
        <v>50</v>
      </c>
      <c r="FI6" s="358" t="s">
        <v>51</v>
      </c>
      <c r="FJ6" s="359" t="s">
        <v>45</v>
      </c>
      <c r="FK6" s="361" t="s">
        <v>52</v>
      </c>
      <c r="FL6" s="357" t="s">
        <v>43</v>
      </c>
      <c r="FM6" s="358" t="s">
        <v>44</v>
      </c>
      <c r="FN6" s="359" t="s">
        <v>45</v>
      </c>
      <c r="FO6" s="360" t="s">
        <v>46</v>
      </c>
      <c r="FP6" s="358" t="s">
        <v>47</v>
      </c>
      <c r="FQ6" s="358" t="s">
        <v>48</v>
      </c>
      <c r="FR6" s="358" t="s">
        <v>49</v>
      </c>
      <c r="FS6" s="358" t="s">
        <v>50</v>
      </c>
      <c r="FT6" s="358" t="s">
        <v>51</v>
      </c>
      <c r="FU6" s="359" t="s">
        <v>45</v>
      </c>
      <c r="FV6" s="361" t="s">
        <v>52</v>
      </c>
      <c r="FW6" s="357" t="s">
        <v>43</v>
      </c>
      <c r="FX6" s="358" t="s">
        <v>44</v>
      </c>
      <c r="FY6" s="359" t="s">
        <v>45</v>
      </c>
      <c r="FZ6" s="360" t="s">
        <v>46</v>
      </c>
      <c r="GA6" s="358" t="s">
        <v>47</v>
      </c>
      <c r="GB6" s="358" t="s">
        <v>48</v>
      </c>
      <c r="GC6" s="358" t="s">
        <v>49</v>
      </c>
      <c r="GD6" s="358" t="s">
        <v>50</v>
      </c>
      <c r="GE6" s="358" t="s">
        <v>51</v>
      </c>
      <c r="GF6" s="359" t="s">
        <v>45</v>
      </c>
      <c r="GG6" s="361" t="s">
        <v>52</v>
      </c>
      <c r="GH6" s="357" t="s">
        <v>43</v>
      </c>
      <c r="GI6" s="358" t="s">
        <v>44</v>
      </c>
      <c r="GJ6" s="359" t="s">
        <v>45</v>
      </c>
      <c r="GK6" s="360" t="s">
        <v>46</v>
      </c>
      <c r="GL6" s="358" t="s">
        <v>47</v>
      </c>
      <c r="GM6" s="358" t="s">
        <v>48</v>
      </c>
      <c r="GN6" s="358" t="s">
        <v>49</v>
      </c>
      <c r="GO6" s="358" t="s">
        <v>50</v>
      </c>
      <c r="GP6" s="358" t="s">
        <v>51</v>
      </c>
      <c r="GQ6" s="359" t="s">
        <v>45</v>
      </c>
      <c r="GR6" s="361" t="s">
        <v>52</v>
      </c>
      <c r="GS6" s="51" t="s">
        <v>43</v>
      </c>
      <c r="GT6" s="47" t="s">
        <v>44</v>
      </c>
      <c r="GU6" s="48" t="s">
        <v>45</v>
      </c>
      <c r="GV6" s="52" t="s">
        <v>46</v>
      </c>
      <c r="GW6" s="47" t="s">
        <v>47</v>
      </c>
      <c r="GX6" s="47" t="s">
        <v>48</v>
      </c>
      <c r="GY6" s="47" t="s">
        <v>49</v>
      </c>
      <c r="GZ6" s="47" t="s">
        <v>50</v>
      </c>
      <c r="HA6" s="47" t="s">
        <v>51</v>
      </c>
      <c r="HB6" s="48" t="s">
        <v>45</v>
      </c>
      <c r="HC6" s="352" t="s">
        <v>52</v>
      </c>
      <c r="HD6" s="357" t="s">
        <v>43</v>
      </c>
      <c r="HE6" s="358" t="s">
        <v>44</v>
      </c>
      <c r="HF6" s="359" t="s">
        <v>45</v>
      </c>
      <c r="HG6" s="360" t="s">
        <v>46</v>
      </c>
      <c r="HH6" s="358" t="s">
        <v>47</v>
      </c>
      <c r="HI6" s="358" t="s">
        <v>48</v>
      </c>
      <c r="HJ6" s="358" t="s">
        <v>49</v>
      </c>
      <c r="HK6" s="358" t="s">
        <v>50</v>
      </c>
      <c r="HL6" s="358" t="s">
        <v>51</v>
      </c>
      <c r="HM6" s="359" t="s">
        <v>45</v>
      </c>
      <c r="HN6" s="361" t="s">
        <v>52</v>
      </c>
      <c r="HO6" s="357" t="s">
        <v>43</v>
      </c>
      <c r="HP6" s="358" t="s">
        <v>44</v>
      </c>
      <c r="HQ6" s="359" t="s">
        <v>45</v>
      </c>
      <c r="HR6" s="360" t="s">
        <v>46</v>
      </c>
      <c r="HS6" s="358" t="s">
        <v>47</v>
      </c>
      <c r="HT6" s="358" t="s">
        <v>48</v>
      </c>
      <c r="HU6" s="358" t="s">
        <v>49</v>
      </c>
      <c r="HV6" s="358" t="s">
        <v>50</v>
      </c>
      <c r="HW6" s="358" t="s">
        <v>51</v>
      </c>
      <c r="HX6" s="359" t="s">
        <v>45</v>
      </c>
      <c r="HY6" s="361" t="s">
        <v>52</v>
      </c>
      <c r="HZ6" s="357" t="s">
        <v>43</v>
      </c>
      <c r="IA6" s="358" t="s">
        <v>44</v>
      </c>
      <c r="IB6" s="359" t="s">
        <v>45</v>
      </c>
      <c r="IC6" s="360" t="s">
        <v>46</v>
      </c>
      <c r="ID6" s="358" t="s">
        <v>47</v>
      </c>
      <c r="IE6" s="358" t="s">
        <v>48</v>
      </c>
      <c r="IF6" s="358" t="s">
        <v>49</v>
      </c>
      <c r="IG6" s="358" t="s">
        <v>50</v>
      </c>
      <c r="IH6" s="358" t="s">
        <v>51</v>
      </c>
      <c r="II6" s="359" t="s">
        <v>45</v>
      </c>
      <c r="IJ6" s="361" t="s">
        <v>52</v>
      </c>
      <c r="IK6" s="357" t="s">
        <v>43</v>
      </c>
      <c r="IL6" s="358" t="s">
        <v>44</v>
      </c>
      <c r="IM6" s="359" t="s">
        <v>45</v>
      </c>
      <c r="IN6" s="360" t="s">
        <v>46</v>
      </c>
      <c r="IO6" s="358" t="s">
        <v>47</v>
      </c>
      <c r="IP6" s="358" t="s">
        <v>48</v>
      </c>
      <c r="IQ6" s="358" t="s">
        <v>49</v>
      </c>
      <c r="IR6" s="358" t="s">
        <v>50</v>
      </c>
      <c r="IS6" s="358" t="s">
        <v>51</v>
      </c>
      <c r="IT6" s="359" t="s">
        <v>45</v>
      </c>
      <c r="IU6" s="361" t="s">
        <v>52</v>
      </c>
      <c r="IV6" s="357" t="s">
        <v>43</v>
      </c>
      <c r="IW6" s="358" t="s">
        <v>44</v>
      </c>
      <c r="IX6" s="359" t="s">
        <v>45</v>
      </c>
      <c r="IY6" s="360" t="s">
        <v>46</v>
      </c>
      <c r="IZ6" s="358" t="s">
        <v>47</v>
      </c>
      <c r="JA6" s="358" t="s">
        <v>48</v>
      </c>
      <c r="JB6" s="358" t="s">
        <v>49</v>
      </c>
      <c r="JC6" s="358" t="s">
        <v>50</v>
      </c>
      <c r="JD6" s="358" t="s">
        <v>51</v>
      </c>
      <c r="JE6" s="359" t="s">
        <v>45</v>
      </c>
      <c r="JF6" s="361" t="s">
        <v>52</v>
      </c>
      <c r="JG6" s="357" t="s">
        <v>43</v>
      </c>
      <c r="JH6" s="358" t="s">
        <v>44</v>
      </c>
      <c r="JI6" s="359" t="s">
        <v>45</v>
      </c>
      <c r="JJ6" s="360" t="s">
        <v>46</v>
      </c>
      <c r="JK6" s="358" t="s">
        <v>47</v>
      </c>
      <c r="JL6" s="358" t="s">
        <v>48</v>
      </c>
      <c r="JM6" s="358" t="s">
        <v>49</v>
      </c>
      <c r="JN6" s="358" t="s">
        <v>50</v>
      </c>
      <c r="JO6" s="358" t="s">
        <v>51</v>
      </c>
      <c r="JP6" s="359" t="s">
        <v>45</v>
      </c>
      <c r="JQ6" s="361" t="s">
        <v>52</v>
      </c>
      <c r="JR6" s="357" t="s">
        <v>43</v>
      </c>
      <c r="JS6" s="358" t="s">
        <v>44</v>
      </c>
      <c r="JT6" s="359" t="s">
        <v>45</v>
      </c>
      <c r="JU6" s="360" t="s">
        <v>46</v>
      </c>
      <c r="JV6" s="358" t="s">
        <v>47</v>
      </c>
      <c r="JW6" s="358" t="s">
        <v>48</v>
      </c>
      <c r="JX6" s="358" t="s">
        <v>49</v>
      </c>
      <c r="JY6" s="358" t="s">
        <v>50</v>
      </c>
      <c r="JZ6" s="358" t="s">
        <v>51</v>
      </c>
      <c r="KA6" s="359" t="s">
        <v>45</v>
      </c>
      <c r="KB6" s="361" t="s">
        <v>52</v>
      </c>
      <c r="KC6" s="357" t="s">
        <v>43</v>
      </c>
      <c r="KD6" s="358" t="s">
        <v>44</v>
      </c>
      <c r="KE6" s="359" t="s">
        <v>45</v>
      </c>
      <c r="KF6" s="360" t="s">
        <v>46</v>
      </c>
      <c r="KG6" s="358" t="s">
        <v>47</v>
      </c>
      <c r="KH6" s="358" t="s">
        <v>48</v>
      </c>
      <c r="KI6" s="358" t="s">
        <v>49</v>
      </c>
      <c r="KJ6" s="358" t="s">
        <v>50</v>
      </c>
      <c r="KK6" s="358" t="s">
        <v>51</v>
      </c>
      <c r="KL6" s="359" t="s">
        <v>45</v>
      </c>
      <c r="KM6" s="361" t="s">
        <v>52</v>
      </c>
    </row>
    <row r="7" spans="2:299" ht="19.5" customHeight="1" x14ac:dyDescent="0.2">
      <c r="B7" s="353" t="s">
        <v>4</v>
      </c>
      <c r="C7" s="315">
        <v>3228</v>
      </c>
      <c r="D7" s="78">
        <v>2983</v>
      </c>
      <c r="E7" s="79">
        <v>6211</v>
      </c>
      <c r="F7" s="240"/>
      <c r="G7" s="78">
        <v>4215</v>
      </c>
      <c r="H7" s="78">
        <v>3772</v>
      </c>
      <c r="I7" s="78">
        <v>2368</v>
      </c>
      <c r="J7" s="78">
        <v>2022</v>
      </c>
      <c r="K7" s="78">
        <v>1331</v>
      </c>
      <c r="L7" s="80">
        <v>13708</v>
      </c>
      <c r="M7" s="81">
        <v>19919</v>
      </c>
      <c r="N7" s="66">
        <v>95</v>
      </c>
      <c r="O7" s="67">
        <v>121</v>
      </c>
      <c r="P7" s="68">
        <v>216</v>
      </c>
      <c r="Q7" s="243"/>
      <c r="R7" s="67">
        <v>99</v>
      </c>
      <c r="S7" s="67">
        <v>129</v>
      </c>
      <c r="T7" s="67">
        <v>66</v>
      </c>
      <c r="U7" s="67">
        <v>73</v>
      </c>
      <c r="V7" s="67">
        <v>71</v>
      </c>
      <c r="W7" s="68">
        <v>438</v>
      </c>
      <c r="X7" s="69">
        <v>654</v>
      </c>
      <c r="Y7" s="66">
        <v>242</v>
      </c>
      <c r="Z7" s="67">
        <v>260</v>
      </c>
      <c r="AA7" s="68">
        <v>502</v>
      </c>
      <c r="AB7" s="243"/>
      <c r="AC7" s="67">
        <v>301</v>
      </c>
      <c r="AD7" s="67">
        <v>293</v>
      </c>
      <c r="AE7" s="67">
        <v>200</v>
      </c>
      <c r="AF7" s="67">
        <v>158</v>
      </c>
      <c r="AG7" s="67">
        <v>142</v>
      </c>
      <c r="AH7" s="68">
        <v>1094</v>
      </c>
      <c r="AI7" s="69">
        <v>1596</v>
      </c>
      <c r="AJ7" s="66">
        <v>349</v>
      </c>
      <c r="AK7" s="67">
        <v>355</v>
      </c>
      <c r="AL7" s="68">
        <v>704</v>
      </c>
      <c r="AM7" s="243"/>
      <c r="AN7" s="67">
        <v>470</v>
      </c>
      <c r="AO7" s="67">
        <v>417</v>
      </c>
      <c r="AP7" s="67">
        <v>272</v>
      </c>
      <c r="AQ7" s="67">
        <v>248</v>
      </c>
      <c r="AR7" s="67">
        <v>195</v>
      </c>
      <c r="AS7" s="68">
        <v>1602</v>
      </c>
      <c r="AT7" s="69">
        <v>2306</v>
      </c>
      <c r="AU7" s="66">
        <v>734</v>
      </c>
      <c r="AV7" s="67">
        <v>682</v>
      </c>
      <c r="AW7" s="68">
        <v>1416</v>
      </c>
      <c r="AX7" s="243"/>
      <c r="AY7" s="67">
        <v>968</v>
      </c>
      <c r="AZ7" s="67">
        <v>801</v>
      </c>
      <c r="BA7" s="67">
        <v>500</v>
      </c>
      <c r="BB7" s="67">
        <v>388</v>
      </c>
      <c r="BC7" s="67">
        <v>268</v>
      </c>
      <c r="BD7" s="68">
        <v>2925</v>
      </c>
      <c r="BE7" s="69">
        <v>4341</v>
      </c>
      <c r="BF7" s="66">
        <v>1006</v>
      </c>
      <c r="BG7" s="67">
        <v>865</v>
      </c>
      <c r="BH7" s="68">
        <v>1871</v>
      </c>
      <c r="BI7" s="243"/>
      <c r="BJ7" s="67">
        <v>1229</v>
      </c>
      <c r="BK7" s="67">
        <v>1007</v>
      </c>
      <c r="BL7" s="67">
        <v>642</v>
      </c>
      <c r="BM7" s="67">
        <v>536</v>
      </c>
      <c r="BN7" s="67">
        <v>306</v>
      </c>
      <c r="BO7" s="68">
        <v>3720</v>
      </c>
      <c r="BP7" s="69">
        <v>5591</v>
      </c>
      <c r="BQ7" s="66">
        <v>802</v>
      </c>
      <c r="BR7" s="67">
        <v>700</v>
      </c>
      <c r="BS7" s="68">
        <v>1502</v>
      </c>
      <c r="BT7" s="243"/>
      <c r="BU7" s="67">
        <v>1148</v>
      </c>
      <c r="BV7" s="67">
        <v>1125</v>
      </c>
      <c r="BW7" s="67">
        <v>688</v>
      </c>
      <c r="BX7" s="67">
        <v>619</v>
      </c>
      <c r="BY7" s="67">
        <v>349</v>
      </c>
      <c r="BZ7" s="68">
        <v>3929</v>
      </c>
      <c r="CA7" s="69">
        <v>5431</v>
      </c>
      <c r="CB7" s="66">
        <v>0</v>
      </c>
      <c r="CC7" s="67">
        <v>0</v>
      </c>
      <c r="CD7" s="68">
        <v>0</v>
      </c>
      <c r="CE7" s="243"/>
      <c r="CF7" s="67">
        <v>0</v>
      </c>
      <c r="CG7" s="67">
        <v>0</v>
      </c>
      <c r="CH7" s="67">
        <v>0</v>
      </c>
      <c r="CI7" s="67">
        <v>0</v>
      </c>
      <c r="CJ7" s="67">
        <v>0</v>
      </c>
      <c r="CK7" s="68">
        <v>0</v>
      </c>
      <c r="CL7" s="69">
        <v>0</v>
      </c>
      <c r="CM7" s="66">
        <v>3228</v>
      </c>
      <c r="CN7" s="67">
        <v>2983</v>
      </c>
      <c r="CO7" s="68">
        <v>6211</v>
      </c>
      <c r="CP7" s="243"/>
      <c r="CQ7" s="67">
        <v>4215</v>
      </c>
      <c r="CR7" s="67">
        <v>3772</v>
      </c>
      <c r="CS7" s="67">
        <v>2368</v>
      </c>
      <c r="CT7" s="67">
        <v>2022</v>
      </c>
      <c r="CU7" s="67">
        <v>1331</v>
      </c>
      <c r="CV7" s="68">
        <v>13708</v>
      </c>
      <c r="CW7" s="69">
        <v>19919</v>
      </c>
      <c r="CX7" s="122">
        <v>1195</v>
      </c>
      <c r="CY7" s="78">
        <v>1331</v>
      </c>
      <c r="CZ7" s="79">
        <v>2526</v>
      </c>
      <c r="DA7" s="240"/>
      <c r="DB7" s="78">
        <v>1750</v>
      </c>
      <c r="DC7" s="78">
        <v>1607</v>
      </c>
      <c r="DD7" s="78">
        <v>1082</v>
      </c>
      <c r="DE7" s="78">
        <v>1122</v>
      </c>
      <c r="DF7" s="78">
        <v>763</v>
      </c>
      <c r="DG7" s="80">
        <v>6324</v>
      </c>
      <c r="DH7" s="81">
        <v>8850</v>
      </c>
      <c r="DI7" s="66">
        <v>32</v>
      </c>
      <c r="DJ7" s="67">
        <v>31</v>
      </c>
      <c r="DK7" s="68">
        <v>63</v>
      </c>
      <c r="DL7" s="243"/>
      <c r="DM7" s="67">
        <v>28</v>
      </c>
      <c r="DN7" s="67">
        <v>34</v>
      </c>
      <c r="DO7" s="67">
        <v>23</v>
      </c>
      <c r="DP7" s="67">
        <v>13</v>
      </c>
      <c r="DQ7" s="67">
        <v>11</v>
      </c>
      <c r="DR7" s="68">
        <v>109</v>
      </c>
      <c r="DS7" s="69">
        <v>172</v>
      </c>
      <c r="DT7" s="66">
        <v>91</v>
      </c>
      <c r="DU7" s="67">
        <v>84</v>
      </c>
      <c r="DV7" s="68">
        <v>175</v>
      </c>
      <c r="DW7" s="243"/>
      <c r="DX7" s="67">
        <v>94</v>
      </c>
      <c r="DY7" s="67">
        <v>90</v>
      </c>
      <c r="DZ7" s="67">
        <v>46</v>
      </c>
      <c r="EA7" s="67">
        <v>49</v>
      </c>
      <c r="EB7" s="67">
        <v>23</v>
      </c>
      <c r="EC7" s="68">
        <v>302</v>
      </c>
      <c r="ED7" s="69">
        <v>477</v>
      </c>
      <c r="EE7" s="66">
        <v>187</v>
      </c>
      <c r="EF7" s="67">
        <v>185</v>
      </c>
      <c r="EG7" s="68">
        <v>372</v>
      </c>
      <c r="EH7" s="243"/>
      <c r="EI7" s="67">
        <v>188</v>
      </c>
      <c r="EJ7" s="67">
        <v>163</v>
      </c>
      <c r="EK7" s="67">
        <v>105</v>
      </c>
      <c r="EL7" s="67">
        <v>75</v>
      </c>
      <c r="EM7" s="67">
        <v>66</v>
      </c>
      <c r="EN7" s="68">
        <v>597</v>
      </c>
      <c r="EO7" s="69">
        <v>969</v>
      </c>
      <c r="EP7" s="66">
        <v>325</v>
      </c>
      <c r="EQ7" s="67">
        <v>323</v>
      </c>
      <c r="ER7" s="68">
        <v>648</v>
      </c>
      <c r="ES7" s="243"/>
      <c r="ET7" s="67">
        <v>376</v>
      </c>
      <c r="EU7" s="67">
        <v>275</v>
      </c>
      <c r="EV7" s="67">
        <v>140</v>
      </c>
      <c r="EW7" s="67">
        <v>137</v>
      </c>
      <c r="EX7" s="67">
        <v>104</v>
      </c>
      <c r="EY7" s="68">
        <v>1032</v>
      </c>
      <c r="EZ7" s="69">
        <v>1680</v>
      </c>
      <c r="FA7" s="66">
        <v>335</v>
      </c>
      <c r="FB7" s="67">
        <v>399</v>
      </c>
      <c r="FC7" s="68">
        <v>734</v>
      </c>
      <c r="FD7" s="243"/>
      <c r="FE7" s="67">
        <v>520</v>
      </c>
      <c r="FF7" s="67">
        <v>473</v>
      </c>
      <c r="FG7" s="67">
        <v>296</v>
      </c>
      <c r="FH7" s="67">
        <v>268</v>
      </c>
      <c r="FI7" s="67">
        <v>185</v>
      </c>
      <c r="FJ7" s="68">
        <v>1742</v>
      </c>
      <c r="FK7" s="69">
        <v>2476</v>
      </c>
      <c r="FL7" s="66">
        <v>225</v>
      </c>
      <c r="FM7" s="67">
        <v>309</v>
      </c>
      <c r="FN7" s="68">
        <v>534</v>
      </c>
      <c r="FO7" s="243"/>
      <c r="FP7" s="67">
        <v>544</v>
      </c>
      <c r="FQ7" s="67">
        <v>572</v>
      </c>
      <c r="FR7" s="67">
        <v>472</v>
      </c>
      <c r="FS7" s="67">
        <v>580</v>
      </c>
      <c r="FT7" s="67">
        <v>374</v>
      </c>
      <c r="FU7" s="68">
        <v>2542</v>
      </c>
      <c r="FV7" s="69">
        <v>3076</v>
      </c>
      <c r="FW7" s="66">
        <v>0</v>
      </c>
      <c r="FX7" s="67">
        <v>0</v>
      </c>
      <c r="FY7" s="68">
        <v>0</v>
      </c>
      <c r="FZ7" s="243"/>
      <c r="GA7" s="67">
        <v>0</v>
      </c>
      <c r="GB7" s="67">
        <v>0</v>
      </c>
      <c r="GC7" s="67">
        <v>0</v>
      </c>
      <c r="GD7" s="67">
        <v>0</v>
      </c>
      <c r="GE7" s="67">
        <v>0</v>
      </c>
      <c r="GF7" s="68">
        <v>0</v>
      </c>
      <c r="GG7" s="69">
        <v>0</v>
      </c>
      <c r="GH7" s="66">
        <v>1195</v>
      </c>
      <c r="GI7" s="67">
        <v>1331</v>
      </c>
      <c r="GJ7" s="68">
        <v>2526</v>
      </c>
      <c r="GK7" s="243"/>
      <c r="GL7" s="67">
        <v>1750</v>
      </c>
      <c r="GM7" s="67">
        <v>1607</v>
      </c>
      <c r="GN7" s="67">
        <v>1082</v>
      </c>
      <c r="GO7" s="67">
        <v>1122</v>
      </c>
      <c r="GP7" s="67">
        <v>763</v>
      </c>
      <c r="GQ7" s="68">
        <v>6324</v>
      </c>
      <c r="GR7" s="69">
        <v>8850</v>
      </c>
      <c r="GS7" s="122">
        <v>4423</v>
      </c>
      <c r="GT7" s="78">
        <v>4314</v>
      </c>
      <c r="GU7" s="79">
        <v>8737</v>
      </c>
      <c r="GV7" s="240"/>
      <c r="GW7" s="78">
        <v>5965</v>
      </c>
      <c r="GX7" s="78">
        <v>5379</v>
      </c>
      <c r="GY7" s="78">
        <v>3450</v>
      </c>
      <c r="GZ7" s="78">
        <v>3144</v>
      </c>
      <c r="HA7" s="78">
        <v>2094</v>
      </c>
      <c r="HB7" s="80">
        <v>20032</v>
      </c>
      <c r="HC7" s="81">
        <v>28769</v>
      </c>
      <c r="HD7" s="66">
        <v>127</v>
      </c>
      <c r="HE7" s="67">
        <v>152</v>
      </c>
      <c r="HF7" s="68">
        <v>279</v>
      </c>
      <c r="HG7" s="243"/>
      <c r="HH7" s="67">
        <v>127</v>
      </c>
      <c r="HI7" s="67">
        <v>163</v>
      </c>
      <c r="HJ7" s="67">
        <v>89</v>
      </c>
      <c r="HK7" s="67">
        <v>86</v>
      </c>
      <c r="HL7" s="67">
        <v>82</v>
      </c>
      <c r="HM7" s="68">
        <v>547</v>
      </c>
      <c r="HN7" s="69">
        <v>826</v>
      </c>
      <c r="HO7" s="66">
        <v>333</v>
      </c>
      <c r="HP7" s="67">
        <v>344</v>
      </c>
      <c r="HQ7" s="68">
        <v>677</v>
      </c>
      <c r="HR7" s="243"/>
      <c r="HS7" s="67">
        <v>395</v>
      </c>
      <c r="HT7" s="67">
        <v>383</v>
      </c>
      <c r="HU7" s="67">
        <v>246</v>
      </c>
      <c r="HV7" s="67">
        <v>207</v>
      </c>
      <c r="HW7" s="67">
        <v>165</v>
      </c>
      <c r="HX7" s="68">
        <v>1396</v>
      </c>
      <c r="HY7" s="69">
        <v>2073</v>
      </c>
      <c r="HZ7" s="66">
        <v>536</v>
      </c>
      <c r="IA7" s="67">
        <v>540</v>
      </c>
      <c r="IB7" s="68">
        <v>1076</v>
      </c>
      <c r="IC7" s="243"/>
      <c r="ID7" s="67">
        <v>658</v>
      </c>
      <c r="IE7" s="67">
        <v>580</v>
      </c>
      <c r="IF7" s="67">
        <v>377</v>
      </c>
      <c r="IG7" s="67">
        <v>323</v>
      </c>
      <c r="IH7" s="67">
        <v>261</v>
      </c>
      <c r="II7" s="68">
        <v>2199</v>
      </c>
      <c r="IJ7" s="69">
        <v>3275</v>
      </c>
      <c r="IK7" s="66">
        <v>1059</v>
      </c>
      <c r="IL7" s="67">
        <v>1005</v>
      </c>
      <c r="IM7" s="68">
        <v>2064</v>
      </c>
      <c r="IN7" s="243"/>
      <c r="IO7" s="67">
        <v>1344</v>
      </c>
      <c r="IP7" s="67">
        <v>1076</v>
      </c>
      <c r="IQ7" s="67">
        <v>640</v>
      </c>
      <c r="IR7" s="67">
        <v>525</v>
      </c>
      <c r="IS7" s="67">
        <v>372</v>
      </c>
      <c r="IT7" s="68">
        <v>3957</v>
      </c>
      <c r="IU7" s="69">
        <v>6021</v>
      </c>
      <c r="IV7" s="66">
        <v>1341</v>
      </c>
      <c r="IW7" s="67">
        <v>1264</v>
      </c>
      <c r="IX7" s="68">
        <v>2605</v>
      </c>
      <c r="IY7" s="243"/>
      <c r="IZ7" s="67">
        <v>1749</v>
      </c>
      <c r="JA7" s="67">
        <v>1480</v>
      </c>
      <c r="JB7" s="67">
        <v>938</v>
      </c>
      <c r="JC7" s="67">
        <v>804</v>
      </c>
      <c r="JD7" s="67">
        <v>491</v>
      </c>
      <c r="JE7" s="68">
        <v>5462</v>
      </c>
      <c r="JF7" s="69">
        <v>8067</v>
      </c>
      <c r="JG7" s="66">
        <v>1027</v>
      </c>
      <c r="JH7" s="67">
        <v>1009</v>
      </c>
      <c r="JI7" s="68">
        <v>2036</v>
      </c>
      <c r="JJ7" s="243"/>
      <c r="JK7" s="67">
        <v>1692</v>
      </c>
      <c r="JL7" s="67">
        <v>1697</v>
      </c>
      <c r="JM7" s="67">
        <v>1160</v>
      </c>
      <c r="JN7" s="67">
        <v>1199</v>
      </c>
      <c r="JO7" s="67">
        <v>723</v>
      </c>
      <c r="JP7" s="68">
        <v>6471</v>
      </c>
      <c r="JQ7" s="69">
        <v>8507</v>
      </c>
      <c r="JR7" s="66">
        <v>0</v>
      </c>
      <c r="JS7" s="67">
        <v>0</v>
      </c>
      <c r="JT7" s="68">
        <v>0</v>
      </c>
      <c r="JU7" s="243"/>
      <c r="JV7" s="67">
        <v>0</v>
      </c>
      <c r="JW7" s="67">
        <v>0</v>
      </c>
      <c r="JX7" s="67">
        <v>0</v>
      </c>
      <c r="JY7" s="67">
        <v>0</v>
      </c>
      <c r="JZ7" s="67">
        <v>0</v>
      </c>
      <c r="KA7" s="68">
        <v>0</v>
      </c>
      <c r="KB7" s="69">
        <v>0</v>
      </c>
      <c r="KC7" s="66">
        <v>4423</v>
      </c>
      <c r="KD7" s="67">
        <v>4314</v>
      </c>
      <c r="KE7" s="68">
        <v>8737</v>
      </c>
      <c r="KF7" s="243"/>
      <c r="KG7" s="67">
        <v>5965</v>
      </c>
      <c r="KH7" s="67">
        <v>5379</v>
      </c>
      <c r="KI7" s="67">
        <v>3450</v>
      </c>
      <c r="KJ7" s="67">
        <v>3144</v>
      </c>
      <c r="KK7" s="67">
        <v>2094</v>
      </c>
      <c r="KL7" s="68">
        <v>20032</v>
      </c>
      <c r="KM7" s="69">
        <v>28769</v>
      </c>
    </row>
    <row r="8" spans="2:299" ht="19.5" customHeight="1" x14ac:dyDescent="0.2">
      <c r="B8" s="126" t="s">
        <v>5</v>
      </c>
      <c r="C8" s="316">
        <v>1418</v>
      </c>
      <c r="D8" s="82">
        <v>1549</v>
      </c>
      <c r="E8" s="83">
        <v>2967</v>
      </c>
      <c r="F8" s="241"/>
      <c r="G8" s="82">
        <v>1557</v>
      </c>
      <c r="H8" s="82">
        <v>1851</v>
      </c>
      <c r="I8" s="82">
        <v>1080</v>
      </c>
      <c r="J8" s="82">
        <v>874</v>
      </c>
      <c r="K8" s="82">
        <v>579</v>
      </c>
      <c r="L8" s="84">
        <v>5941</v>
      </c>
      <c r="M8" s="85">
        <v>8908</v>
      </c>
      <c r="N8" s="70">
        <v>40</v>
      </c>
      <c r="O8" s="71">
        <v>59</v>
      </c>
      <c r="P8" s="72">
        <v>99</v>
      </c>
      <c r="Q8" s="244"/>
      <c r="R8" s="71">
        <v>28</v>
      </c>
      <c r="S8" s="71">
        <v>64</v>
      </c>
      <c r="T8" s="71">
        <v>31</v>
      </c>
      <c r="U8" s="71">
        <v>30</v>
      </c>
      <c r="V8" s="71">
        <v>29</v>
      </c>
      <c r="W8" s="72">
        <v>182</v>
      </c>
      <c r="X8" s="73">
        <v>281</v>
      </c>
      <c r="Y8" s="70">
        <v>88</v>
      </c>
      <c r="Z8" s="71">
        <v>137</v>
      </c>
      <c r="AA8" s="72">
        <v>225</v>
      </c>
      <c r="AB8" s="244"/>
      <c r="AC8" s="71">
        <v>84</v>
      </c>
      <c r="AD8" s="71">
        <v>120</v>
      </c>
      <c r="AE8" s="71">
        <v>86</v>
      </c>
      <c r="AF8" s="71">
        <v>73</v>
      </c>
      <c r="AG8" s="71">
        <v>62</v>
      </c>
      <c r="AH8" s="72">
        <v>425</v>
      </c>
      <c r="AI8" s="73">
        <v>650</v>
      </c>
      <c r="AJ8" s="70">
        <v>150</v>
      </c>
      <c r="AK8" s="71">
        <v>184</v>
      </c>
      <c r="AL8" s="72">
        <v>334</v>
      </c>
      <c r="AM8" s="244"/>
      <c r="AN8" s="71">
        <v>172</v>
      </c>
      <c r="AO8" s="71">
        <v>175</v>
      </c>
      <c r="AP8" s="71">
        <v>110</v>
      </c>
      <c r="AQ8" s="71">
        <v>101</v>
      </c>
      <c r="AR8" s="71">
        <v>80</v>
      </c>
      <c r="AS8" s="72">
        <v>638</v>
      </c>
      <c r="AT8" s="73">
        <v>972</v>
      </c>
      <c r="AU8" s="70">
        <v>342</v>
      </c>
      <c r="AV8" s="71">
        <v>356</v>
      </c>
      <c r="AW8" s="72">
        <v>698</v>
      </c>
      <c r="AX8" s="244"/>
      <c r="AY8" s="71">
        <v>335</v>
      </c>
      <c r="AZ8" s="71">
        <v>389</v>
      </c>
      <c r="BA8" s="71">
        <v>226</v>
      </c>
      <c r="BB8" s="71">
        <v>172</v>
      </c>
      <c r="BC8" s="71">
        <v>114</v>
      </c>
      <c r="BD8" s="72">
        <v>1236</v>
      </c>
      <c r="BE8" s="73">
        <v>1934</v>
      </c>
      <c r="BF8" s="70">
        <v>438</v>
      </c>
      <c r="BG8" s="71">
        <v>458</v>
      </c>
      <c r="BH8" s="72">
        <v>896</v>
      </c>
      <c r="BI8" s="244"/>
      <c r="BJ8" s="71">
        <v>489</v>
      </c>
      <c r="BK8" s="71">
        <v>511</v>
      </c>
      <c r="BL8" s="71">
        <v>297</v>
      </c>
      <c r="BM8" s="71">
        <v>220</v>
      </c>
      <c r="BN8" s="71">
        <v>130</v>
      </c>
      <c r="BO8" s="72">
        <v>1647</v>
      </c>
      <c r="BP8" s="73">
        <v>2543</v>
      </c>
      <c r="BQ8" s="70">
        <v>360</v>
      </c>
      <c r="BR8" s="71">
        <v>355</v>
      </c>
      <c r="BS8" s="72">
        <v>715</v>
      </c>
      <c r="BT8" s="244"/>
      <c r="BU8" s="71">
        <v>449</v>
      </c>
      <c r="BV8" s="71">
        <v>592</v>
      </c>
      <c r="BW8" s="71">
        <v>330</v>
      </c>
      <c r="BX8" s="71">
        <v>278</v>
      </c>
      <c r="BY8" s="71">
        <v>164</v>
      </c>
      <c r="BZ8" s="72">
        <v>1813</v>
      </c>
      <c r="CA8" s="73">
        <v>2528</v>
      </c>
      <c r="CB8" s="70">
        <v>0</v>
      </c>
      <c r="CC8" s="71">
        <v>0</v>
      </c>
      <c r="CD8" s="72">
        <v>0</v>
      </c>
      <c r="CE8" s="244"/>
      <c r="CF8" s="71">
        <v>0</v>
      </c>
      <c r="CG8" s="71">
        <v>0</v>
      </c>
      <c r="CH8" s="71">
        <v>0</v>
      </c>
      <c r="CI8" s="71">
        <v>0</v>
      </c>
      <c r="CJ8" s="71">
        <v>0</v>
      </c>
      <c r="CK8" s="72">
        <v>0</v>
      </c>
      <c r="CL8" s="73">
        <v>0</v>
      </c>
      <c r="CM8" s="70">
        <v>1418</v>
      </c>
      <c r="CN8" s="71">
        <v>1549</v>
      </c>
      <c r="CO8" s="72">
        <v>2967</v>
      </c>
      <c r="CP8" s="244"/>
      <c r="CQ8" s="71">
        <v>1557</v>
      </c>
      <c r="CR8" s="71">
        <v>1851</v>
      </c>
      <c r="CS8" s="71">
        <v>1080</v>
      </c>
      <c r="CT8" s="71">
        <v>874</v>
      </c>
      <c r="CU8" s="71">
        <v>579</v>
      </c>
      <c r="CV8" s="72">
        <v>5941</v>
      </c>
      <c r="CW8" s="73">
        <v>8908</v>
      </c>
      <c r="CX8" s="123">
        <v>470</v>
      </c>
      <c r="CY8" s="82">
        <v>631</v>
      </c>
      <c r="CZ8" s="83">
        <v>1101</v>
      </c>
      <c r="DA8" s="241"/>
      <c r="DB8" s="82">
        <v>633</v>
      </c>
      <c r="DC8" s="82">
        <v>812</v>
      </c>
      <c r="DD8" s="82">
        <v>448</v>
      </c>
      <c r="DE8" s="82">
        <v>500</v>
      </c>
      <c r="DF8" s="82">
        <v>334</v>
      </c>
      <c r="DG8" s="84">
        <v>2727</v>
      </c>
      <c r="DH8" s="85">
        <v>3828</v>
      </c>
      <c r="DI8" s="70">
        <v>14</v>
      </c>
      <c r="DJ8" s="71">
        <v>14</v>
      </c>
      <c r="DK8" s="72">
        <v>28</v>
      </c>
      <c r="DL8" s="244"/>
      <c r="DM8" s="71">
        <v>10</v>
      </c>
      <c r="DN8" s="71">
        <v>22</v>
      </c>
      <c r="DO8" s="71">
        <v>7</v>
      </c>
      <c r="DP8" s="71">
        <v>6</v>
      </c>
      <c r="DQ8" s="71">
        <v>2</v>
      </c>
      <c r="DR8" s="72">
        <v>47</v>
      </c>
      <c r="DS8" s="73">
        <v>75</v>
      </c>
      <c r="DT8" s="70">
        <v>34</v>
      </c>
      <c r="DU8" s="71">
        <v>43</v>
      </c>
      <c r="DV8" s="72">
        <v>77</v>
      </c>
      <c r="DW8" s="244"/>
      <c r="DX8" s="71">
        <v>30</v>
      </c>
      <c r="DY8" s="71">
        <v>39</v>
      </c>
      <c r="DZ8" s="71">
        <v>16</v>
      </c>
      <c r="EA8" s="71">
        <v>26</v>
      </c>
      <c r="EB8" s="71">
        <v>13</v>
      </c>
      <c r="EC8" s="72">
        <v>124</v>
      </c>
      <c r="ED8" s="73">
        <v>201</v>
      </c>
      <c r="EE8" s="70">
        <v>71</v>
      </c>
      <c r="EF8" s="71">
        <v>91</v>
      </c>
      <c r="EG8" s="72">
        <v>162</v>
      </c>
      <c r="EH8" s="244"/>
      <c r="EI8" s="71">
        <v>61</v>
      </c>
      <c r="EJ8" s="71">
        <v>83</v>
      </c>
      <c r="EK8" s="71">
        <v>44</v>
      </c>
      <c r="EL8" s="71">
        <v>32</v>
      </c>
      <c r="EM8" s="71">
        <v>30</v>
      </c>
      <c r="EN8" s="72">
        <v>250</v>
      </c>
      <c r="EO8" s="73">
        <v>412</v>
      </c>
      <c r="EP8" s="70">
        <v>131</v>
      </c>
      <c r="EQ8" s="71">
        <v>148</v>
      </c>
      <c r="ER8" s="72">
        <v>279</v>
      </c>
      <c r="ES8" s="244"/>
      <c r="ET8" s="71">
        <v>138</v>
      </c>
      <c r="EU8" s="71">
        <v>138</v>
      </c>
      <c r="EV8" s="71">
        <v>63</v>
      </c>
      <c r="EW8" s="71">
        <v>67</v>
      </c>
      <c r="EX8" s="71">
        <v>36</v>
      </c>
      <c r="EY8" s="72">
        <v>442</v>
      </c>
      <c r="EZ8" s="73">
        <v>721</v>
      </c>
      <c r="FA8" s="70">
        <v>134</v>
      </c>
      <c r="FB8" s="71">
        <v>190</v>
      </c>
      <c r="FC8" s="72">
        <v>324</v>
      </c>
      <c r="FD8" s="244"/>
      <c r="FE8" s="71">
        <v>195</v>
      </c>
      <c r="FF8" s="71">
        <v>255</v>
      </c>
      <c r="FG8" s="71">
        <v>120</v>
      </c>
      <c r="FH8" s="71">
        <v>136</v>
      </c>
      <c r="FI8" s="71">
        <v>95</v>
      </c>
      <c r="FJ8" s="72">
        <v>801</v>
      </c>
      <c r="FK8" s="73">
        <v>1125</v>
      </c>
      <c r="FL8" s="70">
        <v>86</v>
      </c>
      <c r="FM8" s="71">
        <v>145</v>
      </c>
      <c r="FN8" s="72">
        <v>231</v>
      </c>
      <c r="FO8" s="244"/>
      <c r="FP8" s="71">
        <v>199</v>
      </c>
      <c r="FQ8" s="71">
        <v>275</v>
      </c>
      <c r="FR8" s="71">
        <v>198</v>
      </c>
      <c r="FS8" s="71">
        <v>233</v>
      </c>
      <c r="FT8" s="71">
        <v>158</v>
      </c>
      <c r="FU8" s="72">
        <v>1063</v>
      </c>
      <c r="FV8" s="73">
        <v>1294</v>
      </c>
      <c r="FW8" s="70">
        <v>0</v>
      </c>
      <c r="FX8" s="71">
        <v>0</v>
      </c>
      <c r="FY8" s="72">
        <v>0</v>
      </c>
      <c r="FZ8" s="244"/>
      <c r="GA8" s="71">
        <v>0</v>
      </c>
      <c r="GB8" s="71">
        <v>0</v>
      </c>
      <c r="GC8" s="71">
        <v>0</v>
      </c>
      <c r="GD8" s="71">
        <v>0</v>
      </c>
      <c r="GE8" s="71">
        <v>0</v>
      </c>
      <c r="GF8" s="72">
        <v>0</v>
      </c>
      <c r="GG8" s="73">
        <v>0</v>
      </c>
      <c r="GH8" s="70">
        <v>470</v>
      </c>
      <c r="GI8" s="71">
        <v>631</v>
      </c>
      <c r="GJ8" s="72">
        <v>1101</v>
      </c>
      <c r="GK8" s="244"/>
      <c r="GL8" s="71">
        <v>633</v>
      </c>
      <c r="GM8" s="71">
        <v>812</v>
      </c>
      <c r="GN8" s="71">
        <v>448</v>
      </c>
      <c r="GO8" s="71">
        <v>500</v>
      </c>
      <c r="GP8" s="71">
        <v>334</v>
      </c>
      <c r="GQ8" s="72">
        <v>2727</v>
      </c>
      <c r="GR8" s="73">
        <v>3828</v>
      </c>
      <c r="GS8" s="123">
        <v>1888</v>
      </c>
      <c r="GT8" s="82">
        <v>2180</v>
      </c>
      <c r="GU8" s="83">
        <v>4068</v>
      </c>
      <c r="GV8" s="241"/>
      <c r="GW8" s="82">
        <v>2190</v>
      </c>
      <c r="GX8" s="82">
        <v>2663</v>
      </c>
      <c r="GY8" s="82">
        <v>1528</v>
      </c>
      <c r="GZ8" s="82">
        <v>1374</v>
      </c>
      <c r="HA8" s="82">
        <v>913</v>
      </c>
      <c r="HB8" s="84">
        <v>8668</v>
      </c>
      <c r="HC8" s="85">
        <v>12736</v>
      </c>
      <c r="HD8" s="70">
        <v>54</v>
      </c>
      <c r="HE8" s="71">
        <v>73</v>
      </c>
      <c r="HF8" s="72">
        <v>127</v>
      </c>
      <c r="HG8" s="244"/>
      <c r="HH8" s="71">
        <v>38</v>
      </c>
      <c r="HI8" s="71">
        <v>86</v>
      </c>
      <c r="HJ8" s="71">
        <v>38</v>
      </c>
      <c r="HK8" s="71">
        <v>36</v>
      </c>
      <c r="HL8" s="71">
        <v>31</v>
      </c>
      <c r="HM8" s="72">
        <v>229</v>
      </c>
      <c r="HN8" s="73">
        <v>356</v>
      </c>
      <c r="HO8" s="70">
        <v>122</v>
      </c>
      <c r="HP8" s="71">
        <v>180</v>
      </c>
      <c r="HQ8" s="72">
        <v>302</v>
      </c>
      <c r="HR8" s="244"/>
      <c r="HS8" s="71">
        <v>114</v>
      </c>
      <c r="HT8" s="71">
        <v>159</v>
      </c>
      <c r="HU8" s="71">
        <v>102</v>
      </c>
      <c r="HV8" s="71">
        <v>99</v>
      </c>
      <c r="HW8" s="71">
        <v>75</v>
      </c>
      <c r="HX8" s="72">
        <v>549</v>
      </c>
      <c r="HY8" s="73">
        <v>851</v>
      </c>
      <c r="HZ8" s="70">
        <v>221</v>
      </c>
      <c r="IA8" s="71">
        <v>275</v>
      </c>
      <c r="IB8" s="72">
        <v>496</v>
      </c>
      <c r="IC8" s="244"/>
      <c r="ID8" s="71">
        <v>233</v>
      </c>
      <c r="IE8" s="71">
        <v>258</v>
      </c>
      <c r="IF8" s="71">
        <v>154</v>
      </c>
      <c r="IG8" s="71">
        <v>133</v>
      </c>
      <c r="IH8" s="71">
        <v>110</v>
      </c>
      <c r="II8" s="72">
        <v>888</v>
      </c>
      <c r="IJ8" s="73">
        <v>1384</v>
      </c>
      <c r="IK8" s="70">
        <v>473</v>
      </c>
      <c r="IL8" s="71">
        <v>504</v>
      </c>
      <c r="IM8" s="72">
        <v>977</v>
      </c>
      <c r="IN8" s="244"/>
      <c r="IO8" s="71">
        <v>473</v>
      </c>
      <c r="IP8" s="71">
        <v>527</v>
      </c>
      <c r="IQ8" s="71">
        <v>289</v>
      </c>
      <c r="IR8" s="71">
        <v>239</v>
      </c>
      <c r="IS8" s="71">
        <v>150</v>
      </c>
      <c r="IT8" s="72">
        <v>1678</v>
      </c>
      <c r="IU8" s="73">
        <v>2655</v>
      </c>
      <c r="IV8" s="70">
        <v>572</v>
      </c>
      <c r="IW8" s="71">
        <v>648</v>
      </c>
      <c r="IX8" s="72">
        <v>1220</v>
      </c>
      <c r="IY8" s="244"/>
      <c r="IZ8" s="71">
        <v>684</v>
      </c>
      <c r="JA8" s="71">
        <v>766</v>
      </c>
      <c r="JB8" s="71">
        <v>417</v>
      </c>
      <c r="JC8" s="71">
        <v>356</v>
      </c>
      <c r="JD8" s="71">
        <v>225</v>
      </c>
      <c r="JE8" s="72">
        <v>2448</v>
      </c>
      <c r="JF8" s="73">
        <v>3668</v>
      </c>
      <c r="JG8" s="70">
        <v>446</v>
      </c>
      <c r="JH8" s="71">
        <v>500</v>
      </c>
      <c r="JI8" s="72">
        <v>946</v>
      </c>
      <c r="JJ8" s="244"/>
      <c r="JK8" s="71">
        <v>648</v>
      </c>
      <c r="JL8" s="71">
        <v>867</v>
      </c>
      <c r="JM8" s="71">
        <v>528</v>
      </c>
      <c r="JN8" s="71">
        <v>511</v>
      </c>
      <c r="JO8" s="71">
        <v>322</v>
      </c>
      <c r="JP8" s="72">
        <v>2876</v>
      </c>
      <c r="JQ8" s="73">
        <v>3822</v>
      </c>
      <c r="JR8" s="70">
        <v>0</v>
      </c>
      <c r="JS8" s="71">
        <v>0</v>
      </c>
      <c r="JT8" s="72">
        <v>0</v>
      </c>
      <c r="JU8" s="244"/>
      <c r="JV8" s="71">
        <v>0</v>
      </c>
      <c r="JW8" s="71">
        <v>0</v>
      </c>
      <c r="JX8" s="71">
        <v>0</v>
      </c>
      <c r="JY8" s="71">
        <v>0</v>
      </c>
      <c r="JZ8" s="71">
        <v>0</v>
      </c>
      <c r="KA8" s="72">
        <v>0</v>
      </c>
      <c r="KB8" s="73">
        <v>0</v>
      </c>
      <c r="KC8" s="70">
        <v>1888</v>
      </c>
      <c r="KD8" s="71">
        <v>2180</v>
      </c>
      <c r="KE8" s="72">
        <v>4068</v>
      </c>
      <c r="KF8" s="244"/>
      <c r="KG8" s="71">
        <v>2190</v>
      </c>
      <c r="KH8" s="71">
        <v>2663</v>
      </c>
      <c r="KI8" s="71">
        <v>1528</v>
      </c>
      <c r="KJ8" s="71">
        <v>1374</v>
      </c>
      <c r="KK8" s="71">
        <v>913</v>
      </c>
      <c r="KL8" s="72">
        <v>8668</v>
      </c>
      <c r="KM8" s="73">
        <v>12736</v>
      </c>
    </row>
    <row r="9" spans="2:299" ht="19.5" customHeight="1" x14ac:dyDescent="0.2">
      <c r="B9" s="126" t="s">
        <v>6</v>
      </c>
      <c r="C9" s="316">
        <v>435</v>
      </c>
      <c r="D9" s="82">
        <v>359</v>
      </c>
      <c r="E9" s="83">
        <v>794</v>
      </c>
      <c r="F9" s="241"/>
      <c r="G9" s="82">
        <v>748</v>
      </c>
      <c r="H9" s="82">
        <v>512</v>
      </c>
      <c r="I9" s="82">
        <v>356</v>
      </c>
      <c r="J9" s="82">
        <v>344</v>
      </c>
      <c r="K9" s="82">
        <v>216</v>
      </c>
      <c r="L9" s="84">
        <v>2176</v>
      </c>
      <c r="M9" s="85">
        <v>2970</v>
      </c>
      <c r="N9" s="70">
        <v>9</v>
      </c>
      <c r="O9" s="71">
        <v>21</v>
      </c>
      <c r="P9" s="72">
        <v>30</v>
      </c>
      <c r="Q9" s="244"/>
      <c r="R9" s="71">
        <v>20</v>
      </c>
      <c r="S9" s="71">
        <v>17</v>
      </c>
      <c r="T9" s="71">
        <v>8</v>
      </c>
      <c r="U9" s="71">
        <v>16</v>
      </c>
      <c r="V9" s="71">
        <v>11</v>
      </c>
      <c r="W9" s="72">
        <v>72</v>
      </c>
      <c r="X9" s="73">
        <v>102</v>
      </c>
      <c r="Y9" s="70">
        <v>39</v>
      </c>
      <c r="Z9" s="71">
        <v>29</v>
      </c>
      <c r="AA9" s="72">
        <v>68</v>
      </c>
      <c r="AB9" s="244"/>
      <c r="AC9" s="71">
        <v>60</v>
      </c>
      <c r="AD9" s="71">
        <v>42</v>
      </c>
      <c r="AE9" s="71">
        <v>30</v>
      </c>
      <c r="AF9" s="71">
        <v>26</v>
      </c>
      <c r="AG9" s="71">
        <v>22</v>
      </c>
      <c r="AH9" s="72">
        <v>180</v>
      </c>
      <c r="AI9" s="73">
        <v>248</v>
      </c>
      <c r="AJ9" s="70">
        <v>47</v>
      </c>
      <c r="AK9" s="71">
        <v>51</v>
      </c>
      <c r="AL9" s="72">
        <v>98</v>
      </c>
      <c r="AM9" s="244"/>
      <c r="AN9" s="71">
        <v>86</v>
      </c>
      <c r="AO9" s="71">
        <v>60</v>
      </c>
      <c r="AP9" s="71">
        <v>51</v>
      </c>
      <c r="AQ9" s="71">
        <v>37</v>
      </c>
      <c r="AR9" s="71">
        <v>40</v>
      </c>
      <c r="AS9" s="72">
        <v>274</v>
      </c>
      <c r="AT9" s="73">
        <v>372</v>
      </c>
      <c r="AU9" s="70">
        <v>91</v>
      </c>
      <c r="AV9" s="71">
        <v>74</v>
      </c>
      <c r="AW9" s="72">
        <v>165</v>
      </c>
      <c r="AX9" s="244"/>
      <c r="AY9" s="71">
        <v>167</v>
      </c>
      <c r="AZ9" s="71">
        <v>99</v>
      </c>
      <c r="BA9" s="71">
        <v>68</v>
      </c>
      <c r="BB9" s="71">
        <v>68</v>
      </c>
      <c r="BC9" s="71">
        <v>32</v>
      </c>
      <c r="BD9" s="72">
        <v>434</v>
      </c>
      <c r="BE9" s="73">
        <v>599</v>
      </c>
      <c r="BF9" s="70">
        <v>136</v>
      </c>
      <c r="BG9" s="71">
        <v>102</v>
      </c>
      <c r="BH9" s="72">
        <v>238</v>
      </c>
      <c r="BI9" s="244"/>
      <c r="BJ9" s="71">
        <v>208</v>
      </c>
      <c r="BK9" s="71">
        <v>133</v>
      </c>
      <c r="BL9" s="71">
        <v>98</v>
      </c>
      <c r="BM9" s="71">
        <v>98</v>
      </c>
      <c r="BN9" s="71">
        <v>55</v>
      </c>
      <c r="BO9" s="72">
        <v>592</v>
      </c>
      <c r="BP9" s="73">
        <v>830</v>
      </c>
      <c r="BQ9" s="70">
        <v>113</v>
      </c>
      <c r="BR9" s="71">
        <v>82</v>
      </c>
      <c r="BS9" s="72">
        <v>195</v>
      </c>
      <c r="BT9" s="244"/>
      <c r="BU9" s="71">
        <v>207</v>
      </c>
      <c r="BV9" s="71">
        <v>161</v>
      </c>
      <c r="BW9" s="71">
        <v>101</v>
      </c>
      <c r="BX9" s="71">
        <v>99</v>
      </c>
      <c r="BY9" s="71">
        <v>56</v>
      </c>
      <c r="BZ9" s="72">
        <v>624</v>
      </c>
      <c r="CA9" s="73">
        <v>819</v>
      </c>
      <c r="CB9" s="70">
        <v>0</v>
      </c>
      <c r="CC9" s="71">
        <v>0</v>
      </c>
      <c r="CD9" s="72">
        <v>0</v>
      </c>
      <c r="CE9" s="244"/>
      <c r="CF9" s="71">
        <v>0</v>
      </c>
      <c r="CG9" s="71">
        <v>0</v>
      </c>
      <c r="CH9" s="71">
        <v>0</v>
      </c>
      <c r="CI9" s="71">
        <v>0</v>
      </c>
      <c r="CJ9" s="71">
        <v>0</v>
      </c>
      <c r="CK9" s="72">
        <v>0</v>
      </c>
      <c r="CL9" s="73">
        <v>0</v>
      </c>
      <c r="CM9" s="70">
        <v>435</v>
      </c>
      <c r="CN9" s="71">
        <v>359</v>
      </c>
      <c r="CO9" s="72">
        <v>794</v>
      </c>
      <c r="CP9" s="244"/>
      <c r="CQ9" s="71">
        <v>748</v>
      </c>
      <c r="CR9" s="71">
        <v>512</v>
      </c>
      <c r="CS9" s="71">
        <v>356</v>
      </c>
      <c r="CT9" s="71">
        <v>344</v>
      </c>
      <c r="CU9" s="71">
        <v>216</v>
      </c>
      <c r="CV9" s="72">
        <v>2176</v>
      </c>
      <c r="CW9" s="73">
        <v>2970</v>
      </c>
      <c r="CX9" s="123">
        <v>220</v>
      </c>
      <c r="CY9" s="82">
        <v>207</v>
      </c>
      <c r="CZ9" s="83">
        <v>427</v>
      </c>
      <c r="DA9" s="241"/>
      <c r="DB9" s="82">
        <v>387</v>
      </c>
      <c r="DC9" s="82">
        <v>249</v>
      </c>
      <c r="DD9" s="82">
        <v>204</v>
      </c>
      <c r="DE9" s="82">
        <v>195</v>
      </c>
      <c r="DF9" s="82">
        <v>135</v>
      </c>
      <c r="DG9" s="84">
        <v>1170</v>
      </c>
      <c r="DH9" s="85">
        <v>1597</v>
      </c>
      <c r="DI9" s="70">
        <v>3</v>
      </c>
      <c r="DJ9" s="71">
        <v>5</v>
      </c>
      <c r="DK9" s="72">
        <v>8</v>
      </c>
      <c r="DL9" s="244"/>
      <c r="DM9" s="71">
        <v>5</v>
      </c>
      <c r="DN9" s="71">
        <v>7</v>
      </c>
      <c r="DO9" s="71">
        <v>3</v>
      </c>
      <c r="DP9" s="71">
        <v>3</v>
      </c>
      <c r="DQ9" s="71">
        <v>2</v>
      </c>
      <c r="DR9" s="72">
        <v>20</v>
      </c>
      <c r="DS9" s="73">
        <v>28</v>
      </c>
      <c r="DT9" s="70">
        <v>9</v>
      </c>
      <c r="DU9" s="71">
        <v>12</v>
      </c>
      <c r="DV9" s="72">
        <v>21</v>
      </c>
      <c r="DW9" s="244"/>
      <c r="DX9" s="71">
        <v>26</v>
      </c>
      <c r="DY9" s="71">
        <v>14</v>
      </c>
      <c r="DZ9" s="71">
        <v>10</v>
      </c>
      <c r="EA9" s="71">
        <v>8</v>
      </c>
      <c r="EB9" s="71">
        <v>3</v>
      </c>
      <c r="EC9" s="72">
        <v>61</v>
      </c>
      <c r="ED9" s="73">
        <v>82</v>
      </c>
      <c r="EE9" s="70">
        <v>37</v>
      </c>
      <c r="EF9" s="71">
        <v>22</v>
      </c>
      <c r="EG9" s="72">
        <v>59</v>
      </c>
      <c r="EH9" s="244"/>
      <c r="EI9" s="71">
        <v>57</v>
      </c>
      <c r="EJ9" s="71">
        <v>24</v>
      </c>
      <c r="EK9" s="71">
        <v>18</v>
      </c>
      <c r="EL9" s="71">
        <v>16</v>
      </c>
      <c r="EM9" s="71">
        <v>14</v>
      </c>
      <c r="EN9" s="72">
        <v>129</v>
      </c>
      <c r="EO9" s="73">
        <v>188</v>
      </c>
      <c r="EP9" s="70">
        <v>55</v>
      </c>
      <c r="EQ9" s="71">
        <v>49</v>
      </c>
      <c r="ER9" s="72">
        <v>104</v>
      </c>
      <c r="ES9" s="244"/>
      <c r="ET9" s="71">
        <v>80</v>
      </c>
      <c r="EU9" s="71">
        <v>56</v>
      </c>
      <c r="EV9" s="71">
        <v>24</v>
      </c>
      <c r="EW9" s="71">
        <v>18</v>
      </c>
      <c r="EX9" s="71">
        <v>25</v>
      </c>
      <c r="EY9" s="72">
        <v>203</v>
      </c>
      <c r="EZ9" s="73">
        <v>307</v>
      </c>
      <c r="FA9" s="70">
        <v>73</v>
      </c>
      <c r="FB9" s="71">
        <v>68</v>
      </c>
      <c r="FC9" s="72">
        <v>141</v>
      </c>
      <c r="FD9" s="244"/>
      <c r="FE9" s="71">
        <v>102</v>
      </c>
      <c r="FF9" s="71">
        <v>67</v>
      </c>
      <c r="FG9" s="71">
        <v>62</v>
      </c>
      <c r="FH9" s="71">
        <v>39</v>
      </c>
      <c r="FI9" s="71">
        <v>30</v>
      </c>
      <c r="FJ9" s="72">
        <v>300</v>
      </c>
      <c r="FK9" s="73">
        <v>441</v>
      </c>
      <c r="FL9" s="70">
        <v>43</v>
      </c>
      <c r="FM9" s="71">
        <v>51</v>
      </c>
      <c r="FN9" s="72">
        <v>94</v>
      </c>
      <c r="FO9" s="244"/>
      <c r="FP9" s="71">
        <v>117</v>
      </c>
      <c r="FQ9" s="71">
        <v>81</v>
      </c>
      <c r="FR9" s="71">
        <v>87</v>
      </c>
      <c r="FS9" s="71">
        <v>111</v>
      </c>
      <c r="FT9" s="71">
        <v>61</v>
      </c>
      <c r="FU9" s="72">
        <v>457</v>
      </c>
      <c r="FV9" s="73">
        <v>551</v>
      </c>
      <c r="FW9" s="70">
        <v>0</v>
      </c>
      <c r="FX9" s="71">
        <v>0</v>
      </c>
      <c r="FY9" s="72">
        <v>0</v>
      </c>
      <c r="FZ9" s="244"/>
      <c r="GA9" s="71">
        <v>0</v>
      </c>
      <c r="GB9" s="71">
        <v>0</v>
      </c>
      <c r="GC9" s="71">
        <v>0</v>
      </c>
      <c r="GD9" s="71">
        <v>0</v>
      </c>
      <c r="GE9" s="71">
        <v>0</v>
      </c>
      <c r="GF9" s="72">
        <v>0</v>
      </c>
      <c r="GG9" s="73">
        <v>0</v>
      </c>
      <c r="GH9" s="70">
        <v>220</v>
      </c>
      <c r="GI9" s="71">
        <v>207</v>
      </c>
      <c r="GJ9" s="72">
        <v>427</v>
      </c>
      <c r="GK9" s="244"/>
      <c r="GL9" s="71">
        <v>387</v>
      </c>
      <c r="GM9" s="71">
        <v>249</v>
      </c>
      <c r="GN9" s="71">
        <v>204</v>
      </c>
      <c r="GO9" s="71">
        <v>195</v>
      </c>
      <c r="GP9" s="71">
        <v>135</v>
      </c>
      <c r="GQ9" s="72">
        <v>1170</v>
      </c>
      <c r="GR9" s="73">
        <v>1597</v>
      </c>
      <c r="GS9" s="123">
        <v>655</v>
      </c>
      <c r="GT9" s="82">
        <v>566</v>
      </c>
      <c r="GU9" s="83">
        <v>1221</v>
      </c>
      <c r="GV9" s="241"/>
      <c r="GW9" s="82">
        <v>1135</v>
      </c>
      <c r="GX9" s="82">
        <v>761</v>
      </c>
      <c r="GY9" s="82">
        <v>560</v>
      </c>
      <c r="GZ9" s="82">
        <v>539</v>
      </c>
      <c r="HA9" s="82">
        <v>351</v>
      </c>
      <c r="HB9" s="84">
        <v>3346</v>
      </c>
      <c r="HC9" s="85">
        <v>4567</v>
      </c>
      <c r="HD9" s="70">
        <v>12</v>
      </c>
      <c r="HE9" s="71">
        <v>26</v>
      </c>
      <c r="HF9" s="72">
        <v>38</v>
      </c>
      <c r="HG9" s="244"/>
      <c r="HH9" s="71">
        <v>25</v>
      </c>
      <c r="HI9" s="71">
        <v>24</v>
      </c>
      <c r="HJ9" s="71">
        <v>11</v>
      </c>
      <c r="HK9" s="71">
        <v>19</v>
      </c>
      <c r="HL9" s="71">
        <v>13</v>
      </c>
      <c r="HM9" s="72">
        <v>92</v>
      </c>
      <c r="HN9" s="73">
        <v>130</v>
      </c>
      <c r="HO9" s="70">
        <v>48</v>
      </c>
      <c r="HP9" s="71">
        <v>41</v>
      </c>
      <c r="HQ9" s="72">
        <v>89</v>
      </c>
      <c r="HR9" s="244"/>
      <c r="HS9" s="71">
        <v>86</v>
      </c>
      <c r="HT9" s="71">
        <v>56</v>
      </c>
      <c r="HU9" s="71">
        <v>40</v>
      </c>
      <c r="HV9" s="71">
        <v>34</v>
      </c>
      <c r="HW9" s="71">
        <v>25</v>
      </c>
      <c r="HX9" s="72">
        <v>241</v>
      </c>
      <c r="HY9" s="73">
        <v>330</v>
      </c>
      <c r="HZ9" s="70">
        <v>84</v>
      </c>
      <c r="IA9" s="71">
        <v>73</v>
      </c>
      <c r="IB9" s="72">
        <v>157</v>
      </c>
      <c r="IC9" s="244"/>
      <c r="ID9" s="71">
        <v>143</v>
      </c>
      <c r="IE9" s="71">
        <v>84</v>
      </c>
      <c r="IF9" s="71">
        <v>69</v>
      </c>
      <c r="IG9" s="71">
        <v>53</v>
      </c>
      <c r="IH9" s="71">
        <v>54</v>
      </c>
      <c r="II9" s="72">
        <v>403</v>
      </c>
      <c r="IJ9" s="73">
        <v>560</v>
      </c>
      <c r="IK9" s="70">
        <v>146</v>
      </c>
      <c r="IL9" s="71">
        <v>123</v>
      </c>
      <c r="IM9" s="72">
        <v>269</v>
      </c>
      <c r="IN9" s="244"/>
      <c r="IO9" s="71">
        <v>247</v>
      </c>
      <c r="IP9" s="71">
        <v>155</v>
      </c>
      <c r="IQ9" s="71">
        <v>92</v>
      </c>
      <c r="IR9" s="71">
        <v>86</v>
      </c>
      <c r="IS9" s="71">
        <v>57</v>
      </c>
      <c r="IT9" s="72">
        <v>637</v>
      </c>
      <c r="IU9" s="73">
        <v>906</v>
      </c>
      <c r="IV9" s="70">
        <v>209</v>
      </c>
      <c r="IW9" s="71">
        <v>170</v>
      </c>
      <c r="IX9" s="72">
        <v>379</v>
      </c>
      <c r="IY9" s="244"/>
      <c r="IZ9" s="71">
        <v>310</v>
      </c>
      <c r="JA9" s="71">
        <v>200</v>
      </c>
      <c r="JB9" s="71">
        <v>160</v>
      </c>
      <c r="JC9" s="71">
        <v>137</v>
      </c>
      <c r="JD9" s="71">
        <v>85</v>
      </c>
      <c r="JE9" s="72">
        <v>892</v>
      </c>
      <c r="JF9" s="73">
        <v>1271</v>
      </c>
      <c r="JG9" s="70">
        <v>156</v>
      </c>
      <c r="JH9" s="71">
        <v>133</v>
      </c>
      <c r="JI9" s="72">
        <v>289</v>
      </c>
      <c r="JJ9" s="244"/>
      <c r="JK9" s="71">
        <v>324</v>
      </c>
      <c r="JL9" s="71">
        <v>242</v>
      </c>
      <c r="JM9" s="71">
        <v>188</v>
      </c>
      <c r="JN9" s="71">
        <v>210</v>
      </c>
      <c r="JO9" s="71">
        <v>117</v>
      </c>
      <c r="JP9" s="72">
        <v>1081</v>
      </c>
      <c r="JQ9" s="73">
        <v>1370</v>
      </c>
      <c r="JR9" s="70">
        <v>0</v>
      </c>
      <c r="JS9" s="71">
        <v>0</v>
      </c>
      <c r="JT9" s="72">
        <v>0</v>
      </c>
      <c r="JU9" s="244"/>
      <c r="JV9" s="71">
        <v>0</v>
      </c>
      <c r="JW9" s="71">
        <v>0</v>
      </c>
      <c r="JX9" s="71">
        <v>0</v>
      </c>
      <c r="JY9" s="71">
        <v>0</v>
      </c>
      <c r="JZ9" s="71">
        <v>0</v>
      </c>
      <c r="KA9" s="72">
        <v>0</v>
      </c>
      <c r="KB9" s="73">
        <v>0</v>
      </c>
      <c r="KC9" s="70">
        <v>655</v>
      </c>
      <c r="KD9" s="71">
        <v>566</v>
      </c>
      <c r="KE9" s="72">
        <v>1221</v>
      </c>
      <c r="KF9" s="244"/>
      <c r="KG9" s="71">
        <v>1135</v>
      </c>
      <c r="KH9" s="71">
        <v>761</v>
      </c>
      <c r="KI9" s="71">
        <v>560</v>
      </c>
      <c r="KJ9" s="71">
        <v>539</v>
      </c>
      <c r="KK9" s="71">
        <v>351</v>
      </c>
      <c r="KL9" s="72">
        <v>3346</v>
      </c>
      <c r="KM9" s="73">
        <v>4567</v>
      </c>
    </row>
    <row r="10" spans="2:299" ht="19.5" customHeight="1" x14ac:dyDescent="0.2">
      <c r="B10" s="126" t="s">
        <v>14</v>
      </c>
      <c r="C10" s="316">
        <v>178</v>
      </c>
      <c r="D10" s="82">
        <v>194</v>
      </c>
      <c r="E10" s="83">
        <v>372</v>
      </c>
      <c r="F10" s="241"/>
      <c r="G10" s="82">
        <v>235</v>
      </c>
      <c r="H10" s="82">
        <v>251</v>
      </c>
      <c r="I10" s="82">
        <v>156</v>
      </c>
      <c r="J10" s="82">
        <v>130</v>
      </c>
      <c r="K10" s="82">
        <v>89</v>
      </c>
      <c r="L10" s="84">
        <v>861</v>
      </c>
      <c r="M10" s="85">
        <v>1233</v>
      </c>
      <c r="N10" s="70">
        <v>12</v>
      </c>
      <c r="O10" s="71">
        <v>5</v>
      </c>
      <c r="P10" s="72">
        <v>17</v>
      </c>
      <c r="Q10" s="244"/>
      <c r="R10" s="71">
        <v>5</v>
      </c>
      <c r="S10" s="71">
        <v>8</v>
      </c>
      <c r="T10" s="71">
        <v>6</v>
      </c>
      <c r="U10" s="71">
        <v>6</v>
      </c>
      <c r="V10" s="71">
        <v>8</v>
      </c>
      <c r="W10" s="72">
        <v>33</v>
      </c>
      <c r="X10" s="73">
        <v>50</v>
      </c>
      <c r="Y10" s="70">
        <v>13</v>
      </c>
      <c r="Z10" s="71">
        <v>22</v>
      </c>
      <c r="AA10" s="72">
        <v>35</v>
      </c>
      <c r="AB10" s="244"/>
      <c r="AC10" s="71">
        <v>15</v>
      </c>
      <c r="AD10" s="71">
        <v>24</v>
      </c>
      <c r="AE10" s="71">
        <v>17</v>
      </c>
      <c r="AF10" s="71">
        <v>14</v>
      </c>
      <c r="AG10" s="71">
        <v>8</v>
      </c>
      <c r="AH10" s="72">
        <v>78</v>
      </c>
      <c r="AI10" s="73">
        <v>113</v>
      </c>
      <c r="AJ10" s="70">
        <v>21</v>
      </c>
      <c r="AK10" s="71">
        <v>27</v>
      </c>
      <c r="AL10" s="72">
        <v>48</v>
      </c>
      <c r="AM10" s="244"/>
      <c r="AN10" s="71">
        <v>19</v>
      </c>
      <c r="AO10" s="71">
        <v>35</v>
      </c>
      <c r="AP10" s="71">
        <v>19</v>
      </c>
      <c r="AQ10" s="71">
        <v>19</v>
      </c>
      <c r="AR10" s="71">
        <v>19</v>
      </c>
      <c r="AS10" s="72">
        <v>111</v>
      </c>
      <c r="AT10" s="73">
        <v>159</v>
      </c>
      <c r="AU10" s="70">
        <v>37</v>
      </c>
      <c r="AV10" s="71">
        <v>48</v>
      </c>
      <c r="AW10" s="72">
        <v>85</v>
      </c>
      <c r="AX10" s="244"/>
      <c r="AY10" s="71">
        <v>67</v>
      </c>
      <c r="AZ10" s="71">
        <v>62</v>
      </c>
      <c r="BA10" s="71">
        <v>41</v>
      </c>
      <c r="BB10" s="71">
        <v>27</v>
      </c>
      <c r="BC10" s="71">
        <v>21</v>
      </c>
      <c r="BD10" s="72">
        <v>218</v>
      </c>
      <c r="BE10" s="73">
        <v>303</v>
      </c>
      <c r="BF10" s="70">
        <v>59</v>
      </c>
      <c r="BG10" s="71">
        <v>47</v>
      </c>
      <c r="BH10" s="72">
        <v>106</v>
      </c>
      <c r="BI10" s="244"/>
      <c r="BJ10" s="71">
        <v>67</v>
      </c>
      <c r="BK10" s="71">
        <v>67</v>
      </c>
      <c r="BL10" s="71">
        <v>45</v>
      </c>
      <c r="BM10" s="71">
        <v>35</v>
      </c>
      <c r="BN10" s="71">
        <v>14</v>
      </c>
      <c r="BO10" s="72">
        <v>228</v>
      </c>
      <c r="BP10" s="73">
        <v>334</v>
      </c>
      <c r="BQ10" s="70">
        <v>36</v>
      </c>
      <c r="BR10" s="71">
        <v>45</v>
      </c>
      <c r="BS10" s="72">
        <v>81</v>
      </c>
      <c r="BT10" s="244"/>
      <c r="BU10" s="71">
        <v>62</v>
      </c>
      <c r="BV10" s="71">
        <v>55</v>
      </c>
      <c r="BW10" s="71">
        <v>28</v>
      </c>
      <c r="BX10" s="71">
        <v>29</v>
      </c>
      <c r="BY10" s="71">
        <v>19</v>
      </c>
      <c r="BZ10" s="72">
        <v>193</v>
      </c>
      <c r="CA10" s="73">
        <v>274</v>
      </c>
      <c r="CB10" s="70">
        <v>0</v>
      </c>
      <c r="CC10" s="71">
        <v>0</v>
      </c>
      <c r="CD10" s="72">
        <v>0</v>
      </c>
      <c r="CE10" s="244"/>
      <c r="CF10" s="71">
        <v>0</v>
      </c>
      <c r="CG10" s="71">
        <v>0</v>
      </c>
      <c r="CH10" s="71">
        <v>0</v>
      </c>
      <c r="CI10" s="71">
        <v>0</v>
      </c>
      <c r="CJ10" s="71">
        <v>0</v>
      </c>
      <c r="CK10" s="72">
        <v>0</v>
      </c>
      <c r="CL10" s="73">
        <v>0</v>
      </c>
      <c r="CM10" s="70">
        <v>178</v>
      </c>
      <c r="CN10" s="71">
        <v>194</v>
      </c>
      <c r="CO10" s="72">
        <v>372</v>
      </c>
      <c r="CP10" s="244"/>
      <c r="CQ10" s="71">
        <v>235</v>
      </c>
      <c r="CR10" s="71">
        <v>251</v>
      </c>
      <c r="CS10" s="71">
        <v>156</v>
      </c>
      <c r="CT10" s="71">
        <v>130</v>
      </c>
      <c r="CU10" s="71">
        <v>89</v>
      </c>
      <c r="CV10" s="72">
        <v>861</v>
      </c>
      <c r="CW10" s="73">
        <v>1233</v>
      </c>
      <c r="CX10" s="123">
        <v>58</v>
      </c>
      <c r="CY10" s="82">
        <v>90</v>
      </c>
      <c r="CZ10" s="83">
        <v>148</v>
      </c>
      <c r="DA10" s="241"/>
      <c r="DB10" s="82">
        <v>96</v>
      </c>
      <c r="DC10" s="82">
        <v>103</v>
      </c>
      <c r="DD10" s="82">
        <v>75</v>
      </c>
      <c r="DE10" s="82">
        <v>67</v>
      </c>
      <c r="DF10" s="82">
        <v>51</v>
      </c>
      <c r="DG10" s="84">
        <v>392</v>
      </c>
      <c r="DH10" s="85">
        <v>540</v>
      </c>
      <c r="DI10" s="70">
        <v>1</v>
      </c>
      <c r="DJ10" s="71">
        <v>3</v>
      </c>
      <c r="DK10" s="72">
        <v>4</v>
      </c>
      <c r="DL10" s="244"/>
      <c r="DM10" s="71">
        <v>0</v>
      </c>
      <c r="DN10" s="71">
        <v>2</v>
      </c>
      <c r="DO10" s="71">
        <v>2</v>
      </c>
      <c r="DP10" s="71">
        <v>0</v>
      </c>
      <c r="DQ10" s="71">
        <v>2</v>
      </c>
      <c r="DR10" s="72">
        <v>6</v>
      </c>
      <c r="DS10" s="73">
        <v>10</v>
      </c>
      <c r="DT10" s="70">
        <v>10</v>
      </c>
      <c r="DU10" s="71">
        <v>5</v>
      </c>
      <c r="DV10" s="72">
        <v>15</v>
      </c>
      <c r="DW10" s="244"/>
      <c r="DX10" s="71">
        <v>5</v>
      </c>
      <c r="DY10" s="71">
        <v>6</v>
      </c>
      <c r="DZ10" s="71">
        <v>5</v>
      </c>
      <c r="EA10" s="71">
        <v>2</v>
      </c>
      <c r="EB10" s="71">
        <v>0</v>
      </c>
      <c r="EC10" s="72">
        <v>18</v>
      </c>
      <c r="ED10" s="73">
        <v>33</v>
      </c>
      <c r="EE10" s="70">
        <v>12</v>
      </c>
      <c r="EF10" s="71">
        <v>10</v>
      </c>
      <c r="EG10" s="72">
        <v>22</v>
      </c>
      <c r="EH10" s="244"/>
      <c r="EI10" s="71">
        <v>8</v>
      </c>
      <c r="EJ10" s="71">
        <v>10</v>
      </c>
      <c r="EK10" s="71">
        <v>7</v>
      </c>
      <c r="EL10" s="71">
        <v>5</v>
      </c>
      <c r="EM10" s="71">
        <v>6</v>
      </c>
      <c r="EN10" s="72">
        <v>36</v>
      </c>
      <c r="EO10" s="73">
        <v>58</v>
      </c>
      <c r="EP10" s="70">
        <v>16</v>
      </c>
      <c r="EQ10" s="71">
        <v>23</v>
      </c>
      <c r="ER10" s="72">
        <v>39</v>
      </c>
      <c r="ES10" s="244"/>
      <c r="ET10" s="71">
        <v>20</v>
      </c>
      <c r="EU10" s="71">
        <v>22</v>
      </c>
      <c r="EV10" s="71">
        <v>9</v>
      </c>
      <c r="EW10" s="71">
        <v>10</v>
      </c>
      <c r="EX10" s="71">
        <v>8</v>
      </c>
      <c r="EY10" s="72">
        <v>69</v>
      </c>
      <c r="EZ10" s="73">
        <v>108</v>
      </c>
      <c r="FA10" s="70">
        <v>9</v>
      </c>
      <c r="FB10" s="71">
        <v>33</v>
      </c>
      <c r="FC10" s="72">
        <v>42</v>
      </c>
      <c r="FD10" s="244"/>
      <c r="FE10" s="71">
        <v>29</v>
      </c>
      <c r="FF10" s="71">
        <v>26</v>
      </c>
      <c r="FG10" s="71">
        <v>19</v>
      </c>
      <c r="FH10" s="71">
        <v>16</v>
      </c>
      <c r="FI10" s="71">
        <v>9</v>
      </c>
      <c r="FJ10" s="72">
        <v>99</v>
      </c>
      <c r="FK10" s="73">
        <v>141</v>
      </c>
      <c r="FL10" s="70">
        <v>10</v>
      </c>
      <c r="FM10" s="71">
        <v>16</v>
      </c>
      <c r="FN10" s="72">
        <v>26</v>
      </c>
      <c r="FO10" s="244"/>
      <c r="FP10" s="71">
        <v>34</v>
      </c>
      <c r="FQ10" s="71">
        <v>37</v>
      </c>
      <c r="FR10" s="71">
        <v>33</v>
      </c>
      <c r="FS10" s="71">
        <v>34</v>
      </c>
      <c r="FT10" s="71">
        <v>26</v>
      </c>
      <c r="FU10" s="72">
        <v>164</v>
      </c>
      <c r="FV10" s="73">
        <v>190</v>
      </c>
      <c r="FW10" s="70">
        <v>0</v>
      </c>
      <c r="FX10" s="71">
        <v>0</v>
      </c>
      <c r="FY10" s="72">
        <v>0</v>
      </c>
      <c r="FZ10" s="244"/>
      <c r="GA10" s="71">
        <v>0</v>
      </c>
      <c r="GB10" s="71">
        <v>0</v>
      </c>
      <c r="GC10" s="71">
        <v>0</v>
      </c>
      <c r="GD10" s="71">
        <v>0</v>
      </c>
      <c r="GE10" s="71">
        <v>0</v>
      </c>
      <c r="GF10" s="72">
        <v>0</v>
      </c>
      <c r="GG10" s="73">
        <v>0</v>
      </c>
      <c r="GH10" s="70">
        <v>58</v>
      </c>
      <c r="GI10" s="71">
        <v>90</v>
      </c>
      <c r="GJ10" s="72">
        <v>148</v>
      </c>
      <c r="GK10" s="244"/>
      <c r="GL10" s="71">
        <v>96</v>
      </c>
      <c r="GM10" s="71">
        <v>103</v>
      </c>
      <c r="GN10" s="71">
        <v>75</v>
      </c>
      <c r="GO10" s="71">
        <v>67</v>
      </c>
      <c r="GP10" s="71">
        <v>51</v>
      </c>
      <c r="GQ10" s="72">
        <v>392</v>
      </c>
      <c r="GR10" s="73">
        <v>540</v>
      </c>
      <c r="GS10" s="123">
        <v>236</v>
      </c>
      <c r="GT10" s="82">
        <v>284</v>
      </c>
      <c r="GU10" s="83">
        <v>520</v>
      </c>
      <c r="GV10" s="241"/>
      <c r="GW10" s="82">
        <v>331</v>
      </c>
      <c r="GX10" s="82">
        <v>354</v>
      </c>
      <c r="GY10" s="82">
        <v>231</v>
      </c>
      <c r="GZ10" s="82">
        <v>197</v>
      </c>
      <c r="HA10" s="82">
        <v>140</v>
      </c>
      <c r="HB10" s="84">
        <v>1253</v>
      </c>
      <c r="HC10" s="85">
        <v>1773</v>
      </c>
      <c r="HD10" s="70">
        <v>13</v>
      </c>
      <c r="HE10" s="71">
        <v>8</v>
      </c>
      <c r="HF10" s="72">
        <v>21</v>
      </c>
      <c r="HG10" s="244"/>
      <c r="HH10" s="71">
        <v>5</v>
      </c>
      <c r="HI10" s="71">
        <v>10</v>
      </c>
      <c r="HJ10" s="71">
        <v>8</v>
      </c>
      <c r="HK10" s="71">
        <v>6</v>
      </c>
      <c r="HL10" s="71">
        <v>10</v>
      </c>
      <c r="HM10" s="72">
        <v>39</v>
      </c>
      <c r="HN10" s="73">
        <v>60</v>
      </c>
      <c r="HO10" s="70">
        <v>23</v>
      </c>
      <c r="HP10" s="71">
        <v>27</v>
      </c>
      <c r="HQ10" s="72">
        <v>50</v>
      </c>
      <c r="HR10" s="244"/>
      <c r="HS10" s="71">
        <v>20</v>
      </c>
      <c r="HT10" s="71">
        <v>30</v>
      </c>
      <c r="HU10" s="71">
        <v>22</v>
      </c>
      <c r="HV10" s="71">
        <v>16</v>
      </c>
      <c r="HW10" s="71">
        <v>8</v>
      </c>
      <c r="HX10" s="72">
        <v>96</v>
      </c>
      <c r="HY10" s="73">
        <v>146</v>
      </c>
      <c r="HZ10" s="70">
        <v>33</v>
      </c>
      <c r="IA10" s="71">
        <v>37</v>
      </c>
      <c r="IB10" s="72">
        <v>70</v>
      </c>
      <c r="IC10" s="244"/>
      <c r="ID10" s="71">
        <v>27</v>
      </c>
      <c r="IE10" s="71">
        <v>45</v>
      </c>
      <c r="IF10" s="71">
        <v>26</v>
      </c>
      <c r="IG10" s="71">
        <v>24</v>
      </c>
      <c r="IH10" s="71">
        <v>25</v>
      </c>
      <c r="II10" s="72">
        <v>147</v>
      </c>
      <c r="IJ10" s="73">
        <v>217</v>
      </c>
      <c r="IK10" s="70">
        <v>53</v>
      </c>
      <c r="IL10" s="71">
        <v>71</v>
      </c>
      <c r="IM10" s="72">
        <v>124</v>
      </c>
      <c r="IN10" s="244"/>
      <c r="IO10" s="71">
        <v>87</v>
      </c>
      <c r="IP10" s="71">
        <v>84</v>
      </c>
      <c r="IQ10" s="71">
        <v>50</v>
      </c>
      <c r="IR10" s="71">
        <v>37</v>
      </c>
      <c r="IS10" s="71">
        <v>29</v>
      </c>
      <c r="IT10" s="72">
        <v>287</v>
      </c>
      <c r="IU10" s="73">
        <v>411</v>
      </c>
      <c r="IV10" s="70">
        <v>68</v>
      </c>
      <c r="IW10" s="71">
        <v>80</v>
      </c>
      <c r="IX10" s="72">
        <v>148</v>
      </c>
      <c r="IY10" s="244"/>
      <c r="IZ10" s="71">
        <v>96</v>
      </c>
      <c r="JA10" s="71">
        <v>93</v>
      </c>
      <c r="JB10" s="71">
        <v>64</v>
      </c>
      <c r="JC10" s="71">
        <v>51</v>
      </c>
      <c r="JD10" s="71">
        <v>23</v>
      </c>
      <c r="JE10" s="72">
        <v>327</v>
      </c>
      <c r="JF10" s="73">
        <v>475</v>
      </c>
      <c r="JG10" s="70">
        <v>46</v>
      </c>
      <c r="JH10" s="71">
        <v>61</v>
      </c>
      <c r="JI10" s="72">
        <v>107</v>
      </c>
      <c r="JJ10" s="244"/>
      <c r="JK10" s="71">
        <v>96</v>
      </c>
      <c r="JL10" s="71">
        <v>92</v>
      </c>
      <c r="JM10" s="71">
        <v>61</v>
      </c>
      <c r="JN10" s="71">
        <v>63</v>
      </c>
      <c r="JO10" s="71">
        <v>45</v>
      </c>
      <c r="JP10" s="72">
        <v>357</v>
      </c>
      <c r="JQ10" s="73">
        <v>464</v>
      </c>
      <c r="JR10" s="70">
        <v>0</v>
      </c>
      <c r="JS10" s="71">
        <v>0</v>
      </c>
      <c r="JT10" s="72">
        <v>0</v>
      </c>
      <c r="JU10" s="244"/>
      <c r="JV10" s="71">
        <v>0</v>
      </c>
      <c r="JW10" s="71">
        <v>0</v>
      </c>
      <c r="JX10" s="71">
        <v>0</v>
      </c>
      <c r="JY10" s="71">
        <v>0</v>
      </c>
      <c r="JZ10" s="71">
        <v>0</v>
      </c>
      <c r="KA10" s="72">
        <v>0</v>
      </c>
      <c r="KB10" s="73">
        <v>0</v>
      </c>
      <c r="KC10" s="70">
        <v>236</v>
      </c>
      <c r="KD10" s="71">
        <v>284</v>
      </c>
      <c r="KE10" s="72">
        <v>520</v>
      </c>
      <c r="KF10" s="244"/>
      <c r="KG10" s="71">
        <v>331</v>
      </c>
      <c r="KH10" s="71">
        <v>354</v>
      </c>
      <c r="KI10" s="71">
        <v>231</v>
      </c>
      <c r="KJ10" s="71">
        <v>197</v>
      </c>
      <c r="KK10" s="71">
        <v>140</v>
      </c>
      <c r="KL10" s="72">
        <v>1253</v>
      </c>
      <c r="KM10" s="73">
        <v>1773</v>
      </c>
    </row>
    <row r="11" spans="2:299" ht="19.5" customHeight="1" x14ac:dyDescent="0.2">
      <c r="B11" s="126" t="s">
        <v>7</v>
      </c>
      <c r="C11" s="316">
        <v>106</v>
      </c>
      <c r="D11" s="82">
        <v>83</v>
      </c>
      <c r="E11" s="83">
        <v>189</v>
      </c>
      <c r="F11" s="241"/>
      <c r="G11" s="82">
        <v>234</v>
      </c>
      <c r="H11" s="82">
        <v>145</v>
      </c>
      <c r="I11" s="82">
        <v>80</v>
      </c>
      <c r="J11" s="82">
        <v>69</v>
      </c>
      <c r="K11" s="82">
        <v>42</v>
      </c>
      <c r="L11" s="84">
        <v>570</v>
      </c>
      <c r="M11" s="85">
        <v>759</v>
      </c>
      <c r="N11" s="70">
        <v>6</v>
      </c>
      <c r="O11" s="71">
        <v>1</v>
      </c>
      <c r="P11" s="72">
        <v>7</v>
      </c>
      <c r="Q11" s="244"/>
      <c r="R11" s="71">
        <v>2</v>
      </c>
      <c r="S11" s="71">
        <v>4</v>
      </c>
      <c r="T11" s="71">
        <v>4</v>
      </c>
      <c r="U11" s="71">
        <v>1</v>
      </c>
      <c r="V11" s="71">
        <v>2</v>
      </c>
      <c r="W11" s="72">
        <v>13</v>
      </c>
      <c r="X11" s="73">
        <v>20</v>
      </c>
      <c r="Y11" s="70">
        <v>7</v>
      </c>
      <c r="Z11" s="71">
        <v>7</v>
      </c>
      <c r="AA11" s="72">
        <v>14</v>
      </c>
      <c r="AB11" s="244"/>
      <c r="AC11" s="71">
        <v>24</v>
      </c>
      <c r="AD11" s="71">
        <v>13</v>
      </c>
      <c r="AE11" s="71">
        <v>10</v>
      </c>
      <c r="AF11" s="71">
        <v>7</v>
      </c>
      <c r="AG11" s="71">
        <v>4</v>
      </c>
      <c r="AH11" s="72">
        <v>58</v>
      </c>
      <c r="AI11" s="73">
        <v>72</v>
      </c>
      <c r="AJ11" s="70">
        <v>12</v>
      </c>
      <c r="AK11" s="71">
        <v>9</v>
      </c>
      <c r="AL11" s="72">
        <v>21</v>
      </c>
      <c r="AM11" s="244"/>
      <c r="AN11" s="71">
        <v>31</v>
      </c>
      <c r="AO11" s="71">
        <v>17</v>
      </c>
      <c r="AP11" s="71">
        <v>7</v>
      </c>
      <c r="AQ11" s="71">
        <v>13</v>
      </c>
      <c r="AR11" s="71">
        <v>5</v>
      </c>
      <c r="AS11" s="72">
        <v>73</v>
      </c>
      <c r="AT11" s="73">
        <v>94</v>
      </c>
      <c r="AU11" s="70">
        <v>27</v>
      </c>
      <c r="AV11" s="71">
        <v>22</v>
      </c>
      <c r="AW11" s="72">
        <v>49</v>
      </c>
      <c r="AX11" s="244"/>
      <c r="AY11" s="71">
        <v>56</v>
      </c>
      <c r="AZ11" s="71">
        <v>33</v>
      </c>
      <c r="BA11" s="71">
        <v>15</v>
      </c>
      <c r="BB11" s="71">
        <v>14</v>
      </c>
      <c r="BC11" s="71">
        <v>13</v>
      </c>
      <c r="BD11" s="72">
        <v>131</v>
      </c>
      <c r="BE11" s="73">
        <v>180</v>
      </c>
      <c r="BF11" s="70">
        <v>34</v>
      </c>
      <c r="BG11" s="71">
        <v>24</v>
      </c>
      <c r="BH11" s="72">
        <v>58</v>
      </c>
      <c r="BI11" s="244"/>
      <c r="BJ11" s="71">
        <v>56</v>
      </c>
      <c r="BK11" s="71">
        <v>41</v>
      </c>
      <c r="BL11" s="71">
        <v>23</v>
      </c>
      <c r="BM11" s="71">
        <v>12</v>
      </c>
      <c r="BN11" s="71">
        <v>13</v>
      </c>
      <c r="BO11" s="72">
        <v>145</v>
      </c>
      <c r="BP11" s="73">
        <v>203</v>
      </c>
      <c r="BQ11" s="70">
        <v>20</v>
      </c>
      <c r="BR11" s="71">
        <v>20</v>
      </c>
      <c r="BS11" s="72">
        <v>40</v>
      </c>
      <c r="BT11" s="244"/>
      <c r="BU11" s="71">
        <v>65</v>
      </c>
      <c r="BV11" s="71">
        <v>37</v>
      </c>
      <c r="BW11" s="71">
        <v>21</v>
      </c>
      <c r="BX11" s="71">
        <v>22</v>
      </c>
      <c r="BY11" s="71">
        <v>5</v>
      </c>
      <c r="BZ11" s="72">
        <v>150</v>
      </c>
      <c r="CA11" s="73">
        <v>190</v>
      </c>
      <c r="CB11" s="70">
        <v>0</v>
      </c>
      <c r="CC11" s="71">
        <v>0</v>
      </c>
      <c r="CD11" s="72">
        <v>0</v>
      </c>
      <c r="CE11" s="244"/>
      <c r="CF11" s="71">
        <v>0</v>
      </c>
      <c r="CG11" s="71">
        <v>0</v>
      </c>
      <c r="CH11" s="71">
        <v>0</v>
      </c>
      <c r="CI11" s="71">
        <v>0</v>
      </c>
      <c r="CJ11" s="71">
        <v>0</v>
      </c>
      <c r="CK11" s="72">
        <v>0</v>
      </c>
      <c r="CL11" s="73">
        <v>0</v>
      </c>
      <c r="CM11" s="70">
        <v>106</v>
      </c>
      <c r="CN11" s="71">
        <v>83</v>
      </c>
      <c r="CO11" s="72">
        <v>189</v>
      </c>
      <c r="CP11" s="244"/>
      <c r="CQ11" s="71">
        <v>234</v>
      </c>
      <c r="CR11" s="71">
        <v>145</v>
      </c>
      <c r="CS11" s="71">
        <v>80</v>
      </c>
      <c r="CT11" s="71">
        <v>69</v>
      </c>
      <c r="CU11" s="71">
        <v>42</v>
      </c>
      <c r="CV11" s="72">
        <v>570</v>
      </c>
      <c r="CW11" s="73">
        <v>759</v>
      </c>
      <c r="CX11" s="123">
        <v>35</v>
      </c>
      <c r="CY11" s="82">
        <v>40</v>
      </c>
      <c r="CZ11" s="83">
        <v>75</v>
      </c>
      <c r="DA11" s="241"/>
      <c r="DB11" s="82">
        <v>70</v>
      </c>
      <c r="DC11" s="82">
        <v>34</v>
      </c>
      <c r="DD11" s="82">
        <v>33</v>
      </c>
      <c r="DE11" s="82">
        <v>26</v>
      </c>
      <c r="DF11" s="82">
        <v>17</v>
      </c>
      <c r="DG11" s="84">
        <v>180</v>
      </c>
      <c r="DH11" s="85">
        <v>255</v>
      </c>
      <c r="DI11" s="70">
        <v>0</v>
      </c>
      <c r="DJ11" s="71">
        <v>0</v>
      </c>
      <c r="DK11" s="72">
        <v>0</v>
      </c>
      <c r="DL11" s="244"/>
      <c r="DM11" s="71">
        <v>3</v>
      </c>
      <c r="DN11" s="71">
        <v>0</v>
      </c>
      <c r="DO11" s="71">
        <v>4</v>
      </c>
      <c r="DP11" s="71">
        <v>1</v>
      </c>
      <c r="DQ11" s="71">
        <v>0</v>
      </c>
      <c r="DR11" s="72">
        <v>8</v>
      </c>
      <c r="DS11" s="73">
        <v>8</v>
      </c>
      <c r="DT11" s="70">
        <v>0</v>
      </c>
      <c r="DU11" s="71">
        <v>1</v>
      </c>
      <c r="DV11" s="72">
        <v>1</v>
      </c>
      <c r="DW11" s="244"/>
      <c r="DX11" s="71">
        <v>6</v>
      </c>
      <c r="DY11" s="71">
        <v>7</v>
      </c>
      <c r="DZ11" s="71">
        <v>2</v>
      </c>
      <c r="EA11" s="71">
        <v>2</v>
      </c>
      <c r="EB11" s="71">
        <v>1</v>
      </c>
      <c r="EC11" s="72">
        <v>18</v>
      </c>
      <c r="ED11" s="73">
        <v>19</v>
      </c>
      <c r="EE11" s="70">
        <v>3</v>
      </c>
      <c r="EF11" s="71">
        <v>5</v>
      </c>
      <c r="EG11" s="72">
        <v>8</v>
      </c>
      <c r="EH11" s="244"/>
      <c r="EI11" s="71">
        <v>6</v>
      </c>
      <c r="EJ11" s="71">
        <v>4</v>
      </c>
      <c r="EK11" s="71">
        <v>4</v>
      </c>
      <c r="EL11" s="71">
        <v>6</v>
      </c>
      <c r="EM11" s="71">
        <v>2</v>
      </c>
      <c r="EN11" s="72">
        <v>22</v>
      </c>
      <c r="EO11" s="73">
        <v>30</v>
      </c>
      <c r="EP11" s="70">
        <v>13</v>
      </c>
      <c r="EQ11" s="71">
        <v>10</v>
      </c>
      <c r="ER11" s="72">
        <v>23</v>
      </c>
      <c r="ES11" s="244"/>
      <c r="ET11" s="71">
        <v>17</v>
      </c>
      <c r="EU11" s="71">
        <v>3</v>
      </c>
      <c r="EV11" s="71">
        <v>4</v>
      </c>
      <c r="EW11" s="71">
        <v>1</v>
      </c>
      <c r="EX11" s="71">
        <v>2</v>
      </c>
      <c r="EY11" s="72">
        <v>27</v>
      </c>
      <c r="EZ11" s="73">
        <v>50</v>
      </c>
      <c r="FA11" s="70">
        <v>12</v>
      </c>
      <c r="FB11" s="71">
        <v>16</v>
      </c>
      <c r="FC11" s="72">
        <v>28</v>
      </c>
      <c r="FD11" s="244"/>
      <c r="FE11" s="71">
        <v>22</v>
      </c>
      <c r="FF11" s="71">
        <v>5</v>
      </c>
      <c r="FG11" s="71">
        <v>6</v>
      </c>
      <c r="FH11" s="71">
        <v>4</v>
      </c>
      <c r="FI11" s="71">
        <v>7</v>
      </c>
      <c r="FJ11" s="72">
        <v>44</v>
      </c>
      <c r="FK11" s="73">
        <v>72</v>
      </c>
      <c r="FL11" s="70">
        <v>7</v>
      </c>
      <c r="FM11" s="71">
        <v>8</v>
      </c>
      <c r="FN11" s="72">
        <v>15</v>
      </c>
      <c r="FO11" s="244"/>
      <c r="FP11" s="71">
        <v>16</v>
      </c>
      <c r="FQ11" s="71">
        <v>15</v>
      </c>
      <c r="FR11" s="71">
        <v>13</v>
      </c>
      <c r="FS11" s="71">
        <v>12</v>
      </c>
      <c r="FT11" s="71">
        <v>5</v>
      </c>
      <c r="FU11" s="72">
        <v>61</v>
      </c>
      <c r="FV11" s="73">
        <v>76</v>
      </c>
      <c r="FW11" s="70">
        <v>0</v>
      </c>
      <c r="FX11" s="71">
        <v>0</v>
      </c>
      <c r="FY11" s="72">
        <v>0</v>
      </c>
      <c r="FZ11" s="244"/>
      <c r="GA11" s="71">
        <v>0</v>
      </c>
      <c r="GB11" s="71">
        <v>0</v>
      </c>
      <c r="GC11" s="71">
        <v>0</v>
      </c>
      <c r="GD11" s="71">
        <v>0</v>
      </c>
      <c r="GE11" s="71">
        <v>0</v>
      </c>
      <c r="GF11" s="72">
        <v>0</v>
      </c>
      <c r="GG11" s="73">
        <v>0</v>
      </c>
      <c r="GH11" s="70">
        <v>35</v>
      </c>
      <c r="GI11" s="71">
        <v>40</v>
      </c>
      <c r="GJ11" s="72">
        <v>75</v>
      </c>
      <c r="GK11" s="244"/>
      <c r="GL11" s="71">
        <v>70</v>
      </c>
      <c r="GM11" s="71">
        <v>34</v>
      </c>
      <c r="GN11" s="71">
        <v>33</v>
      </c>
      <c r="GO11" s="71">
        <v>26</v>
      </c>
      <c r="GP11" s="71">
        <v>17</v>
      </c>
      <c r="GQ11" s="72">
        <v>180</v>
      </c>
      <c r="GR11" s="73">
        <v>255</v>
      </c>
      <c r="GS11" s="123">
        <v>141</v>
      </c>
      <c r="GT11" s="82">
        <v>123</v>
      </c>
      <c r="GU11" s="83">
        <v>264</v>
      </c>
      <c r="GV11" s="241"/>
      <c r="GW11" s="82">
        <v>304</v>
      </c>
      <c r="GX11" s="82">
        <v>179</v>
      </c>
      <c r="GY11" s="82">
        <v>113</v>
      </c>
      <c r="GZ11" s="82">
        <v>95</v>
      </c>
      <c r="HA11" s="82">
        <v>59</v>
      </c>
      <c r="HB11" s="84">
        <v>750</v>
      </c>
      <c r="HC11" s="85">
        <v>1014</v>
      </c>
      <c r="HD11" s="70">
        <v>6</v>
      </c>
      <c r="HE11" s="71">
        <v>1</v>
      </c>
      <c r="HF11" s="72">
        <v>7</v>
      </c>
      <c r="HG11" s="244"/>
      <c r="HH11" s="71">
        <v>5</v>
      </c>
      <c r="HI11" s="71">
        <v>4</v>
      </c>
      <c r="HJ11" s="71">
        <v>8</v>
      </c>
      <c r="HK11" s="71">
        <v>2</v>
      </c>
      <c r="HL11" s="71">
        <v>2</v>
      </c>
      <c r="HM11" s="72">
        <v>21</v>
      </c>
      <c r="HN11" s="73">
        <v>28</v>
      </c>
      <c r="HO11" s="70">
        <v>7</v>
      </c>
      <c r="HP11" s="71">
        <v>8</v>
      </c>
      <c r="HQ11" s="72">
        <v>15</v>
      </c>
      <c r="HR11" s="244"/>
      <c r="HS11" s="71">
        <v>30</v>
      </c>
      <c r="HT11" s="71">
        <v>20</v>
      </c>
      <c r="HU11" s="71">
        <v>12</v>
      </c>
      <c r="HV11" s="71">
        <v>9</v>
      </c>
      <c r="HW11" s="71">
        <v>5</v>
      </c>
      <c r="HX11" s="72">
        <v>76</v>
      </c>
      <c r="HY11" s="73">
        <v>91</v>
      </c>
      <c r="HZ11" s="70">
        <v>15</v>
      </c>
      <c r="IA11" s="71">
        <v>14</v>
      </c>
      <c r="IB11" s="72">
        <v>29</v>
      </c>
      <c r="IC11" s="244"/>
      <c r="ID11" s="71">
        <v>37</v>
      </c>
      <c r="IE11" s="71">
        <v>21</v>
      </c>
      <c r="IF11" s="71">
        <v>11</v>
      </c>
      <c r="IG11" s="71">
        <v>19</v>
      </c>
      <c r="IH11" s="71">
        <v>7</v>
      </c>
      <c r="II11" s="72">
        <v>95</v>
      </c>
      <c r="IJ11" s="73">
        <v>124</v>
      </c>
      <c r="IK11" s="70">
        <v>40</v>
      </c>
      <c r="IL11" s="71">
        <v>32</v>
      </c>
      <c r="IM11" s="72">
        <v>72</v>
      </c>
      <c r="IN11" s="244"/>
      <c r="IO11" s="71">
        <v>73</v>
      </c>
      <c r="IP11" s="71">
        <v>36</v>
      </c>
      <c r="IQ11" s="71">
        <v>19</v>
      </c>
      <c r="IR11" s="71">
        <v>15</v>
      </c>
      <c r="IS11" s="71">
        <v>15</v>
      </c>
      <c r="IT11" s="72">
        <v>158</v>
      </c>
      <c r="IU11" s="73">
        <v>230</v>
      </c>
      <c r="IV11" s="70">
        <v>46</v>
      </c>
      <c r="IW11" s="71">
        <v>40</v>
      </c>
      <c r="IX11" s="72">
        <v>86</v>
      </c>
      <c r="IY11" s="244"/>
      <c r="IZ11" s="71">
        <v>78</v>
      </c>
      <c r="JA11" s="71">
        <v>46</v>
      </c>
      <c r="JB11" s="71">
        <v>29</v>
      </c>
      <c r="JC11" s="71">
        <v>16</v>
      </c>
      <c r="JD11" s="71">
        <v>20</v>
      </c>
      <c r="JE11" s="72">
        <v>189</v>
      </c>
      <c r="JF11" s="73">
        <v>275</v>
      </c>
      <c r="JG11" s="70">
        <v>27</v>
      </c>
      <c r="JH11" s="71">
        <v>28</v>
      </c>
      <c r="JI11" s="72">
        <v>55</v>
      </c>
      <c r="JJ11" s="244"/>
      <c r="JK11" s="71">
        <v>81</v>
      </c>
      <c r="JL11" s="71">
        <v>52</v>
      </c>
      <c r="JM11" s="71">
        <v>34</v>
      </c>
      <c r="JN11" s="71">
        <v>34</v>
      </c>
      <c r="JO11" s="71">
        <v>10</v>
      </c>
      <c r="JP11" s="72">
        <v>211</v>
      </c>
      <c r="JQ11" s="73">
        <v>266</v>
      </c>
      <c r="JR11" s="70">
        <v>0</v>
      </c>
      <c r="JS11" s="71">
        <v>0</v>
      </c>
      <c r="JT11" s="72">
        <v>0</v>
      </c>
      <c r="JU11" s="244"/>
      <c r="JV11" s="71">
        <v>0</v>
      </c>
      <c r="JW11" s="71">
        <v>0</v>
      </c>
      <c r="JX11" s="71">
        <v>0</v>
      </c>
      <c r="JY11" s="71">
        <v>0</v>
      </c>
      <c r="JZ11" s="71">
        <v>0</v>
      </c>
      <c r="KA11" s="72">
        <v>0</v>
      </c>
      <c r="KB11" s="73">
        <v>0</v>
      </c>
      <c r="KC11" s="70">
        <v>141</v>
      </c>
      <c r="KD11" s="71">
        <v>123</v>
      </c>
      <c r="KE11" s="72">
        <v>264</v>
      </c>
      <c r="KF11" s="244"/>
      <c r="KG11" s="71">
        <v>304</v>
      </c>
      <c r="KH11" s="71">
        <v>179</v>
      </c>
      <c r="KI11" s="71">
        <v>113</v>
      </c>
      <c r="KJ11" s="71">
        <v>95</v>
      </c>
      <c r="KK11" s="71">
        <v>59</v>
      </c>
      <c r="KL11" s="72">
        <v>750</v>
      </c>
      <c r="KM11" s="73">
        <v>1014</v>
      </c>
    </row>
    <row r="12" spans="2:299" ht="19.5" customHeight="1" x14ac:dyDescent="0.2">
      <c r="B12" s="126" t="s">
        <v>8</v>
      </c>
      <c r="C12" s="316">
        <v>51</v>
      </c>
      <c r="D12" s="82">
        <v>27</v>
      </c>
      <c r="E12" s="83">
        <v>78</v>
      </c>
      <c r="F12" s="241"/>
      <c r="G12" s="82">
        <v>109</v>
      </c>
      <c r="H12" s="82">
        <v>79</v>
      </c>
      <c r="I12" s="82">
        <v>43</v>
      </c>
      <c r="J12" s="82">
        <v>54</v>
      </c>
      <c r="K12" s="82">
        <v>19</v>
      </c>
      <c r="L12" s="84">
        <v>304</v>
      </c>
      <c r="M12" s="85">
        <v>382</v>
      </c>
      <c r="N12" s="70">
        <v>3</v>
      </c>
      <c r="O12" s="71">
        <v>3</v>
      </c>
      <c r="P12" s="72">
        <v>6</v>
      </c>
      <c r="Q12" s="244"/>
      <c r="R12" s="71">
        <v>3</v>
      </c>
      <c r="S12" s="71">
        <v>1</v>
      </c>
      <c r="T12" s="71">
        <v>0</v>
      </c>
      <c r="U12" s="71">
        <v>2</v>
      </c>
      <c r="V12" s="71">
        <v>2</v>
      </c>
      <c r="W12" s="72">
        <v>8</v>
      </c>
      <c r="X12" s="73">
        <v>14</v>
      </c>
      <c r="Y12" s="70">
        <v>6</v>
      </c>
      <c r="Z12" s="71">
        <v>1</v>
      </c>
      <c r="AA12" s="72">
        <v>7</v>
      </c>
      <c r="AB12" s="244"/>
      <c r="AC12" s="71">
        <v>8</v>
      </c>
      <c r="AD12" s="71">
        <v>11</v>
      </c>
      <c r="AE12" s="71">
        <v>7</v>
      </c>
      <c r="AF12" s="71">
        <v>5</v>
      </c>
      <c r="AG12" s="71">
        <v>3</v>
      </c>
      <c r="AH12" s="72">
        <v>34</v>
      </c>
      <c r="AI12" s="73">
        <v>41</v>
      </c>
      <c r="AJ12" s="70">
        <v>2</v>
      </c>
      <c r="AK12" s="71">
        <v>1</v>
      </c>
      <c r="AL12" s="72">
        <v>3</v>
      </c>
      <c r="AM12" s="244"/>
      <c r="AN12" s="71">
        <v>12</v>
      </c>
      <c r="AO12" s="71">
        <v>9</v>
      </c>
      <c r="AP12" s="71">
        <v>9</v>
      </c>
      <c r="AQ12" s="71">
        <v>7</v>
      </c>
      <c r="AR12" s="71">
        <v>1</v>
      </c>
      <c r="AS12" s="72">
        <v>38</v>
      </c>
      <c r="AT12" s="73">
        <v>41</v>
      </c>
      <c r="AU12" s="70">
        <v>11</v>
      </c>
      <c r="AV12" s="71">
        <v>7</v>
      </c>
      <c r="AW12" s="72">
        <v>18</v>
      </c>
      <c r="AX12" s="244"/>
      <c r="AY12" s="71">
        <v>23</v>
      </c>
      <c r="AZ12" s="71">
        <v>15</v>
      </c>
      <c r="BA12" s="71">
        <v>2</v>
      </c>
      <c r="BB12" s="71">
        <v>10</v>
      </c>
      <c r="BC12" s="71">
        <v>2</v>
      </c>
      <c r="BD12" s="72">
        <v>52</v>
      </c>
      <c r="BE12" s="73">
        <v>70</v>
      </c>
      <c r="BF12" s="70">
        <v>12</v>
      </c>
      <c r="BG12" s="71">
        <v>2</v>
      </c>
      <c r="BH12" s="72">
        <v>14</v>
      </c>
      <c r="BI12" s="244"/>
      <c r="BJ12" s="71">
        <v>37</v>
      </c>
      <c r="BK12" s="71">
        <v>17</v>
      </c>
      <c r="BL12" s="71">
        <v>11</v>
      </c>
      <c r="BM12" s="71">
        <v>15</v>
      </c>
      <c r="BN12" s="71">
        <v>5</v>
      </c>
      <c r="BO12" s="72">
        <v>85</v>
      </c>
      <c r="BP12" s="73">
        <v>99</v>
      </c>
      <c r="BQ12" s="70">
        <v>17</v>
      </c>
      <c r="BR12" s="71">
        <v>13</v>
      </c>
      <c r="BS12" s="72">
        <v>30</v>
      </c>
      <c r="BT12" s="244"/>
      <c r="BU12" s="71">
        <v>26</v>
      </c>
      <c r="BV12" s="71">
        <v>26</v>
      </c>
      <c r="BW12" s="71">
        <v>14</v>
      </c>
      <c r="BX12" s="71">
        <v>15</v>
      </c>
      <c r="BY12" s="71">
        <v>6</v>
      </c>
      <c r="BZ12" s="72">
        <v>87</v>
      </c>
      <c r="CA12" s="73">
        <v>117</v>
      </c>
      <c r="CB12" s="70">
        <v>0</v>
      </c>
      <c r="CC12" s="71">
        <v>0</v>
      </c>
      <c r="CD12" s="72">
        <v>0</v>
      </c>
      <c r="CE12" s="244"/>
      <c r="CF12" s="71">
        <v>0</v>
      </c>
      <c r="CG12" s="71">
        <v>0</v>
      </c>
      <c r="CH12" s="71">
        <v>0</v>
      </c>
      <c r="CI12" s="71">
        <v>0</v>
      </c>
      <c r="CJ12" s="71">
        <v>0</v>
      </c>
      <c r="CK12" s="72">
        <v>0</v>
      </c>
      <c r="CL12" s="73">
        <v>0</v>
      </c>
      <c r="CM12" s="70">
        <v>51</v>
      </c>
      <c r="CN12" s="71">
        <v>27</v>
      </c>
      <c r="CO12" s="72">
        <v>78</v>
      </c>
      <c r="CP12" s="244"/>
      <c r="CQ12" s="71">
        <v>109</v>
      </c>
      <c r="CR12" s="71">
        <v>79</v>
      </c>
      <c r="CS12" s="71">
        <v>43</v>
      </c>
      <c r="CT12" s="71">
        <v>54</v>
      </c>
      <c r="CU12" s="71">
        <v>19</v>
      </c>
      <c r="CV12" s="72">
        <v>304</v>
      </c>
      <c r="CW12" s="73">
        <v>382</v>
      </c>
      <c r="CX12" s="123">
        <v>23</v>
      </c>
      <c r="CY12" s="82">
        <v>22</v>
      </c>
      <c r="CZ12" s="83">
        <v>45</v>
      </c>
      <c r="DA12" s="241"/>
      <c r="DB12" s="82">
        <v>41</v>
      </c>
      <c r="DC12" s="82">
        <v>35</v>
      </c>
      <c r="DD12" s="82">
        <v>19</v>
      </c>
      <c r="DE12" s="82">
        <v>20</v>
      </c>
      <c r="DF12" s="82">
        <v>15</v>
      </c>
      <c r="DG12" s="84">
        <v>130</v>
      </c>
      <c r="DH12" s="85">
        <v>175</v>
      </c>
      <c r="DI12" s="70">
        <v>1</v>
      </c>
      <c r="DJ12" s="71">
        <v>0</v>
      </c>
      <c r="DK12" s="72">
        <v>1</v>
      </c>
      <c r="DL12" s="244"/>
      <c r="DM12" s="71">
        <v>1</v>
      </c>
      <c r="DN12" s="71">
        <v>1</v>
      </c>
      <c r="DO12" s="71">
        <v>0</v>
      </c>
      <c r="DP12" s="71">
        <v>2</v>
      </c>
      <c r="DQ12" s="71">
        <v>0</v>
      </c>
      <c r="DR12" s="72">
        <v>4</v>
      </c>
      <c r="DS12" s="73">
        <v>5</v>
      </c>
      <c r="DT12" s="70">
        <v>3</v>
      </c>
      <c r="DU12" s="71">
        <v>2</v>
      </c>
      <c r="DV12" s="72">
        <v>5</v>
      </c>
      <c r="DW12" s="244"/>
      <c r="DX12" s="71">
        <v>3</v>
      </c>
      <c r="DY12" s="71">
        <v>0</v>
      </c>
      <c r="DZ12" s="71">
        <v>2</v>
      </c>
      <c r="EA12" s="71">
        <v>1</v>
      </c>
      <c r="EB12" s="71">
        <v>0</v>
      </c>
      <c r="EC12" s="72">
        <v>6</v>
      </c>
      <c r="ED12" s="73">
        <v>11</v>
      </c>
      <c r="EE12" s="70">
        <v>5</v>
      </c>
      <c r="EF12" s="71">
        <v>4</v>
      </c>
      <c r="EG12" s="72">
        <v>9</v>
      </c>
      <c r="EH12" s="244"/>
      <c r="EI12" s="71">
        <v>4</v>
      </c>
      <c r="EJ12" s="71">
        <v>3</v>
      </c>
      <c r="EK12" s="71">
        <v>2</v>
      </c>
      <c r="EL12" s="71">
        <v>1</v>
      </c>
      <c r="EM12" s="71">
        <v>1</v>
      </c>
      <c r="EN12" s="72">
        <v>11</v>
      </c>
      <c r="EO12" s="73">
        <v>20</v>
      </c>
      <c r="EP12" s="70">
        <v>6</v>
      </c>
      <c r="EQ12" s="71">
        <v>7</v>
      </c>
      <c r="ER12" s="72">
        <v>13</v>
      </c>
      <c r="ES12" s="244"/>
      <c r="ET12" s="71">
        <v>4</v>
      </c>
      <c r="EU12" s="71">
        <v>5</v>
      </c>
      <c r="EV12" s="71">
        <v>3</v>
      </c>
      <c r="EW12" s="71">
        <v>5</v>
      </c>
      <c r="EX12" s="71">
        <v>3</v>
      </c>
      <c r="EY12" s="72">
        <v>20</v>
      </c>
      <c r="EZ12" s="73">
        <v>33</v>
      </c>
      <c r="FA12" s="70">
        <v>5</v>
      </c>
      <c r="FB12" s="71">
        <v>4</v>
      </c>
      <c r="FC12" s="72">
        <v>9</v>
      </c>
      <c r="FD12" s="244"/>
      <c r="FE12" s="71">
        <v>16</v>
      </c>
      <c r="FF12" s="71">
        <v>13</v>
      </c>
      <c r="FG12" s="71">
        <v>3</v>
      </c>
      <c r="FH12" s="71">
        <v>3</v>
      </c>
      <c r="FI12" s="71">
        <v>2</v>
      </c>
      <c r="FJ12" s="72">
        <v>37</v>
      </c>
      <c r="FK12" s="73">
        <v>46</v>
      </c>
      <c r="FL12" s="70">
        <v>3</v>
      </c>
      <c r="FM12" s="71">
        <v>5</v>
      </c>
      <c r="FN12" s="72">
        <v>8</v>
      </c>
      <c r="FO12" s="244"/>
      <c r="FP12" s="71">
        <v>13</v>
      </c>
      <c r="FQ12" s="71">
        <v>13</v>
      </c>
      <c r="FR12" s="71">
        <v>9</v>
      </c>
      <c r="FS12" s="71">
        <v>8</v>
      </c>
      <c r="FT12" s="71">
        <v>9</v>
      </c>
      <c r="FU12" s="72">
        <v>52</v>
      </c>
      <c r="FV12" s="73">
        <v>60</v>
      </c>
      <c r="FW12" s="70">
        <v>0</v>
      </c>
      <c r="FX12" s="71">
        <v>0</v>
      </c>
      <c r="FY12" s="72">
        <v>0</v>
      </c>
      <c r="FZ12" s="244"/>
      <c r="GA12" s="71">
        <v>0</v>
      </c>
      <c r="GB12" s="71">
        <v>0</v>
      </c>
      <c r="GC12" s="71">
        <v>0</v>
      </c>
      <c r="GD12" s="71">
        <v>0</v>
      </c>
      <c r="GE12" s="71">
        <v>0</v>
      </c>
      <c r="GF12" s="72">
        <v>0</v>
      </c>
      <c r="GG12" s="73">
        <v>0</v>
      </c>
      <c r="GH12" s="70">
        <v>23</v>
      </c>
      <c r="GI12" s="71">
        <v>22</v>
      </c>
      <c r="GJ12" s="72">
        <v>45</v>
      </c>
      <c r="GK12" s="244"/>
      <c r="GL12" s="71">
        <v>41</v>
      </c>
      <c r="GM12" s="71">
        <v>35</v>
      </c>
      <c r="GN12" s="71">
        <v>19</v>
      </c>
      <c r="GO12" s="71">
        <v>20</v>
      </c>
      <c r="GP12" s="71">
        <v>15</v>
      </c>
      <c r="GQ12" s="72">
        <v>130</v>
      </c>
      <c r="GR12" s="73">
        <v>175</v>
      </c>
      <c r="GS12" s="123">
        <v>74</v>
      </c>
      <c r="GT12" s="82">
        <v>49</v>
      </c>
      <c r="GU12" s="83">
        <v>123</v>
      </c>
      <c r="GV12" s="241"/>
      <c r="GW12" s="82">
        <v>150</v>
      </c>
      <c r="GX12" s="82">
        <v>114</v>
      </c>
      <c r="GY12" s="82">
        <v>62</v>
      </c>
      <c r="GZ12" s="82">
        <v>74</v>
      </c>
      <c r="HA12" s="82">
        <v>34</v>
      </c>
      <c r="HB12" s="84">
        <v>434</v>
      </c>
      <c r="HC12" s="85">
        <v>557</v>
      </c>
      <c r="HD12" s="70">
        <v>4</v>
      </c>
      <c r="HE12" s="71">
        <v>3</v>
      </c>
      <c r="HF12" s="72">
        <v>7</v>
      </c>
      <c r="HG12" s="244"/>
      <c r="HH12" s="71">
        <v>4</v>
      </c>
      <c r="HI12" s="71">
        <v>2</v>
      </c>
      <c r="HJ12" s="71">
        <v>0</v>
      </c>
      <c r="HK12" s="71">
        <v>4</v>
      </c>
      <c r="HL12" s="71">
        <v>2</v>
      </c>
      <c r="HM12" s="72">
        <v>12</v>
      </c>
      <c r="HN12" s="73">
        <v>19</v>
      </c>
      <c r="HO12" s="70">
        <v>9</v>
      </c>
      <c r="HP12" s="71">
        <v>3</v>
      </c>
      <c r="HQ12" s="72">
        <v>12</v>
      </c>
      <c r="HR12" s="244"/>
      <c r="HS12" s="71">
        <v>11</v>
      </c>
      <c r="HT12" s="71">
        <v>11</v>
      </c>
      <c r="HU12" s="71">
        <v>9</v>
      </c>
      <c r="HV12" s="71">
        <v>6</v>
      </c>
      <c r="HW12" s="71">
        <v>3</v>
      </c>
      <c r="HX12" s="72">
        <v>40</v>
      </c>
      <c r="HY12" s="73">
        <v>52</v>
      </c>
      <c r="HZ12" s="70">
        <v>7</v>
      </c>
      <c r="IA12" s="71">
        <v>5</v>
      </c>
      <c r="IB12" s="72">
        <v>12</v>
      </c>
      <c r="IC12" s="244"/>
      <c r="ID12" s="71">
        <v>16</v>
      </c>
      <c r="IE12" s="71">
        <v>12</v>
      </c>
      <c r="IF12" s="71">
        <v>11</v>
      </c>
      <c r="IG12" s="71">
        <v>8</v>
      </c>
      <c r="IH12" s="71">
        <v>2</v>
      </c>
      <c r="II12" s="72">
        <v>49</v>
      </c>
      <c r="IJ12" s="73">
        <v>61</v>
      </c>
      <c r="IK12" s="70">
        <v>17</v>
      </c>
      <c r="IL12" s="71">
        <v>14</v>
      </c>
      <c r="IM12" s="72">
        <v>31</v>
      </c>
      <c r="IN12" s="244"/>
      <c r="IO12" s="71">
        <v>27</v>
      </c>
      <c r="IP12" s="71">
        <v>20</v>
      </c>
      <c r="IQ12" s="71">
        <v>5</v>
      </c>
      <c r="IR12" s="71">
        <v>15</v>
      </c>
      <c r="IS12" s="71">
        <v>5</v>
      </c>
      <c r="IT12" s="72">
        <v>72</v>
      </c>
      <c r="IU12" s="73">
        <v>103</v>
      </c>
      <c r="IV12" s="70">
        <v>17</v>
      </c>
      <c r="IW12" s="71">
        <v>6</v>
      </c>
      <c r="IX12" s="72">
        <v>23</v>
      </c>
      <c r="IY12" s="244"/>
      <c r="IZ12" s="71">
        <v>53</v>
      </c>
      <c r="JA12" s="71">
        <v>30</v>
      </c>
      <c r="JB12" s="71">
        <v>14</v>
      </c>
      <c r="JC12" s="71">
        <v>18</v>
      </c>
      <c r="JD12" s="71">
        <v>7</v>
      </c>
      <c r="JE12" s="72">
        <v>122</v>
      </c>
      <c r="JF12" s="73">
        <v>145</v>
      </c>
      <c r="JG12" s="70">
        <v>20</v>
      </c>
      <c r="JH12" s="71">
        <v>18</v>
      </c>
      <c r="JI12" s="72">
        <v>38</v>
      </c>
      <c r="JJ12" s="244"/>
      <c r="JK12" s="71">
        <v>39</v>
      </c>
      <c r="JL12" s="71">
        <v>39</v>
      </c>
      <c r="JM12" s="71">
        <v>23</v>
      </c>
      <c r="JN12" s="71">
        <v>23</v>
      </c>
      <c r="JO12" s="71">
        <v>15</v>
      </c>
      <c r="JP12" s="72">
        <v>139</v>
      </c>
      <c r="JQ12" s="73">
        <v>177</v>
      </c>
      <c r="JR12" s="70">
        <v>0</v>
      </c>
      <c r="JS12" s="71">
        <v>0</v>
      </c>
      <c r="JT12" s="72">
        <v>0</v>
      </c>
      <c r="JU12" s="244"/>
      <c r="JV12" s="71">
        <v>0</v>
      </c>
      <c r="JW12" s="71">
        <v>0</v>
      </c>
      <c r="JX12" s="71">
        <v>0</v>
      </c>
      <c r="JY12" s="71">
        <v>0</v>
      </c>
      <c r="JZ12" s="71">
        <v>0</v>
      </c>
      <c r="KA12" s="72">
        <v>0</v>
      </c>
      <c r="KB12" s="73">
        <v>0</v>
      </c>
      <c r="KC12" s="70">
        <v>74</v>
      </c>
      <c r="KD12" s="71">
        <v>49</v>
      </c>
      <c r="KE12" s="72">
        <v>123</v>
      </c>
      <c r="KF12" s="244"/>
      <c r="KG12" s="71">
        <v>150</v>
      </c>
      <c r="KH12" s="71">
        <v>114</v>
      </c>
      <c r="KI12" s="71">
        <v>62</v>
      </c>
      <c r="KJ12" s="71">
        <v>74</v>
      </c>
      <c r="KK12" s="71">
        <v>34</v>
      </c>
      <c r="KL12" s="72">
        <v>434</v>
      </c>
      <c r="KM12" s="73">
        <v>557</v>
      </c>
    </row>
    <row r="13" spans="2:299" ht="19.5" customHeight="1" x14ac:dyDescent="0.2">
      <c r="B13" s="126" t="s">
        <v>9</v>
      </c>
      <c r="C13" s="316">
        <v>185</v>
      </c>
      <c r="D13" s="82">
        <v>103</v>
      </c>
      <c r="E13" s="83">
        <v>288</v>
      </c>
      <c r="F13" s="241"/>
      <c r="G13" s="82">
        <v>228</v>
      </c>
      <c r="H13" s="82">
        <v>134</v>
      </c>
      <c r="I13" s="82">
        <v>87</v>
      </c>
      <c r="J13" s="82">
        <v>93</v>
      </c>
      <c r="K13" s="82">
        <v>54</v>
      </c>
      <c r="L13" s="84">
        <v>596</v>
      </c>
      <c r="M13" s="85">
        <v>884</v>
      </c>
      <c r="N13" s="70">
        <v>2</v>
      </c>
      <c r="O13" s="71">
        <v>2</v>
      </c>
      <c r="P13" s="72">
        <v>4</v>
      </c>
      <c r="Q13" s="244"/>
      <c r="R13" s="71">
        <v>3</v>
      </c>
      <c r="S13" s="71">
        <v>3</v>
      </c>
      <c r="T13" s="71">
        <v>1</v>
      </c>
      <c r="U13" s="71">
        <v>4</v>
      </c>
      <c r="V13" s="71">
        <v>6</v>
      </c>
      <c r="W13" s="72">
        <v>17</v>
      </c>
      <c r="X13" s="73">
        <v>21</v>
      </c>
      <c r="Y13" s="70">
        <v>9</v>
      </c>
      <c r="Z13" s="71">
        <v>9</v>
      </c>
      <c r="AA13" s="72">
        <v>18</v>
      </c>
      <c r="AB13" s="244"/>
      <c r="AC13" s="71">
        <v>5</v>
      </c>
      <c r="AD13" s="71">
        <v>6</v>
      </c>
      <c r="AE13" s="71">
        <v>3</v>
      </c>
      <c r="AF13" s="71">
        <v>4</v>
      </c>
      <c r="AG13" s="71">
        <v>5</v>
      </c>
      <c r="AH13" s="72">
        <v>23</v>
      </c>
      <c r="AI13" s="73">
        <v>41</v>
      </c>
      <c r="AJ13" s="70">
        <v>20</v>
      </c>
      <c r="AK13" s="71">
        <v>9</v>
      </c>
      <c r="AL13" s="72">
        <v>29</v>
      </c>
      <c r="AM13" s="244"/>
      <c r="AN13" s="71">
        <v>16</v>
      </c>
      <c r="AO13" s="71">
        <v>14</v>
      </c>
      <c r="AP13" s="71">
        <v>8</v>
      </c>
      <c r="AQ13" s="71">
        <v>8</v>
      </c>
      <c r="AR13" s="71">
        <v>3</v>
      </c>
      <c r="AS13" s="72">
        <v>49</v>
      </c>
      <c r="AT13" s="73">
        <v>78</v>
      </c>
      <c r="AU13" s="70">
        <v>37</v>
      </c>
      <c r="AV13" s="71">
        <v>17</v>
      </c>
      <c r="AW13" s="72">
        <v>54</v>
      </c>
      <c r="AX13" s="244"/>
      <c r="AY13" s="71">
        <v>59</v>
      </c>
      <c r="AZ13" s="71">
        <v>24</v>
      </c>
      <c r="BA13" s="71">
        <v>17</v>
      </c>
      <c r="BB13" s="71">
        <v>14</v>
      </c>
      <c r="BC13" s="71">
        <v>11</v>
      </c>
      <c r="BD13" s="72">
        <v>125</v>
      </c>
      <c r="BE13" s="73">
        <v>179</v>
      </c>
      <c r="BF13" s="70">
        <v>62</v>
      </c>
      <c r="BG13" s="71">
        <v>40</v>
      </c>
      <c r="BH13" s="72">
        <v>102</v>
      </c>
      <c r="BI13" s="244"/>
      <c r="BJ13" s="71">
        <v>80</v>
      </c>
      <c r="BK13" s="71">
        <v>41</v>
      </c>
      <c r="BL13" s="71">
        <v>29</v>
      </c>
      <c r="BM13" s="71">
        <v>32</v>
      </c>
      <c r="BN13" s="71">
        <v>10</v>
      </c>
      <c r="BO13" s="72">
        <v>192</v>
      </c>
      <c r="BP13" s="73">
        <v>294</v>
      </c>
      <c r="BQ13" s="70">
        <v>55</v>
      </c>
      <c r="BR13" s="71">
        <v>26</v>
      </c>
      <c r="BS13" s="72">
        <v>81</v>
      </c>
      <c r="BT13" s="244"/>
      <c r="BU13" s="71">
        <v>65</v>
      </c>
      <c r="BV13" s="71">
        <v>46</v>
      </c>
      <c r="BW13" s="71">
        <v>29</v>
      </c>
      <c r="BX13" s="71">
        <v>31</v>
      </c>
      <c r="BY13" s="71">
        <v>19</v>
      </c>
      <c r="BZ13" s="72">
        <v>190</v>
      </c>
      <c r="CA13" s="73">
        <v>271</v>
      </c>
      <c r="CB13" s="70">
        <v>0</v>
      </c>
      <c r="CC13" s="71">
        <v>0</v>
      </c>
      <c r="CD13" s="72">
        <v>0</v>
      </c>
      <c r="CE13" s="244"/>
      <c r="CF13" s="71">
        <v>0</v>
      </c>
      <c r="CG13" s="71">
        <v>0</v>
      </c>
      <c r="CH13" s="71">
        <v>0</v>
      </c>
      <c r="CI13" s="71">
        <v>0</v>
      </c>
      <c r="CJ13" s="71">
        <v>0</v>
      </c>
      <c r="CK13" s="72">
        <v>0</v>
      </c>
      <c r="CL13" s="73">
        <v>0</v>
      </c>
      <c r="CM13" s="70">
        <v>185</v>
      </c>
      <c r="CN13" s="71">
        <v>103</v>
      </c>
      <c r="CO13" s="72">
        <v>288</v>
      </c>
      <c r="CP13" s="244"/>
      <c r="CQ13" s="71">
        <v>228</v>
      </c>
      <c r="CR13" s="71">
        <v>134</v>
      </c>
      <c r="CS13" s="71">
        <v>87</v>
      </c>
      <c r="CT13" s="71">
        <v>93</v>
      </c>
      <c r="CU13" s="71">
        <v>54</v>
      </c>
      <c r="CV13" s="72">
        <v>596</v>
      </c>
      <c r="CW13" s="73">
        <v>884</v>
      </c>
      <c r="CX13" s="123">
        <v>68</v>
      </c>
      <c r="CY13" s="82">
        <v>37</v>
      </c>
      <c r="CZ13" s="83">
        <v>105</v>
      </c>
      <c r="DA13" s="241"/>
      <c r="DB13" s="82">
        <v>71</v>
      </c>
      <c r="DC13" s="82">
        <v>45</v>
      </c>
      <c r="DD13" s="82">
        <v>42</v>
      </c>
      <c r="DE13" s="82">
        <v>45</v>
      </c>
      <c r="DF13" s="82">
        <v>25</v>
      </c>
      <c r="DG13" s="84">
        <v>228</v>
      </c>
      <c r="DH13" s="85">
        <v>333</v>
      </c>
      <c r="DI13" s="70">
        <v>0</v>
      </c>
      <c r="DJ13" s="71">
        <v>0</v>
      </c>
      <c r="DK13" s="72">
        <v>0</v>
      </c>
      <c r="DL13" s="244"/>
      <c r="DM13" s="71">
        <v>1</v>
      </c>
      <c r="DN13" s="71">
        <v>0</v>
      </c>
      <c r="DO13" s="71">
        <v>0</v>
      </c>
      <c r="DP13" s="71">
        <v>0</v>
      </c>
      <c r="DQ13" s="71">
        <v>0</v>
      </c>
      <c r="DR13" s="72">
        <v>1</v>
      </c>
      <c r="DS13" s="73">
        <v>1</v>
      </c>
      <c r="DT13" s="70">
        <v>6</v>
      </c>
      <c r="DU13" s="71">
        <v>1</v>
      </c>
      <c r="DV13" s="72">
        <v>7</v>
      </c>
      <c r="DW13" s="244"/>
      <c r="DX13" s="71">
        <v>4</v>
      </c>
      <c r="DY13" s="71">
        <v>2</v>
      </c>
      <c r="DZ13" s="71">
        <v>1</v>
      </c>
      <c r="EA13" s="71">
        <v>3</v>
      </c>
      <c r="EB13" s="71">
        <v>0</v>
      </c>
      <c r="EC13" s="72">
        <v>10</v>
      </c>
      <c r="ED13" s="73">
        <v>17</v>
      </c>
      <c r="EE13" s="70">
        <v>8</v>
      </c>
      <c r="EF13" s="71">
        <v>7</v>
      </c>
      <c r="EG13" s="72">
        <v>15</v>
      </c>
      <c r="EH13" s="244"/>
      <c r="EI13" s="71">
        <v>8</v>
      </c>
      <c r="EJ13" s="71">
        <v>4</v>
      </c>
      <c r="EK13" s="71">
        <v>2</v>
      </c>
      <c r="EL13" s="71">
        <v>2</v>
      </c>
      <c r="EM13" s="71">
        <v>1</v>
      </c>
      <c r="EN13" s="72">
        <v>17</v>
      </c>
      <c r="EO13" s="73">
        <v>32</v>
      </c>
      <c r="EP13" s="70">
        <v>23</v>
      </c>
      <c r="EQ13" s="71">
        <v>9</v>
      </c>
      <c r="ER13" s="72">
        <v>32</v>
      </c>
      <c r="ES13" s="244"/>
      <c r="ET13" s="71">
        <v>15</v>
      </c>
      <c r="EU13" s="71">
        <v>7</v>
      </c>
      <c r="EV13" s="71">
        <v>8</v>
      </c>
      <c r="EW13" s="71">
        <v>5</v>
      </c>
      <c r="EX13" s="71">
        <v>3</v>
      </c>
      <c r="EY13" s="72">
        <v>38</v>
      </c>
      <c r="EZ13" s="73">
        <v>70</v>
      </c>
      <c r="FA13" s="70">
        <v>19</v>
      </c>
      <c r="FB13" s="71">
        <v>6</v>
      </c>
      <c r="FC13" s="72">
        <v>25</v>
      </c>
      <c r="FD13" s="244"/>
      <c r="FE13" s="71">
        <v>18</v>
      </c>
      <c r="FF13" s="71">
        <v>13</v>
      </c>
      <c r="FG13" s="71">
        <v>12</v>
      </c>
      <c r="FH13" s="71">
        <v>9</v>
      </c>
      <c r="FI13" s="71">
        <v>6</v>
      </c>
      <c r="FJ13" s="72">
        <v>58</v>
      </c>
      <c r="FK13" s="73">
        <v>83</v>
      </c>
      <c r="FL13" s="70">
        <v>12</v>
      </c>
      <c r="FM13" s="71">
        <v>14</v>
      </c>
      <c r="FN13" s="72">
        <v>26</v>
      </c>
      <c r="FO13" s="244"/>
      <c r="FP13" s="71">
        <v>25</v>
      </c>
      <c r="FQ13" s="71">
        <v>19</v>
      </c>
      <c r="FR13" s="71">
        <v>19</v>
      </c>
      <c r="FS13" s="71">
        <v>26</v>
      </c>
      <c r="FT13" s="71">
        <v>15</v>
      </c>
      <c r="FU13" s="72">
        <v>104</v>
      </c>
      <c r="FV13" s="73">
        <v>130</v>
      </c>
      <c r="FW13" s="70">
        <v>0</v>
      </c>
      <c r="FX13" s="71">
        <v>0</v>
      </c>
      <c r="FY13" s="72">
        <v>0</v>
      </c>
      <c r="FZ13" s="244"/>
      <c r="GA13" s="71">
        <v>0</v>
      </c>
      <c r="GB13" s="71">
        <v>0</v>
      </c>
      <c r="GC13" s="71">
        <v>0</v>
      </c>
      <c r="GD13" s="71">
        <v>0</v>
      </c>
      <c r="GE13" s="71">
        <v>0</v>
      </c>
      <c r="GF13" s="72">
        <v>0</v>
      </c>
      <c r="GG13" s="73">
        <v>0</v>
      </c>
      <c r="GH13" s="70">
        <v>68</v>
      </c>
      <c r="GI13" s="71">
        <v>37</v>
      </c>
      <c r="GJ13" s="72">
        <v>105</v>
      </c>
      <c r="GK13" s="244"/>
      <c r="GL13" s="71">
        <v>71</v>
      </c>
      <c r="GM13" s="71">
        <v>45</v>
      </c>
      <c r="GN13" s="71">
        <v>42</v>
      </c>
      <c r="GO13" s="71">
        <v>45</v>
      </c>
      <c r="GP13" s="71">
        <v>25</v>
      </c>
      <c r="GQ13" s="72">
        <v>228</v>
      </c>
      <c r="GR13" s="73">
        <v>333</v>
      </c>
      <c r="GS13" s="123">
        <v>253</v>
      </c>
      <c r="GT13" s="82">
        <v>140</v>
      </c>
      <c r="GU13" s="83">
        <v>393</v>
      </c>
      <c r="GV13" s="241"/>
      <c r="GW13" s="82">
        <v>299</v>
      </c>
      <c r="GX13" s="82">
        <v>179</v>
      </c>
      <c r="GY13" s="82">
        <v>129</v>
      </c>
      <c r="GZ13" s="82">
        <v>138</v>
      </c>
      <c r="HA13" s="82">
        <v>79</v>
      </c>
      <c r="HB13" s="84">
        <v>824</v>
      </c>
      <c r="HC13" s="85">
        <v>1217</v>
      </c>
      <c r="HD13" s="70">
        <v>2</v>
      </c>
      <c r="HE13" s="71">
        <v>2</v>
      </c>
      <c r="HF13" s="72">
        <v>4</v>
      </c>
      <c r="HG13" s="244"/>
      <c r="HH13" s="71">
        <v>4</v>
      </c>
      <c r="HI13" s="71">
        <v>3</v>
      </c>
      <c r="HJ13" s="71">
        <v>1</v>
      </c>
      <c r="HK13" s="71">
        <v>4</v>
      </c>
      <c r="HL13" s="71">
        <v>6</v>
      </c>
      <c r="HM13" s="72">
        <v>18</v>
      </c>
      <c r="HN13" s="73">
        <v>22</v>
      </c>
      <c r="HO13" s="70">
        <v>15</v>
      </c>
      <c r="HP13" s="71">
        <v>10</v>
      </c>
      <c r="HQ13" s="72">
        <v>25</v>
      </c>
      <c r="HR13" s="244"/>
      <c r="HS13" s="71">
        <v>9</v>
      </c>
      <c r="HT13" s="71">
        <v>8</v>
      </c>
      <c r="HU13" s="71">
        <v>4</v>
      </c>
      <c r="HV13" s="71">
        <v>7</v>
      </c>
      <c r="HW13" s="71">
        <v>5</v>
      </c>
      <c r="HX13" s="72">
        <v>33</v>
      </c>
      <c r="HY13" s="73">
        <v>58</v>
      </c>
      <c r="HZ13" s="70">
        <v>28</v>
      </c>
      <c r="IA13" s="71">
        <v>16</v>
      </c>
      <c r="IB13" s="72">
        <v>44</v>
      </c>
      <c r="IC13" s="244"/>
      <c r="ID13" s="71">
        <v>24</v>
      </c>
      <c r="IE13" s="71">
        <v>18</v>
      </c>
      <c r="IF13" s="71">
        <v>10</v>
      </c>
      <c r="IG13" s="71">
        <v>10</v>
      </c>
      <c r="IH13" s="71">
        <v>4</v>
      </c>
      <c r="II13" s="72">
        <v>66</v>
      </c>
      <c r="IJ13" s="73">
        <v>110</v>
      </c>
      <c r="IK13" s="70">
        <v>60</v>
      </c>
      <c r="IL13" s="71">
        <v>26</v>
      </c>
      <c r="IM13" s="72">
        <v>86</v>
      </c>
      <c r="IN13" s="244"/>
      <c r="IO13" s="71">
        <v>74</v>
      </c>
      <c r="IP13" s="71">
        <v>31</v>
      </c>
      <c r="IQ13" s="71">
        <v>25</v>
      </c>
      <c r="IR13" s="71">
        <v>19</v>
      </c>
      <c r="IS13" s="71">
        <v>14</v>
      </c>
      <c r="IT13" s="72">
        <v>163</v>
      </c>
      <c r="IU13" s="73">
        <v>249</v>
      </c>
      <c r="IV13" s="70">
        <v>81</v>
      </c>
      <c r="IW13" s="71">
        <v>46</v>
      </c>
      <c r="IX13" s="72">
        <v>127</v>
      </c>
      <c r="IY13" s="244"/>
      <c r="IZ13" s="71">
        <v>98</v>
      </c>
      <c r="JA13" s="71">
        <v>54</v>
      </c>
      <c r="JB13" s="71">
        <v>41</v>
      </c>
      <c r="JC13" s="71">
        <v>41</v>
      </c>
      <c r="JD13" s="71">
        <v>16</v>
      </c>
      <c r="JE13" s="72">
        <v>250</v>
      </c>
      <c r="JF13" s="73">
        <v>377</v>
      </c>
      <c r="JG13" s="70">
        <v>67</v>
      </c>
      <c r="JH13" s="71">
        <v>40</v>
      </c>
      <c r="JI13" s="72">
        <v>107</v>
      </c>
      <c r="JJ13" s="244"/>
      <c r="JK13" s="71">
        <v>90</v>
      </c>
      <c r="JL13" s="71">
        <v>65</v>
      </c>
      <c r="JM13" s="71">
        <v>48</v>
      </c>
      <c r="JN13" s="71">
        <v>57</v>
      </c>
      <c r="JO13" s="71">
        <v>34</v>
      </c>
      <c r="JP13" s="72">
        <v>294</v>
      </c>
      <c r="JQ13" s="73">
        <v>401</v>
      </c>
      <c r="JR13" s="70">
        <v>0</v>
      </c>
      <c r="JS13" s="71">
        <v>0</v>
      </c>
      <c r="JT13" s="72">
        <v>0</v>
      </c>
      <c r="JU13" s="244"/>
      <c r="JV13" s="71">
        <v>0</v>
      </c>
      <c r="JW13" s="71">
        <v>0</v>
      </c>
      <c r="JX13" s="71">
        <v>0</v>
      </c>
      <c r="JY13" s="71">
        <v>0</v>
      </c>
      <c r="JZ13" s="71">
        <v>0</v>
      </c>
      <c r="KA13" s="72">
        <v>0</v>
      </c>
      <c r="KB13" s="73">
        <v>0</v>
      </c>
      <c r="KC13" s="70">
        <v>253</v>
      </c>
      <c r="KD13" s="71">
        <v>140</v>
      </c>
      <c r="KE13" s="72">
        <v>393</v>
      </c>
      <c r="KF13" s="244"/>
      <c r="KG13" s="71">
        <v>299</v>
      </c>
      <c r="KH13" s="71">
        <v>179</v>
      </c>
      <c r="KI13" s="71">
        <v>129</v>
      </c>
      <c r="KJ13" s="71">
        <v>138</v>
      </c>
      <c r="KK13" s="71">
        <v>79</v>
      </c>
      <c r="KL13" s="72">
        <v>824</v>
      </c>
      <c r="KM13" s="73">
        <v>1217</v>
      </c>
    </row>
    <row r="14" spans="2:299" ht="19.5" customHeight="1" x14ac:dyDescent="0.2">
      <c r="B14" s="126" t="s">
        <v>10</v>
      </c>
      <c r="C14" s="316">
        <v>274</v>
      </c>
      <c r="D14" s="82">
        <v>179</v>
      </c>
      <c r="E14" s="83">
        <v>453</v>
      </c>
      <c r="F14" s="241"/>
      <c r="G14" s="82">
        <v>236</v>
      </c>
      <c r="H14" s="82">
        <v>150</v>
      </c>
      <c r="I14" s="82">
        <v>113</v>
      </c>
      <c r="J14" s="82">
        <v>83</v>
      </c>
      <c r="K14" s="82">
        <v>83</v>
      </c>
      <c r="L14" s="84">
        <v>665</v>
      </c>
      <c r="M14" s="85">
        <v>1118</v>
      </c>
      <c r="N14" s="70">
        <v>6</v>
      </c>
      <c r="O14" s="71">
        <v>8</v>
      </c>
      <c r="P14" s="72">
        <v>14</v>
      </c>
      <c r="Q14" s="244"/>
      <c r="R14" s="71">
        <v>7</v>
      </c>
      <c r="S14" s="71">
        <v>7</v>
      </c>
      <c r="T14" s="71">
        <v>3</v>
      </c>
      <c r="U14" s="71">
        <v>2</v>
      </c>
      <c r="V14" s="71">
        <v>3</v>
      </c>
      <c r="W14" s="72">
        <v>22</v>
      </c>
      <c r="X14" s="73">
        <v>36</v>
      </c>
      <c r="Y14" s="70">
        <v>18</v>
      </c>
      <c r="Z14" s="71">
        <v>14</v>
      </c>
      <c r="AA14" s="72">
        <v>32</v>
      </c>
      <c r="AB14" s="244"/>
      <c r="AC14" s="71">
        <v>22</v>
      </c>
      <c r="AD14" s="71">
        <v>14</v>
      </c>
      <c r="AE14" s="71">
        <v>4</v>
      </c>
      <c r="AF14" s="71">
        <v>4</v>
      </c>
      <c r="AG14" s="71">
        <v>11</v>
      </c>
      <c r="AH14" s="72">
        <v>55</v>
      </c>
      <c r="AI14" s="73">
        <v>87</v>
      </c>
      <c r="AJ14" s="70">
        <v>27</v>
      </c>
      <c r="AK14" s="71">
        <v>20</v>
      </c>
      <c r="AL14" s="72">
        <v>47</v>
      </c>
      <c r="AM14" s="244"/>
      <c r="AN14" s="71">
        <v>28</v>
      </c>
      <c r="AO14" s="71">
        <v>20</v>
      </c>
      <c r="AP14" s="71">
        <v>12</v>
      </c>
      <c r="AQ14" s="71">
        <v>10</v>
      </c>
      <c r="AR14" s="71">
        <v>14</v>
      </c>
      <c r="AS14" s="72">
        <v>84</v>
      </c>
      <c r="AT14" s="73">
        <v>131</v>
      </c>
      <c r="AU14" s="70">
        <v>60</v>
      </c>
      <c r="AV14" s="71">
        <v>38</v>
      </c>
      <c r="AW14" s="72">
        <v>98</v>
      </c>
      <c r="AX14" s="244"/>
      <c r="AY14" s="71">
        <v>48</v>
      </c>
      <c r="AZ14" s="71">
        <v>24</v>
      </c>
      <c r="BA14" s="71">
        <v>19</v>
      </c>
      <c r="BB14" s="71">
        <v>8</v>
      </c>
      <c r="BC14" s="71">
        <v>23</v>
      </c>
      <c r="BD14" s="72">
        <v>122</v>
      </c>
      <c r="BE14" s="73">
        <v>220</v>
      </c>
      <c r="BF14" s="70">
        <v>90</v>
      </c>
      <c r="BG14" s="71">
        <v>48</v>
      </c>
      <c r="BH14" s="72">
        <v>138</v>
      </c>
      <c r="BI14" s="244"/>
      <c r="BJ14" s="71">
        <v>68</v>
      </c>
      <c r="BK14" s="71">
        <v>39</v>
      </c>
      <c r="BL14" s="71">
        <v>34</v>
      </c>
      <c r="BM14" s="71">
        <v>29</v>
      </c>
      <c r="BN14" s="71">
        <v>13</v>
      </c>
      <c r="BO14" s="72">
        <v>183</v>
      </c>
      <c r="BP14" s="73">
        <v>321</v>
      </c>
      <c r="BQ14" s="70">
        <v>73</v>
      </c>
      <c r="BR14" s="71">
        <v>51</v>
      </c>
      <c r="BS14" s="72">
        <v>124</v>
      </c>
      <c r="BT14" s="244"/>
      <c r="BU14" s="71">
        <v>63</v>
      </c>
      <c r="BV14" s="71">
        <v>46</v>
      </c>
      <c r="BW14" s="71">
        <v>41</v>
      </c>
      <c r="BX14" s="71">
        <v>30</v>
      </c>
      <c r="BY14" s="71">
        <v>19</v>
      </c>
      <c r="BZ14" s="72">
        <v>199</v>
      </c>
      <c r="CA14" s="73">
        <v>323</v>
      </c>
      <c r="CB14" s="70">
        <v>0</v>
      </c>
      <c r="CC14" s="71">
        <v>0</v>
      </c>
      <c r="CD14" s="72">
        <v>0</v>
      </c>
      <c r="CE14" s="244"/>
      <c r="CF14" s="71">
        <v>0</v>
      </c>
      <c r="CG14" s="71">
        <v>0</v>
      </c>
      <c r="CH14" s="71">
        <v>0</v>
      </c>
      <c r="CI14" s="71">
        <v>0</v>
      </c>
      <c r="CJ14" s="71">
        <v>0</v>
      </c>
      <c r="CK14" s="72">
        <v>0</v>
      </c>
      <c r="CL14" s="73">
        <v>0</v>
      </c>
      <c r="CM14" s="70">
        <v>274</v>
      </c>
      <c r="CN14" s="71">
        <v>179</v>
      </c>
      <c r="CO14" s="72">
        <v>453</v>
      </c>
      <c r="CP14" s="244"/>
      <c r="CQ14" s="71">
        <v>236</v>
      </c>
      <c r="CR14" s="71">
        <v>150</v>
      </c>
      <c r="CS14" s="71">
        <v>113</v>
      </c>
      <c r="CT14" s="71">
        <v>83</v>
      </c>
      <c r="CU14" s="71">
        <v>83</v>
      </c>
      <c r="CV14" s="72">
        <v>665</v>
      </c>
      <c r="CW14" s="73">
        <v>1118</v>
      </c>
      <c r="CX14" s="123">
        <v>107</v>
      </c>
      <c r="CY14" s="82">
        <v>63</v>
      </c>
      <c r="CZ14" s="83">
        <v>170</v>
      </c>
      <c r="DA14" s="241"/>
      <c r="DB14" s="82">
        <v>112</v>
      </c>
      <c r="DC14" s="82">
        <v>57</v>
      </c>
      <c r="DD14" s="82">
        <v>48</v>
      </c>
      <c r="DE14" s="82">
        <v>37</v>
      </c>
      <c r="DF14" s="82">
        <v>37</v>
      </c>
      <c r="DG14" s="84">
        <v>291</v>
      </c>
      <c r="DH14" s="85">
        <v>461</v>
      </c>
      <c r="DI14" s="70">
        <v>8</v>
      </c>
      <c r="DJ14" s="71">
        <v>2</v>
      </c>
      <c r="DK14" s="72">
        <v>10</v>
      </c>
      <c r="DL14" s="244"/>
      <c r="DM14" s="71">
        <v>2</v>
      </c>
      <c r="DN14" s="71">
        <v>0</v>
      </c>
      <c r="DO14" s="71">
        <v>3</v>
      </c>
      <c r="DP14" s="71">
        <v>0</v>
      </c>
      <c r="DQ14" s="71">
        <v>1</v>
      </c>
      <c r="DR14" s="72">
        <v>6</v>
      </c>
      <c r="DS14" s="73">
        <v>16</v>
      </c>
      <c r="DT14" s="70">
        <v>9</v>
      </c>
      <c r="DU14" s="71">
        <v>5</v>
      </c>
      <c r="DV14" s="72">
        <v>14</v>
      </c>
      <c r="DW14" s="244"/>
      <c r="DX14" s="71">
        <v>2</v>
      </c>
      <c r="DY14" s="71">
        <v>1</v>
      </c>
      <c r="DZ14" s="71">
        <v>1</v>
      </c>
      <c r="EA14" s="71">
        <v>1</v>
      </c>
      <c r="EB14" s="71">
        <v>1</v>
      </c>
      <c r="EC14" s="72">
        <v>6</v>
      </c>
      <c r="ED14" s="73">
        <v>20</v>
      </c>
      <c r="EE14" s="70">
        <v>15</v>
      </c>
      <c r="EF14" s="71">
        <v>7</v>
      </c>
      <c r="EG14" s="72">
        <v>22</v>
      </c>
      <c r="EH14" s="244"/>
      <c r="EI14" s="71">
        <v>8</v>
      </c>
      <c r="EJ14" s="71">
        <v>5</v>
      </c>
      <c r="EK14" s="71">
        <v>7</v>
      </c>
      <c r="EL14" s="71">
        <v>2</v>
      </c>
      <c r="EM14" s="71">
        <v>2</v>
      </c>
      <c r="EN14" s="72">
        <v>24</v>
      </c>
      <c r="EO14" s="73">
        <v>46</v>
      </c>
      <c r="EP14" s="70">
        <v>28</v>
      </c>
      <c r="EQ14" s="71">
        <v>20</v>
      </c>
      <c r="ER14" s="72">
        <v>48</v>
      </c>
      <c r="ES14" s="244"/>
      <c r="ET14" s="71">
        <v>25</v>
      </c>
      <c r="EU14" s="71">
        <v>6</v>
      </c>
      <c r="EV14" s="71">
        <v>4</v>
      </c>
      <c r="EW14" s="71">
        <v>1</v>
      </c>
      <c r="EX14" s="71">
        <v>4</v>
      </c>
      <c r="EY14" s="72">
        <v>40</v>
      </c>
      <c r="EZ14" s="73">
        <v>88</v>
      </c>
      <c r="FA14" s="70">
        <v>29</v>
      </c>
      <c r="FB14" s="71">
        <v>13</v>
      </c>
      <c r="FC14" s="72">
        <v>42</v>
      </c>
      <c r="FD14" s="244"/>
      <c r="FE14" s="71">
        <v>34</v>
      </c>
      <c r="FF14" s="71">
        <v>13</v>
      </c>
      <c r="FG14" s="71">
        <v>13</v>
      </c>
      <c r="FH14" s="71">
        <v>8</v>
      </c>
      <c r="FI14" s="71">
        <v>9</v>
      </c>
      <c r="FJ14" s="72">
        <v>77</v>
      </c>
      <c r="FK14" s="73">
        <v>119</v>
      </c>
      <c r="FL14" s="70">
        <v>18</v>
      </c>
      <c r="FM14" s="71">
        <v>16</v>
      </c>
      <c r="FN14" s="72">
        <v>34</v>
      </c>
      <c r="FO14" s="244"/>
      <c r="FP14" s="71">
        <v>41</v>
      </c>
      <c r="FQ14" s="71">
        <v>32</v>
      </c>
      <c r="FR14" s="71">
        <v>20</v>
      </c>
      <c r="FS14" s="71">
        <v>25</v>
      </c>
      <c r="FT14" s="71">
        <v>20</v>
      </c>
      <c r="FU14" s="72">
        <v>138</v>
      </c>
      <c r="FV14" s="73">
        <v>172</v>
      </c>
      <c r="FW14" s="70">
        <v>0</v>
      </c>
      <c r="FX14" s="71">
        <v>0</v>
      </c>
      <c r="FY14" s="72">
        <v>0</v>
      </c>
      <c r="FZ14" s="244"/>
      <c r="GA14" s="71">
        <v>0</v>
      </c>
      <c r="GB14" s="71">
        <v>0</v>
      </c>
      <c r="GC14" s="71">
        <v>0</v>
      </c>
      <c r="GD14" s="71">
        <v>0</v>
      </c>
      <c r="GE14" s="71">
        <v>0</v>
      </c>
      <c r="GF14" s="72">
        <v>0</v>
      </c>
      <c r="GG14" s="73">
        <v>0</v>
      </c>
      <c r="GH14" s="70">
        <v>107</v>
      </c>
      <c r="GI14" s="71">
        <v>63</v>
      </c>
      <c r="GJ14" s="72">
        <v>170</v>
      </c>
      <c r="GK14" s="244"/>
      <c r="GL14" s="71">
        <v>112</v>
      </c>
      <c r="GM14" s="71">
        <v>57</v>
      </c>
      <c r="GN14" s="71">
        <v>48</v>
      </c>
      <c r="GO14" s="71">
        <v>37</v>
      </c>
      <c r="GP14" s="71">
        <v>37</v>
      </c>
      <c r="GQ14" s="72">
        <v>291</v>
      </c>
      <c r="GR14" s="73">
        <v>461</v>
      </c>
      <c r="GS14" s="123">
        <v>381</v>
      </c>
      <c r="GT14" s="82">
        <v>242</v>
      </c>
      <c r="GU14" s="83">
        <v>623</v>
      </c>
      <c r="GV14" s="241"/>
      <c r="GW14" s="82">
        <v>348</v>
      </c>
      <c r="GX14" s="82">
        <v>207</v>
      </c>
      <c r="GY14" s="82">
        <v>161</v>
      </c>
      <c r="GZ14" s="82">
        <v>120</v>
      </c>
      <c r="HA14" s="82">
        <v>120</v>
      </c>
      <c r="HB14" s="84">
        <v>956</v>
      </c>
      <c r="HC14" s="85">
        <v>1579</v>
      </c>
      <c r="HD14" s="70">
        <v>14</v>
      </c>
      <c r="HE14" s="71">
        <v>10</v>
      </c>
      <c r="HF14" s="72">
        <v>24</v>
      </c>
      <c r="HG14" s="244"/>
      <c r="HH14" s="71">
        <v>9</v>
      </c>
      <c r="HI14" s="71">
        <v>7</v>
      </c>
      <c r="HJ14" s="71">
        <v>6</v>
      </c>
      <c r="HK14" s="71">
        <v>2</v>
      </c>
      <c r="HL14" s="71">
        <v>4</v>
      </c>
      <c r="HM14" s="72">
        <v>28</v>
      </c>
      <c r="HN14" s="73">
        <v>52</v>
      </c>
      <c r="HO14" s="70">
        <v>27</v>
      </c>
      <c r="HP14" s="71">
        <v>19</v>
      </c>
      <c r="HQ14" s="72">
        <v>46</v>
      </c>
      <c r="HR14" s="244"/>
      <c r="HS14" s="71">
        <v>24</v>
      </c>
      <c r="HT14" s="71">
        <v>15</v>
      </c>
      <c r="HU14" s="71">
        <v>5</v>
      </c>
      <c r="HV14" s="71">
        <v>5</v>
      </c>
      <c r="HW14" s="71">
        <v>12</v>
      </c>
      <c r="HX14" s="72">
        <v>61</v>
      </c>
      <c r="HY14" s="73">
        <v>107</v>
      </c>
      <c r="HZ14" s="70">
        <v>42</v>
      </c>
      <c r="IA14" s="71">
        <v>27</v>
      </c>
      <c r="IB14" s="72">
        <v>69</v>
      </c>
      <c r="IC14" s="244"/>
      <c r="ID14" s="71">
        <v>36</v>
      </c>
      <c r="IE14" s="71">
        <v>25</v>
      </c>
      <c r="IF14" s="71">
        <v>19</v>
      </c>
      <c r="IG14" s="71">
        <v>12</v>
      </c>
      <c r="IH14" s="71">
        <v>16</v>
      </c>
      <c r="II14" s="72">
        <v>108</v>
      </c>
      <c r="IJ14" s="73">
        <v>177</v>
      </c>
      <c r="IK14" s="70">
        <v>88</v>
      </c>
      <c r="IL14" s="71">
        <v>58</v>
      </c>
      <c r="IM14" s="72">
        <v>146</v>
      </c>
      <c r="IN14" s="244"/>
      <c r="IO14" s="71">
        <v>73</v>
      </c>
      <c r="IP14" s="71">
        <v>30</v>
      </c>
      <c r="IQ14" s="71">
        <v>23</v>
      </c>
      <c r="IR14" s="71">
        <v>9</v>
      </c>
      <c r="IS14" s="71">
        <v>27</v>
      </c>
      <c r="IT14" s="72">
        <v>162</v>
      </c>
      <c r="IU14" s="73">
        <v>308</v>
      </c>
      <c r="IV14" s="70">
        <v>119</v>
      </c>
      <c r="IW14" s="71">
        <v>61</v>
      </c>
      <c r="IX14" s="72">
        <v>180</v>
      </c>
      <c r="IY14" s="244"/>
      <c r="IZ14" s="71">
        <v>102</v>
      </c>
      <c r="JA14" s="71">
        <v>52</v>
      </c>
      <c r="JB14" s="71">
        <v>47</v>
      </c>
      <c r="JC14" s="71">
        <v>37</v>
      </c>
      <c r="JD14" s="71">
        <v>22</v>
      </c>
      <c r="JE14" s="72">
        <v>260</v>
      </c>
      <c r="JF14" s="73">
        <v>440</v>
      </c>
      <c r="JG14" s="70">
        <v>91</v>
      </c>
      <c r="JH14" s="71">
        <v>67</v>
      </c>
      <c r="JI14" s="72">
        <v>158</v>
      </c>
      <c r="JJ14" s="244"/>
      <c r="JK14" s="71">
        <v>104</v>
      </c>
      <c r="JL14" s="71">
        <v>78</v>
      </c>
      <c r="JM14" s="71">
        <v>61</v>
      </c>
      <c r="JN14" s="71">
        <v>55</v>
      </c>
      <c r="JO14" s="71">
        <v>39</v>
      </c>
      <c r="JP14" s="72">
        <v>337</v>
      </c>
      <c r="JQ14" s="73">
        <v>495</v>
      </c>
      <c r="JR14" s="70">
        <v>0</v>
      </c>
      <c r="JS14" s="71">
        <v>0</v>
      </c>
      <c r="JT14" s="72">
        <v>0</v>
      </c>
      <c r="JU14" s="244"/>
      <c r="JV14" s="71">
        <v>0</v>
      </c>
      <c r="JW14" s="71">
        <v>0</v>
      </c>
      <c r="JX14" s="71">
        <v>0</v>
      </c>
      <c r="JY14" s="71">
        <v>0</v>
      </c>
      <c r="JZ14" s="71">
        <v>0</v>
      </c>
      <c r="KA14" s="72">
        <v>0</v>
      </c>
      <c r="KB14" s="73">
        <v>0</v>
      </c>
      <c r="KC14" s="70">
        <v>381</v>
      </c>
      <c r="KD14" s="71">
        <v>242</v>
      </c>
      <c r="KE14" s="72">
        <v>623</v>
      </c>
      <c r="KF14" s="244"/>
      <c r="KG14" s="71">
        <v>348</v>
      </c>
      <c r="KH14" s="71">
        <v>207</v>
      </c>
      <c r="KI14" s="71">
        <v>161</v>
      </c>
      <c r="KJ14" s="71">
        <v>120</v>
      </c>
      <c r="KK14" s="71">
        <v>120</v>
      </c>
      <c r="KL14" s="72">
        <v>956</v>
      </c>
      <c r="KM14" s="73">
        <v>1579</v>
      </c>
    </row>
    <row r="15" spans="2:299" ht="19.5" customHeight="1" x14ac:dyDescent="0.2">
      <c r="B15" s="126" t="s">
        <v>11</v>
      </c>
      <c r="C15" s="316">
        <v>49</v>
      </c>
      <c r="D15" s="82">
        <v>33</v>
      </c>
      <c r="E15" s="83">
        <v>82</v>
      </c>
      <c r="F15" s="241"/>
      <c r="G15" s="82">
        <v>103</v>
      </c>
      <c r="H15" s="82">
        <v>35</v>
      </c>
      <c r="I15" s="82">
        <v>32</v>
      </c>
      <c r="J15" s="82">
        <v>27</v>
      </c>
      <c r="K15" s="82">
        <v>19</v>
      </c>
      <c r="L15" s="84">
        <v>216</v>
      </c>
      <c r="M15" s="85">
        <v>298</v>
      </c>
      <c r="N15" s="70">
        <v>0</v>
      </c>
      <c r="O15" s="71">
        <v>3</v>
      </c>
      <c r="P15" s="72">
        <v>3</v>
      </c>
      <c r="Q15" s="244"/>
      <c r="R15" s="71">
        <v>5</v>
      </c>
      <c r="S15" s="71">
        <v>1</v>
      </c>
      <c r="T15" s="71">
        <v>0</v>
      </c>
      <c r="U15" s="71">
        <v>1</v>
      </c>
      <c r="V15" s="71">
        <v>0</v>
      </c>
      <c r="W15" s="72">
        <v>7</v>
      </c>
      <c r="X15" s="73">
        <v>10</v>
      </c>
      <c r="Y15" s="70">
        <v>5</v>
      </c>
      <c r="Z15" s="71">
        <v>1</v>
      </c>
      <c r="AA15" s="72">
        <v>6</v>
      </c>
      <c r="AB15" s="244"/>
      <c r="AC15" s="71">
        <v>11</v>
      </c>
      <c r="AD15" s="71">
        <v>3</v>
      </c>
      <c r="AE15" s="71">
        <v>2</v>
      </c>
      <c r="AF15" s="71">
        <v>0</v>
      </c>
      <c r="AG15" s="71">
        <v>1</v>
      </c>
      <c r="AH15" s="72">
        <v>17</v>
      </c>
      <c r="AI15" s="73">
        <v>23</v>
      </c>
      <c r="AJ15" s="70">
        <v>4</v>
      </c>
      <c r="AK15" s="71">
        <v>3</v>
      </c>
      <c r="AL15" s="72">
        <v>7</v>
      </c>
      <c r="AM15" s="244"/>
      <c r="AN15" s="71">
        <v>21</v>
      </c>
      <c r="AO15" s="71">
        <v>4</v>
      </c>
      <c r="AP15" s="71">
        <v>4</v>
      </c>
      <c r="AQ15" s="71">
        <v>7</v>
      </c>
      <c r="AR15" s="71">
        <v>2</v>
      </c>
      <c r="AS15" s="72">
        <v>38</v>
      </c>
      <c r="AT15" s="73">
        <v>45</v>
      </c>
      <c r="AU15" s="70">
        <v>10</v>
      </c>
      <c r="AV15" s="71">
        <v>6</v>
      </c>
      <c r="AW15" s="72">
        <v>16</v>
      </c>
      <c r="AX15" s="244"/>
      <c r="AY15" s="71">
        <v>25</v>
      </c>
      <c r="AZ15" s="71">
        <v>12</v>
      </c>
      <c r="BA15" s="71">
        <v>8</v>
      </c>
      <c r="BB15" s="71">
        <v>7</v>
      </c>
      <c r="BC15" s="71">
        <v>3</v>
      </c>
      <c r="BD15" s="72">
        <v>55</v>
      </c>
      <c r="BE15" s="73">
        <v>71</v>
      </c>
      <c r="BF15" s="70">
        <v>23</v>
      </c>
      <c r="BG15" s="71">
        <v>13</v>
      </c>
      <c r="BH15" s="72">
        <v>36</v>
      </c>
      <c r="BI15" s="244"/>
      <c r="BJ15" s="71">
        <v>19</v>
      </c>
      <c r="BK15" s="71">
        <v>5</v>
      </c>
      <c r="BL15" s="71">
        <v>5</v>
      </c>
      <c r="BM15" s="71">
        <v>5</v>
      </c>
      <c r="BN15" s="71">
        <v>6</v>
      </c>
      <c r="BO15" s="72">
        <v>40</v>
      </c>
      <c r="BP15" s="73">
        <v>76</v>
      </c>
      <c r="BQ15" s="70">
        <v>7</v>
      </c>
      <c r="BR15" s="71">
        <v>7</v>
      </c>
      <c r="BS15" s="72">
        <v>14</v>
      </c>
      <c r="BT15" s="244"/>
      <c r="BU15" s="71">
        <v>22</v>
      </c>
      <c r="BV15" s="71">
        <v>10</v>
      </c>
      <c r="BW15" s="71">
        <v>13</v>
      </c>
      <c r="BX15" s="71">
        <v>7</v>
      </c>
      <c r="BY15" s="71">
        <v>7</v>
      </c>
      <c r="BZ15" s="72">
        <v>59</v>
      </c>
      <c r="CA15" s="73">
        <v>73</v>
      </c>
      <c r="CB15" s="70">
        <v>0</v>
      </c>
      <c r="CC15" s="71">
        <v>0</v>
      </c>
      <c r="CD15" s="72">
        <v>0</v>
      </c>
      <c r="CE15" s="244"/>
      <c r="CF15" s="71">
        <v>0</v>
      </c>
      <c r="CG15" s="71">
        <v>0</v>
      </c>
      <c r="CH15" s="71">
        <v>0</v>
      </c>
      <c r="CI15" s="71">
        <v>0</v>
      </c>
      <c r="CJ15" s="71">
        <v>0</v>
      </c>
      <c r="CK15" s="72">
        <v>0</v>
      </c>
      <c r="CL15" s="73">
        <v>0</v>
      </c>
      <c r="CM15" s="70">
        <v>49</v>
      </c>
      <c r="CN15" s="71">
        <v>33</v>
      </c>
      <c r="CO15" s="72">
        <v>82</v>
      </c>
      <c r="CP15" s="244"/>
      <c r="CQ15" s="71">
        <v>103</v>
      </c>
      <c r="CR15" s="71">
        <v>35</v>
      </c>
      <c r="CS15" s="71">
        <v>32</v>
      </c>
      <c r="CT15" s="71">
        <v>27</v>
      </c>
      <c r="CU15" s="71">
        <v>19</v>
      </c>
      <c r="CV15" s="72">
        <v>216</v>
      </c>
      <c r="CW15" s="73">
        <v>298</v>
      </c>
      <c r="CX15" s="123">
        <v>23</v>
      </c>
      <c r="CY15" s="82">
        <v>20</v>
      </c>
      <c r="CZ15" s="83">
        <v>43</v>
      </c>
      <c r="DA15" s="241"/>
      <c r="DB15" s="82">
        <v>39</v>
      </c>
      <c r="DC15" s="82">
        <v>28</v>
      </c>
      <c r="DD15" s="82">
        <v>25</v>
      </c>
      <c r="DE15" s="82">
        <v>34</v>
      </c>
      <c r="DF15" s="82">
        <v>14</v>
      </c>
      <c r="DG15" s="84">
        <v>140</v>
      </c>
      <c r="DH15" s="85">
        <v>183</v>
      </c>
      <c r="DI15" s="70">
        <v>0</v>
      </c>
      <c r="DJ15" s="71">
        <v>1</v>
      </c>
      <c r="DK15" s="72">
        <v>1</v>
      </c>
      <c r="DL15" s="244"/>
      <c r="DM15" s="71">
        <v>1</v>
      </c>
      <c r="DN15" s="71">
        <v>0</v>
      </c>
      <c r="DO15" s="71">
        <v>0</v>
      </c>
      <c r="DP15" s="71">
        <v>0</v>
      </c>
      <c r="DQ15" s="71">
        <v>0</v>
      </c>
      <c r="DR15" s="72">
        <v>1</v>
      </c>
      <c r="DS15" s="73">
        <v>2</v>
      </c>
      <c r="DT15" s="70">
        <v>2</v>
      </c>
      <c r="DU15" s="71">
        <v>0</v>
      </c>
      <c r="DV15" s="72">
        <v>2</v>
      </c>
      <c r="DW15" s="244"/>
      <c r="DX15" s="71">
        <v>5</v>
      </c>
      <c r="DY15" s="71">
        <v>2</v>
      </c>
      <c r="DZ15" s="71">
        <v>0</v>
      </c>
      <c r="EA15" s="71">
        <v>1</v>
      </c>
      <c r="EB15" s="71">
        <v>1</v>
      </c>
      <c r="EC15" s="72">
        <v>9</v>
      </c>
      <c r="ED15" s="73">
        <v>11</v>
      </c>
      <c r="EE15" s="70">
        <v>3</v>
      </c>
      <c r="EF15" s="71">
        <v>5</v>
      </c>
      <c r="EG15" s="72">
        <v>8</v>
      </c>
      <c r="EH15" s="244"/>
      <c r="EI15" s="71">
        <v>5</v>
      </c>
      <c r="EJ15" s="71">
        <v>3</v>
      </c>
      <c r="EK15" s="71">
        <v>3</v>
      </c>
      <c r="EL15" s="71">
        <v>1</v>
      </c>
      <c r="EM15" s="71">
        <v>0</v>
      </c>
      <c r="EN15" s="72">
        <v>12</v>
      </c>
      <c r="EO15" s="73">
        <v>20</v>
      </c>
      <c r="EP15" s="70">
        <v>3</v>
      </c>
      <c r="EQ15" s="71">
        <v>2</v>
      </c>
      <c r="ER15" s="72">
        <v>5</v>
      </c>
      <c r="ES15" s="244"/>
      <c r="ET15" s="71">
        <v>4</v>
      </c>
      <c r="EU15" s="71">
        <v>6</v>
      </c>
      <c r="EV15" s="71">
        <v>1</v>
      </c>
      <c r="EW15" s="71">
        <v>4</v>
      </c>
      <c r="EX15" s="71">
        <v>2</v>
      </c>
      <c r="EY15" s="72">
        <v>17</v>
      </c>
      <c r="EZ15" s="73">
        <v>22</v>
      </c>
      <c r="FA15" s="70">
        <v>10</v>
      </c>
      <c r="FB15" s="71">
        <v>3</v>
      </c>
      <c r="FC15" s="72">
        <v>13</v>
      </c>
      <c r="FD15" s="244"/>
      <c r="FE15" s="71">
        <v>13</v>
      </c>
      <c r="FF15" s="71">
        <v>12</v>
      </c>
      <c r="FG15" s="71">
        <v>9</v>
      </c>
      <c r="FH15" s="71">
        <v>11</v>
      </c>
      <c r="FI15" s="71">
        <v>4</v>
      </c>
      <c r="FJ15" s="72">
        <v>49</v>
      </c>
      <c r="FK15" s="73">
        <v>62</v>
      </c>
      <c r="FL15" s="70">
        <v>5</v>
      </c>
      <c r="FM15" s="71">
        <v>9</v>
      </c>
      <c r="FN15" s="72">
        <v>14</v>
      </c>
      <c r="FO15" s="244"/>
      <c r="FP15" s="71">
        <v>11</v>
      </c>
      <c r="FQ15" s="71">
        <v>5</v>
      </c>
      <c r="FR15" s="71">
        <v>12</v>
      </c>
      <c r="FS15" s="71">
        <v>17</v>
      </c>
      <c r="FT15" s="71">
        <v>7</v>
      </c>
      <c r="FU15" s="72">
        <v>52</v>
      </c>
      <c r="FV15" s="73">
        <v>66</v>
      </c>
      <c r="FW15" s="70">
        <v>0</v>
      </c>
      <c r="FX15" s="71">
        <v>0</v>
      </c>
      <c r="FY15" s="72">
        <v>0</v>
      </c>
      <c r="FZ15" s="244"/>
      <c r="GA15" s="71">
        <v>0</v>
      </c>
      <c r="GB15" s="71">
        <v>0</v>
      </c>
      <c r="GC15" s="71">
        <v>0</v>
      </c>
      <c r="GD15" s="71">
        <v>0</v>
      </c>
      <c r="GE15" s="71">
        <v>0</v>
      </c>
      <c r="GF15" s="72">
        <v>0</v>
      </c>
      <c r="GG15" s="73">
        <v>0</v>
      </c>
      <c r="GH15" s="70">
        <v>23</v>
      </c>
      <c r="GI15" s="71">
        <v>20</v>
      </c>
      <c r="GJ15" s="72">
        <v>43</v>
      </c>
      <c r="GK15" s="244"/>
      <c r="GL15" s="71">
        <v>39</v>
      </c>
      <c r="GM15" s="71">
        <v>28</v>
      </c>
      <c r="GN15" s="71">
        <v>25</v>
      </c>
      <c r="GO15" s="71">
        <v>34</v>
      </c>
      <c r="GP15" s="71">
        <v>14</v>
      </c>
      <c r="GQ15" s="72">
        <v>140</v>
      </c>
      <c r="GR15" s="73">
        <v>183</v>
      </c>
      <c r="GS15" s="123">
        <v>72</v>
      </c>
      <c r="GT15" s="82">
        <v>53</v>
      </c>
      <c r="GU15" s="83">
        <v>125</v>
      </c>
      <c r="GV15" s="241"/>
      <c r="GW15" s="82">
        <v>142</v>
      </c>
      <c r="GX15" s="82">
        <v>63</v>
      </c>
      <c r="GY15" s="82">
        <v>57</v>
      </c>
      <c r="GZ15" s="82">
        <v>61</v>
      </c>
      <c r="HA15" s="82">
        <v>33</v>
      </c>
      <c r="HB15" s="84">
        <v>356</v>
      </c>
      <c r="HC15" s="85">
        <v>481</v>
      </c>
      <c r="HD15" s="70">
        <v>0</v>
      </c>
      <c r="HE15" s="71">
        <v>4</v>
      </c>
      <c r="HF15" s="72">
        <v>4</v>
      </c>
      <c r="HG15" s="244"/>
      <c r="HH15" s="71">
        <v>6</v>
      </c>
      <c r="HI15" s="71">
        <v>1</v>
      </c>
      <c r="HJ15" s="71">
        <v>0</v>
      </c>
      <c r="HK15" s="71">
        <v>1</v>
      </c>
      <c r="HL15" s="71">
        <v>0</v>
      </c>
      <c r="HM15" s="72">
        <v>8</v>
      </c>
      <c r="HN15" s="73">
        <v>12</v>
      </c>
      <c r="HO15" s="70">
        <v>7</v>
      </c>
      <c r="HP15" s="71">
        <v>1</v>
      </c>
      <c r="HQ15" s="72">
        <v>8</v>
      </c>
      <c r="HR15" s="244"/>
      <c r="HS15" s="71">
        <v>16</v>
      </c>
      <c r="HT15" s="71">
        <v>5</v>
      </c>
      <c r="HU15" s="71">
        <v>2</v>
      </c>
      <c r="HV15" s="71">
        <v>1</v>
      </c>
      <c r="HW15" s="71">
        <v>2</v>
      </c>
      <c r="HX15" s="72">
        <v>26</v>
      </c>
      <c r="HY15" s="73">
        <v>34</v>
      </c>
      <c r="HZ15" s="70">
        <v>7</v>
      </c>
      <c r="IA15" s="71">
        <v>8</v>
      </c>
      <c r="IB15" s="72">
        <v>15</v>
      </c>
      <c r="IC15" s="244"/>
      <c r="ID15" s="71">
        <v>26</v>
      </c>
      <c r="IE15" s="71">
        <v>7</v>
      </c>
      <c r="IF15" s="71">
        <v>7</v>
      </c>
      <c r="IG15" s="71">
        <v>8</v>
      </c>
      <c r="IH15" s="71">
        <v>2</v>
      </c>
      <c r="II15" s="72">
        <v>50</v>
      </c>
      <c r="IJ15" s="73">
        <v>65</v>
      </c>
      <c r="IK15" s="70">
        <v>13</v>
      </c>
      <c r="IL15" s="71">
        <v>8</v>
      </c>
      <c r="IM15" s="72">
        <v>21</v>
      </c>
      <c r="IN15" s="244"/>
      <c r="IO15" s="71">
        <v>29</v>
      </c>
      <c r="IP15" s="71">
        <v>18</v>
      </c>
      <c r="IQ15" s="71">
        <v>9</v>
      </c>
      <c r="IR15" s="71">
        <v>11</v>
      </c>
      <c r="IS15" s="71">
        <v>5</v>
      </c>
      <c r="IT15" s="72">
        <v>72</v>
      </c>
      <c r="IU15" s="73">
        <v>93</v>
      </c>
      <c r="IV15" s="70">
        <v>33</v>
      </c>
      <c r="IW15" s="71">
        <v>16</v>
      </c>
      <c r="IX15" s="72">
        <v>49</v>
      </c>
      <c r="IY15" s="244"/>
      <c r="IZ15" s="71">
        <v>32</v>
      </c>
      <c r="JA15" s="71">
        <v>17</v>
      </c>
      <c r="JB15" s="71">
        <v>14</v>
      </c>
      <c r="JC15" s="71">
        <v>16</v>
      </c>
      <c r="JD15" s="71">
        <v>10</v>
      </c>
      <c r="JE15" s="72">
        <v>89</v>
      </c>
      <c r="JF15" s="73">
        <v>138</v>
      </c>
      <c r="JG15" s="70">
        <v>12</v>
      </c>
      <c r="JH15" s="71">
        <v>16</v>
      </c>
      <c r="JI15" s="72">
        <v>28</v>
      </c>
      <c r="JJ15" s="244"/>
      <c r="JK15" s="71">
        <v>33</v>
      </c>
      <c r="JL15" s="71">
        <v>15</v>
      </c>
      <c r="JM15" s="71">
        <v>25</v>
      </c>
      <c r="JN15" s="71">
        <v>24</v>
      </c>
      <c r="JO15" s="71">
        <v>14</v>
      </c>
      <c r="JP15" s="72">
        <v>111</v>
      </c>
      <c r="JQ15" s="73">
        <v>139</v>
      </c>
      <c r="JR15" s="70">
        <v>0</v>
      </c>
      <c r="JS15" s="71">
        <v>0</v>
      </c>
      <c r="JT15" s="72">
        <v>0</v>
      </c>
      <c r="JU15" s="244"/>
      <c r="JV15" s="71">
        <v>0</v>
      </c>
      <c r="JW15" s="71">
        <v>0</v>
      </c>
      <c r="JX15" s="71">
        <v>0</v>
      </c>
      <c r="JY15" s="71">
        <v>0</v>
      </c>
      <c r="JZ15" s="71">
        <v>0</v>
      </c>
      <c r="KA15" s="72">
        <v>0</v>
      </c>
      <c r="KB15" s="73">
        <v>0</v>
      </c>
      <c r="KC15" s="70">
        <v>72</v>
      </c>
      <c r="KD15" s="71">
        <v>53</v>
      </c>
      <c r="KE15" s="72">
        <v>125</v>
      </c>
      <c r="KF15" s="244"/>
      <c r="KG15" s="71">
        <v>142</v>
      </c>
      <c r="KH15" s="71">
        <v>63</v>
      </c>
      <c r="KI15" s="71">
        <v>57</v>
      </c>
      <c r="KJ15" s="71">
        <v>61</v>
      </c>
      <c r="KK15" s="71">
        <v>33</v>
      </c>
      <c r="KL15" s="72">
        <v>356</v>
      </c>
      <c r="KM15" s="73">
        <v>481</v>
      </c>
    </row>
    <row r="16" spans="2:299" ht="19.5" customHeight="1" x14ac:dyDescent="0.2">
      <c r="B16" s="126" t="s">
        <v>12</v>
      </c>
      <c r="C16" s="316">
        <v>144</v>
      </c>
      <c r="D16" s="82">
        <v>88</v>
      </c>
      <c r="E16" s="83">
        <v>232</v>
      </c>
      <c r="F16" s="241"/>
      <c r="G16" s="82">
        <v>100</v>
      </c>
      <c r="H16" s="82">
        <v>73</v>
      </c>
      <c r="I16" s="82">
        <v>50</v>
      </c>
      <c r="J16" s="82">
        <v>63</v>
      </c>
      <c r="K16" s="82">
        <v>34</v>
      </c>
      <c r="L16" s="84">
        <v>320</v>
      </c>
      <c r="M16" s="85">
        <v>552</v>
      </c>
      <c r="N16" s="86">
        <v>3</v>
      </c>
      <c r="O16" s="71">
        <v>7</v>
      </c>
      <c r="P16" s="72">
        <v>10</v>
      </c>
      <c r="Q16" s="244"/>
      <c r="R16" s="71">
        <v>0</v>
      </c>
      <c r="S16" s="71">
        <v>3</v>
      </c>
      <c r="T16" s="71">
        <v>1</v>
      </c>
      <c r="U16" s="71">
        <v>1</v>
      </c>
      <c r="V16" s="71">
        <v>2</v>
      </c>
      <c r="W16" s="72">
        <v>7</v>
      </c>
      <c r="X16" s="73">
        <v>17</v>
      </c>
      <c r="Y16" s="70">
        <v>8</v>
      </c>
      <c r="Z16" s="71">
        <v>6</v>
      </c>
      <c r="AA16" s="72">
        <v>14</v>
      </c>
      <c r="AB16" s="244"/>
      <c r="AC16" s="71">
        <v>6</v>
      </c>
      <c r="AD16" s="71">
        <v>5</v>
      </c>
      <c r="AE16" s="71">
        <v>1</v>
      </c>
      <c r="AF16" s="71">
        <v>2</v>
      </c>
      <c r="AG16" s="71">
        <v>4</v>
      </c>
      <c r="AH16" s="72">
        <v>18</v>
      </c>
      <c r="AI16" s="73">
        <v>32</v>
      </c>
      <c r="AJ16" s="86">
        <v>12</v>
      </c>
      <c r="AK16" s="71">
        <v>10</v>
      </c>
      <c r="AL16" s="72">
        <v>22</v>
      </c>
      <c r="AM16" s="244"/>
      <c r="AN16" s="71">
        <v>3</v>
      </c>
      <c r="AO16" s="71">
        <v>7</v>
      </c>
      <c r="AP16" s="71">
        <v>5</v>
      </c>
      <c r="AQ16" s="71">
        <v>6</v>
      </c>
      <c r="AR16" s="71">
        <v>6</v>
      </c>
      <c r="AS16" s="72">
        <v>27</v>
      </c>
      <c r="AT16" s="73">
        <v>49</v>
      </c>
      <c r="AU16" s="70">
        <v>36</v>
      </c>
      <c r="AV16" s="71">
        <v>19</v>
      </c>
      <c r="AW16" s="72">
        <v>55</v>
      </c>
      <c r="AX16" s="244"/>
      <c r="AY16" s="71">
        <v>27</v>
      </c>
      <c r="AZ16" s="71">
        <v>23</v>
      </c>
      <c r="BA16" s="71">
        <v>12</v>
      </c>
      <c r="BB16" s="71">
        <v>13</v>
      </c>
      <c r="BC16" s="71">
        <v>8</v>
      </c>
      <c r="BD16" s="72">
        <v>83</v>
      </c>
      <c r="BE16" s="73">
        <v>138</v>
      </c>
      <c r="BF16" s="86">
        <v>50</v>
      </c>
      <c r="BG16" s="71">
        <v>22</v>
      </c>
      <c r="BH16" s="72">
        <v>72</v>
      </c>
      <c r="BI16" s="244"/>
      <c r="BJ16" s="71">
        <v>34</v>
      </c>
      <c r="BK16" s="71">
        <v>19</v>
      </c>
      <c r="BL16" s="71">
        <v>15</v>
      </c>
      <c r="BM16" s="71">
        <v>22</v>
      </c>
      <c r="BN16" s="71">
        <v>9</v>
      </c>
      <c r="BO16" s="72">
        <v>99</v>
      </c>
      <c r="BP16" s="73">
        <v>171</v>
      </c>
      <c r="BQ16" s="70">
        <v>35</v>
      </c>
      <c r="BR16" s="71">
        <v>24</v>
      </c>
      <c r="BS16" s="72">
        <v>59</v>
      </c>
      <c r="BT16" s="244"/>
      <c r="BU16" s="71">
        <v>30</v>
      </c>
      <c r="BV16" s="71">
        <v>16</v>
      </c>
      <c r="BW16" s="71">
        <v>16</v>
      </c>
      <c r="BX16" s="71">
        <v>19</v>
      </c>
      <c r="BY16" s="71">
        <v>5</v>
      </c>
      <c r="BZ16" s="72">
        <v>86</v>
      </c>
      <c r="CA16" s="73">
        <v>145</v>
      </c>
      <c r="CB16" s="70">
        <v>0</v>
      </c>
      <c r="CC16" s="71">
        <v>0</v>
      </c>
      <c r="CD16" s="72">
        <v>0</v>
      </c>
      <c r="CE16" s="244"/>
      <c r="CF16" s="71">
        <v>0</v>
      </c>
      <c r="CG16" s="71">
        <v>0</v>
      </c>
      <c r="CH16" s="71">
        <v>0</v>
      </c>
      <c r="CI16" s="71">
        <v>0</v>
      </c>
      <c r="CJ16" s="71">
        <v>0</v>
      </c>
      <c r="CK16" s="72">
        <v>0</v>
      </c>
      <c r="CL16" s="73">
        <v>0</v>
      </c>
      <c r="CM16" s="70">
        <v>144</v>
      </c>
      <c r="CN16" s="71">
        <v>88</v>
      </c>
      <c r="CO16" s="72">
        <v>232</v>
      </c>
      <c r="CP16" s="244"/>
      <c r="CQ16" s="71">
        <v>100</v>
      </c>
      <c r="CR16" s="71">
        <v>73</v>
      </c>
      <c r="CS16" s="71">
        <v>50</v>
      </c>
      <c r="CT16" s="71">
        <v>63</v>
      </c>
      <c r="CU16" s="71">
        <v>34</v>
      </c>
      <c r="CV16" s="72">
        <v>320</v>
      </c>
      <c r="CW16" s="73">
        <v>552</v>
      </c>
      <c r="CX16" s="123">
        <v>36</v>
      </c>
      <c r="CY16" s="82">
        <v>36</v>
      </c>
      <c r="CZ16" s="83">
        <v>72</v>
      </c>
      <c r="DA16" s="241"/>
      <c r="DB16" s="82">
        <v>38</v>
      </c>
      <c r="DC16" s="82">
        <v>24</v>
      </c>
      <c r="DD16" s="82">
        <v>27</v>
      </c>
      <c r="DE16" s="82">
        <v>28</v>
      </c>
      <c r="DF16" s="82">
        <v>10</v>
      </c>
      <c r="DG16" s="84">
        <v>127</v>
      </c>
      <c r="DH16" s="85">
        <v>199</v>
      </c>
      <c r="DI16" s="86">
        <v>1</v>
      </c>
      <c r="DJ16" s="71">
        <v>0</v>
      </c>
      <c r="DK16" s="72">
        <v>1</v>
      </c>
      <c r="DL16" s="244"/>
      <c r="DM16" s="71">
        <v>2</v>
      </c>
      <c r="DN16" s="71">
        <v>0</v>
      </c>
      <c r="DO16" s="71">
        <v>1</v>
      </c>
      <c r="DP16" s="71">
        <v>0</v>
      </c>
      <c r="DQ16" s="71">
        <v>0</v>
      </c>
      <c r="DR16" s="72">
        <v>3</v>
      </c>
      <c r="DS16" s="73">
        <v>4</v>
      </c>
      <c r="DT16" s="70">
        <v>2</v>
      </c>
      <c r="DU16" s="71">
        <v>3</v>
      </c>
      <c r="DV16" s="72">
        <v>5</v>
      </c>
      <c r="DW16" s="244"/>
      <c r="DX16" s="71">
        <v>1</v>
      </c>
      <c r="DY16" s="71">
        <v>0</v>
      </c>
      <c r="DZ16" s="71">
        <v>0</v>
      </c>
      <c r="EA16" s="71">
        <v>1</v>
      </c>
      <c r="EB16" s="71">
        <v>0</v>
      </c>
      <c r="EC16" s="72">
        <v>2</v>
      </c>
      <c r="ED16" s="73">
        <v>7</v>
      </c>
      <c r="EE16" s="86">
        <v>5</v>
      </c>
      <c r="EF16" s="71">
        <v>4</v>
      </c>
      <c r="EG16" s="72">
        <v>9</v>
      </c>
      <c r="EH16" s="244"/>
      <c r="EI16" s="71">
        <v>1</v>
      </c>
      <c r="EJ16" s="71">
        <v>3</v>
      </c>
      <c r="EK16" s="71">
        <v>2</v>
      </c>
      <c r="EL16" s="71">
        <v>1</v>
      </c>
      <c r="EM16" s="71">
        <v>2</v>
      </c>
      <c r="EN16" s="72">
        <v>9</v>
      </c>
      <c r="EO16" s="73">
        <v>18</v>
      </c>
      <c r="EP16" s="70">
        <v>8</v>
      </c>
      <c r="EQ16" s="71">
        <v>12</v>
      </c>
      <c r="ER16" s="72">
        <v>20</v>
      </c>
      <c r="ES16" s="244"/>
      <c r="ET16" s="71">
        <v>8</v>
      </c>
      <c r="EU16" s="71">
        <v>2</v>
      </c>
      <c r="EV16" s="71">
        <v>2</v>
      </c>
      <c r="EW16" s="71">
        <v>4</v>
      </c>
      <c r="EX16" s="71">
        <v>2</v>
      </c>
      <c r="EY16" s="72">
        <v>18</v>
      </c>
      <c r="EZ16" s="73">
        <v>38</v>
      </c>
      <c r="FA16" s="86">
        <v>13</v>
      </c>
      <c r="FB16" s="71">
        <v>7</v>
      </c>
      <c r="FC16" s="72">
        <v>20</v>
      </c>
      <c r="FD16" s="244"/>
      <c r="FE16" s="71">
        <v>11</v>
      </c>
      <c r="FF16" s="71">
        <v>7</v>
      </c>
      <c r="FG16" s="71">
        <v>11</v>
      </c>
      <c r="FH16" s="71">
        <v>5</v>
      </c>
      <c r="FI16" s="71">
        <v>1</v>
      </c>
      <c r="FJ16" s="72">
        <v>35</v>
      </c>
      <c r="FK16" s="73">
        <v>55</v>
      </c>
      <c r="FL16" s="70">
        <v>7</v>
      </c>
      <c r="FM16" s="71">
        <v>10</v>
      </c>
      <c r="FN16" s="72">
        <v>17</v>
      </c>
      <c r="FO16" s="244"/>
      <c r="FP16" s="71">
        <v>15</v>
      </c>
      <c r="FQ16" s="71">
        <v>12</v>
      </c>
      <c r="FR16" s="71">
        <v>11</v>
      </c>
      <c r="FS16" s="71">
        <v>17</v>
      </c>
      <c r="FT16" s="71">
        <v>5</v>
      </c>
      <c r="FU16" s="72">
        <v>60</v>
      </c>
      <c r="FV16" s="73">
        <v>77</v>
      </c>
      <c r="FW16" s="70">
        <v>0</v>
      </c>
      <c r="FX16" s="71">
        <v>0</v>
      </c>
      <c r="FY16" s="72">
        <v>0</v>
      </c>
      <c r="FZ16" s="244"/>
      <c r="GA16" s="71">
        <v>0</v>
      </c>
      <c r="GB16" s="71">
        <v>0</v>
      </c>
      <c r="GC16" s="71">
        <v>0</v>
      </c>
      <c r="GD16" s="71">
        <v>0</v>
      </c>
      <c r="GE16" s="71">
        <v>0</v>
      </c>
      <c r="GF16" s="72">
        <v>0</v>
      </c>
      <c r="GG16" s="73">
        <v>0</v>
      </c>
      <c r="GH16" s="70">
        <v>36</v>
      </c>
      <c r="GI16" s="71">
        <v>36</v>
      </c>
      <c r="GJ16" s="72">
        <v>72</v>
      </c>
      <c r="GK16" s="244"/>
      <c r="GL16" s="71">
        <v>38</v>
      </c>
      <c r="GM16" s="71">
        <v>24</v>
      </c>
      <c r="GN16" s="71">
        <v>27</v>
      </c>
      <c r="GO16" s="71">
        <v>28</v>
      </c>
      <c r="GP16" s="71">
        <v>10</v>
      </c>
      <c r="GQ16" s="72">
        <v>127</v>
      </c>
      <c r="GR16" s="73">
        <v>199</v>
      </c>
      <c r="GS16" s="123">
        <v>180</v>
      </c>
      <c r="GT16" s="82">
        <v>124</v>
      </c>
      <c r="GU16" s="83">
        <v>304</v>
      </c>
      <c r="GV16" s="241"/>
      <c r="GW16" s="82">
        <v>138</v>
      </c>
      <c r="GX16" s="82">
        <v>97</v>
      </c>
      <c r="GY16" s="82">
        <v>77</v>
      </c>
      <c r="GZ16" s="82">
        <v>91</v>
      </c>
      <c r="HA16" s="82">
        <v>44</v>
      </c>
      <c r="HB16" s="84">
        <v>447</v>
      </c>
      <c r="HC16" s="85">
        <v>751</v>
      </c>
      <c r="HD16" s="86">
        <v>4</v>
      </c>
      <c r="HE16" s="71">
        <v>7</v>
      </c>
      <c r="HF16" s="72">
        <v>11</v>
      </c>
      <c r="HG16" s="244"/>
      <c r="HH16" s="71">
        <v>2</v>
      </c>
      <c r="HI16" s="71">
        <v>3</v>
      </c>
      <c r="HJ16" s="71">
        <v>2</v>
      </c>
      <c r="HK16" s="71">
        <v>1</v>
      </c>
      <c r="HL16" s="71">
        <v>2</v>
      </c>
      <c r="HM16" s="72">
        <v>10</v>
      </c>
      <c r="HN16" s="73">
        <v>21</v>
      </c>
      <c r="HO16" s="70">
        <v>10</v>
      </c>
      <c r="HP16" s="71">
        <v>9</v>
      </c>
      <c r="HQ16" s="72">
        <v>19</v>
      </c>
      <c r="HR16" s="244"/>
      <c r="HS16" s="71">
        <v>7</v>
      </c>
      <c r="HT16" s="71">
        <v>5</v>
      </c>
      <c r="HU16" s="71">
        <v>1</v>
      </c>
      <c r="HV16" s="71">
        <v>3</v>
      </c>
      <c r="HW16" s="71">
        <v>4</v>
      </c>
      <c r="HX16" s="72">
        <v>20</v>
      </c>
      <c r="HY16" s="73">
        <v>39</v>
      </c>
      <c r="HZ16" s="86">
        <v>17</v>
      </c>
      <c r="IA16" s="71">
        <v>14</v>
      </c>
      <c r="IB16" s="72">
        <v>31</v>
      </c>
      <c r="IC16" s="244"/>
      <c r="ID16" s="71">
        <v>4</v>
      </c>
      <c r="IE16" s="71">
        <v>10</v>
      </c>
      <c r="IF16" s="71">
        <v>7</v>
      </c>
      <c r="IG16" s="71">
        <v>7</v>
      </c>
      <c r="IH16" s="71">
        <v>8</v>
      </c>
      <c r="II16" s="72">
        <v>36</v>
      </c>
      <c r="IJ16" s="73">
        <v>67</v>
      </c>
      <c r="IK16" s="70">
        <v>44</v>
      </c>
      <c r="IL16" s="71">
        <v>31</v>
      </c>
      <c r="IM16" s="72">
        <v>75</v>
      </c>
      <c r="IN16" s="244"/>
      <c r="IO16" s="71">
        <v>35</v>
      </c>
      <c r="IP16" s="71">
        <v>25</v>
      </c>
      <c r="IQ16" s="71">
        <v>14</v>
      </c>
      <c r="IR16" s="71">
        <v>17</v>
      </c>
      <c r="IS16" s="71">
        <v>10</v>
      </c>
      <c r="IT16" s="72">
        <v>101</v>
      </c>
      <c r="IU16" s="73">
        <v>176</v>
      </c>
      <c r="IV16" s="86">
        <v>63</v>
      </c>
      <c r="IW16" s="71">
        <v>29</v>
      </c>
      <c r="IX16" s="72">
        <v>92</v>
      </c>
      <c r="IY16" s="244"/>
      <c r="IZ16" s="71">
        <v>45</v>
      </c>
      <c r="JA16" s="71">
        <v>26</v>
      </c>
      <c r="JB16" s="71">
        <v>26</v>
      </c>
      <c r="JC16" s="71">
        <v>27</v>
      </c>
      <c r="JD16" s="71">
        <v>10</v>
      </c>
      <c r="JE16" s="72">
        <v>134</v>
      </c>
      <c r="JF16" s="73">
        <v>226</v>
      </c>
      <c r="JG16" s="70">
        <v>42</v>
      </c>
      <c r="JH16" s="71">
        <v>34</v>
      </c>
      <c r="JI16" s="72">
        <v>76</v>
      </c>
      <c r="JJ16" s="244"/>
      <c r="JK16" s="71">
        <v>45</v>
      </c>
      <c r="JL16" s="71">
        <v>28</v>
      </c>
      <c r="JM16" s="71">
        <v>27</v>
      </c>
      <c r="JN16" s="71">
        <v>36</v>
      </c>
      <c r="JO16" s="71">
        <v>10</v>
      </c>
      <c r="JP16" s="72">
        <v>146</v>
      </c>
      <c r="JQ16" s="73">
        <v>222</v>
      </c>
      <c r="JR16" s="70">
        <v>0</v>
      </c>
      <c r="JS16" s="71">
        <v>0</v>
      </c>
      <c r="JT16" s="72">
        <v>0</v>
      </c>
      <c r="JU16" s="244"/>
      <c r="JV16" s="71">
        <v>0</v>
      </c>
      <c r="JW16" s="71">
        <v>0</v>
      </c>
      <c r="JX16" s="71">
        <v>0</v>
      </c>
      <c r="JY16" s="71">
        <v>0</v>
      </c>
      <c r="JZ16" s="71">
        <v>0</v>
      </c>
      <c r="KA16" s="72">
        <v>0</v>
      </c>
      <c r="KB16" s="73">
        <v>0</v>
      </c>
      <c r="KC16" s="70">
        <v>180</v>
      </c>
      <c r="KD16" s="71">
        <v>124</v>
      </c>
      <c r="KE16" s="72">
        <v>304</v>
      </c>
      <c r="KF16" s="244"/>
      <c r="KG16" s="71">
        <v>138</v>
      </c>
      <c r="KH16" s="71">
        <v>97</v>
      </c>
      <c r="KI16" s="71">
        <v>77</v>
      </c>
      <c r="KJ16" s="71">
        <v>91</v>
      </c>
      <c r="KK16" s="71">
        <v>44</v>
      </c>
      <c r="KL16" s="72">
        <v>447</v>
      </c>
      <c r="KM16" s="73">
        <v>751</v>
      </c>
    </row>
    <row r="17" spans="2:299" ht="19.5" customHeight="1" x14ac:dyDescent="0.2">
      <c r="B17" s="126" t="s">
        <v>13</v>
      </c>
      <c r="C17" s="316">
        <v>41</v>
      </c>
      <c r="D17" s="82">
        <v>41</v>
      </c>
      <c r="E17" s="83">
        <v>82</v>
      </c>
      <c r="F17" s="241"/>
      <c r="G17" s="82">
        <v>55</v>
      </c>
      <c r="H17" s="82">
        <v>55</v>
      </c>
      <c r="I17" s="82">
        <v>40</v>
      </c>
      <c r="J17" s="82">
        <v>22</v>
      </c>
      <c r="K17" s="82">
        <v>15</v>
      </c>
      <c r="L17" s="84">
        <v>187</v>
      </c>
      <c r="M17" s="85">
        <v>269</v>
      </c>
      <c r="N17" s="70">
        <v>1</v>
      </c>
      <c r="O17" s="71">
        <v>1</v>
      </c>
      <c r="P17" s="72">
        <v>2</v>
      </c>
      <c r="Q17" s="244"/>
      <c r="R17" s="71">
        <v>3</v>
      </c>
      <c r="S17" s="71">
        <v>0</v>
      </c>
      <c r="T17" s="71">
        <v>0</v>
      </c>
      <c r="U17" s="71">
        <v>1</v>
      </c>
      <c r="V17" s="71">
        <v>0</v>
      </c>
      <c r="W17" s="72">
        <v>4</v>
      </c>
      <c r="X17" s="73">
        <v>6</v>
      </c>
      <c r="Y17" s="70">
        <v>3</v>
      </c>
      <c r="Z17" s="71">
        <v>2</v>
      </c>
      <c r="AA17" s="72">
        <v>5</v>
      </c>
      <c r="AB17" s="244"/>
      <c r="AC17" s="71">
        <v>4</v>
      </c>
      <c r="AD17" s="71">
        <v>1</v>
      </c>
      <c r="AE17" s="71">
        <v>1</v>
      </c>
      <c r="AF17" s="71">
        <v>0</v>
      </c>
      <c r="AG17" s="71">
        <v>1</v>
      </c>
      <c r="AH17" s="72">
        <v>7</v>
      </c>
      <c r="AI17" s="73">
        <v>12</v>
      </c>
      <c r="AJ17" s="70">
        <v>2</v>
      </c>
      <c r="AK17" s="71">
        <v>1</v>
      </c>
      <c r="AL17" s="72">
        <v>3</v>
      </c>
      <c r="AM17" s="244"/>
      <c r="AN17" s="71">
        <v>5</v>
      </c>
      <c r="AO17" s="71">
        <v>7</v>
      </c>
      <c r="AP17" s="71">
        <v>3</v>
      </c>
      <c r="AQ17" s="71">
        <v>3</v>
      </c>
      <c r="AR17" s="71">
        <v>0</v>
      </c>
      <c r="AS17" s="72">
        <v>18</v>
      </c>
      <c r="AT17" s="73">
        <v>21</v>
      </c>
      <c r="AU17" s="70">
        <v>9</v>
      </c>
      <c r="AV17" s="71">
        <v>11</v>
      </c>
      <c r="AW17" s="72">
        <v>20</v>
      </c>
      <c r="AX17" s="244"/>
      <c r="AY17" s="71">
        <v>12</v>
      </c>
      <c r="AZ17" s="71">
        <v>10</v>
      </c>
      <c r="BA17" s="71">
        <v>8</v>
      </c>
      <c r="BB17" s="71">
        <v>5</v>
      </c>
      <c r="BC17" s="71">
        <v>2</v>
      </c>
      <c r="BD17" s="72">
        <v>37</v>
      </c>
      <c r="BE17" s="73">
        <v>57</v>
      </c>
      <c r="BF17" s="70">
        <v>16</v>
      </c>
      <c r="BG17" s="71">
        <v>13</v>
      </c>
      <c r="BH17" s="72">
        <v>29</v>
      </c>
      <c r="BI17" s="244"/>
      <c r="BJ17" s="71">
        <v>14</v>
      </c>
      <c r="BK17" s="71">
        <v>18</v>
      </c>
      <c r="BL17" s="71">
        <v>12</v>
      </c>
      <c r="BM17" s="71">
        <v>5</v>
      </c>
      <c r="BN17" s="71">
        <v>5</v>
      </c>
      <c r="BO17" s="72">
        <v>54</v>
      </c>
      <c r="BP17" s="73">
        <v>83</v>
      </c>
      <c r="BQ17" s="70">
        <v>10</v>
      </c>
      <c r="BR17" s="71">
        <v>13</v>
      </c>
      <c r="BS17" s="72">
        <v>23</v>
      </c>
      <c r="BT17" s="244"/>
      <c r="BU17" s="71">
        <v>17</v>
      </c>
      <c r="BV17" s="71">
        <v>19</v>
      </c>
      <c r="BW17" s="71">
        <v>16</v>
      </c>
      <c r="BX17" s="71">
        <v>8</v>
      </c>
      <c r="BY17" s="71">
        <v>7</v>
      </c>
      <c r="BZ17" s="72">
        <v>67</v>
      </c>
      <c r="CA17" s="73">
        <v>90</v>
      </c>
      <c r="CB17" s="70">
        <v>0</v>
      </c>
      <c r="CC17" s="71">
        <v>0</v>
      </c>
      <c r="CD17" s="72">
        <v>0</v>
      </c>
      <c r="CE17" s="244"/>
      <c r="CF17" s="71">
        <v>0</v>
      </c>
      <c r="CG17" s="71">
        <v>0</v>
      </c>
      <c r="CH17" s="71">
        <v>0</v>
      </c>
      <c r="CI17" s="71">
        <v>0</v>
      </c>
      <c r="CJ17" s="71">
        <v>0</v>
      </c>
      <c r="CK17" s="72">
        <v>0</v>
      </c>
      <c r="CL17" s="73">
        <v>0</v>
      </c>
      <c r="CM17" s="70">
        <v>41</v>
      </c>
      <c r="CN17" s="71">
        <v>41</v>
      </c>
      <c r="CO17" s="72">
        <v>82</v>
      </c>
      <c r="CP17" s="244"/>
      <c r="CQ17" s="71">
        <v>55</v>
      </c>
      <c r="CR17" s="71">
        <v>55</v>
      </c>
      <c r="CS17" s="71">
        <v>40</v>
      </c>
      <c r="CT17" s="71">
        <v>22</v>
      </c>
      <c r="CU17" s="71">
        <v>15</v>
      </c>
      <c r="CV17" s="72">
        <v>187</v>
      </c>
      <c r="CW17" s="73">
        <v>269</v>
      </c>
      <c r="CX17" s="123">
        <v>17</v>
      </c>
      <c r="CY17" s="82">
        <v>13</v>
      </c>
      <c r="CZ17" s="83">
        <v>30</v>
      </c>
      <c r="DA17" s="241"/>
      <c r="DB17" s="82">
        <v>31</v>
      </c>
      <c r="DC17" s="82">
        <v>24</v>
      </c>
      <c r="DD17" s="82">
        <v>12</v>
      </c>
      <c r="DE17" s="82">
        <v>12</v>
      </c>
      <c r="DF17" s="82">
        <v>12</v>
      </c>
      <c r="DG17" s="84">
        <v>91</v>
      </c>
      <c r="DH17" s="85">
        <v>121</v>
      </c>
      <c r="DI17" s="70">
        <v>1</v>
      </c>
      <c r="DJ17" s="71">
        <v>0</v>
      </c>
      <c r="DK17" s="72">
        <v>1</v>
      </c>
      <c r="DL17" s="244"/>
      <c r="DM17" s="71">
        <v>0</v>
      </c>
      <c r="DN17" s="71">
        <v>0</v>
      </c>
      <c r="DO17" s="71">
        <v>0</v>
      </c>
      <c r="DP17" s="71">
        <v>0</v>
      </c>
      <c r="DQ17" s="71">
        <v>0</v>
      </c>
      <c r="DR17" s="72">
        <v>0</v>
      </c>
      <c r="DS17" s="73">
        <v>1</v>
      </c>
      <c r="DT17" s="70">
        <v>2</v>
      </c>
      <c r="DU17" s="71">
        <v>0</v>
      </c>
      <c r="DV17" s="72">
        <v>2</v>
      </c>
      <c r="DW17" s="244"/>
      <c r="DX17" s="71">
        <v>3</v>
      </c>
      <c r="DY17" s="71">
        <v>1</v>
      </c>
      <c r="DZ17" s="71">
        <v>1</v>
      </c>
      <c r="EA17" s="71">
        <v>0</v>
      </c>
      <c r="EB17" s="71">
        <v>1</v>
      </c>
      <c r="EC17" s="72">
        <v>6</v>
      </c>
      <c r="ED17" s="73">
        <v>8</v>
      </c>
      <c r="EE17" s="70">
        <v>1</v>
      </c>
      <c r="EF17" s="71">
        <v>0</v>
      </c>
      <c r="EG17" s="72">
        <v>1</v>
      </c>
      <c r="EH17" s="244"/>
      <c r="EI17" s="71">
        <v>3</v>
      </c>
      <c r="EJ17" s="71">
        <v>2</v>
      </c>
      <c r="EK17" s="71">
        <v>1</v>
      </c>
      <c r="EL17" s="71">
        <v>1</v>
      </c>
      <c r="EM17" s="71">
        <v>0</v>
      </c>
      <c r="EN17" s="72">
        <v>7</v>
      </c>
      <c r="EO17" s="73">
        <v>8</v>
      </c>
      <c r="EP17" s="70">
        <v>3</v>
      </c>
      <c r="EQ17" s="71">
        <v>3</v>
      </c>
      <c r="ER17" s="72">
        <v>6</v>
      </c>
      <c r="ES17" s="244"/>
      <c r="ET17" s="71">
        <v>7</v>
      </c>
      <c r="EU17" s="71">
        <v>4</v>
      </c>
      <c r="EV17" s="71">
        <v>2</v>
      </c>
      <c r="EW17" s="71">
        <v>1</v>
      </c>
      <c r="EX17" s="71">
        <v>1</v>
      </c>
      <c r="EY17" s="72">
        <v>15</v>
      </c>
      <c r="EZ17" s="73">
        <v>21</v>
      </c>
      <c r="FA17" s="70">
        <v>6</v>
      </c>
      <c r="FB17" s="71">
        <v>5</v>
      </c>
      <c r="FC17" s="72">
        <v>11</v>
      </c>
      <c r="FD17" s="244"/>
      <c r="FE17" s="71">
        <v>8</v>
      </c>
      <c r="FF17" s="71">
        <v>10</v>
      </c>
      <c r="FG17" s="71">
        <v>2</v>
      </c>
      <c r="FH17" s="71">
        <v>5</v>
      </c>
      <c r="FI17" s="71">
        <v>0</v>
      </c>
      <c r="FJ17" s="72">
        <v>25</v>
      </c>
      <c r="FK17" s="73">
        <v>36</v>
      </c>
      <c r="FL17" s="70">
        <v>4</v>
      </c>
      <c r="FM17" s="71">
        <v>5</v>
      </c>
      <c r="FN17" s="72">
        <v>9</v>
      </c>
      <c r="FO17" s="244"/>
      <c r="FP17" s="71">
        <v>10</v>
      </c>
      <c r="FQ17" s="71">
        <v>7</v>
      </c>
      <c r="FR17" s="71">
        <v>6</v>
      </c>
      <c r="FS17" s="71">
        <v>5</v>
      </c>
      <c r="FT17" s="71">
        <v>10</v>
      </c>
      <c r="FU17" s="72">
        <v>38</v>
      </c>
      <c r="FV17" s="73">
        <v>47</v>
      </c>
      <c r="FW17" s="70">
        <v>0</v>
      </c>
      <c r="FX17" s="71">
        <v>0</v>
      </c>
      <c r="FY17" s="72">
        <v>0</v>
      </c>
      <c r="FZ17" s="244"/>
      <c r="GA17" s="71">
        <v>0</v>
      </c>
      <c r="GB17" s="71">
        <v>0</v>
      </c>
      <c r="GC17" s="71">
        <v>0</v>
      </c>
      <c r="GD17" s="71">
        <v>0</v>
      </c>
      <c r="GE17" s="71">
        <v>0</v>
      </c>
      <c r="GF17" s="72">
        <v>0</v>
      </c>
      <c r="GG17" s="73">
        <v>0</v>
      </c>
      <c r="GH17" s="70">
        <v>17</v>
      </c>
      <c r="GI17" s="71">
        <v>13</v>
      </c>
      <c r="GJ17" s="72">
        <v>30</v>
      </c>
      <c r="GK17" s="244"/>
      <c r="GL17" s="71">
        <v>31</v>
      </c>
      <c r="GM17" s="71">
        <v>24</v>
      </c>
      <c r="GN17" s="71">
        <v>12</v>
      </c>
      <c r="GO17" s="71">
        <v>12</v>
      </c>
      <c r="GP17" s="71">
        <v>12</v>
      </c>
      <c r="GQ17" s="72">
        <v>91</v>
      </c>
      <c r="GR17" s="73">
        <v>121</v>
      </c>
      <c r="GS17" s="123">
        <v>58</v>
      </c>
      <c r="GT17" s="82">
        <v>54</v>
      </c>
      <c r="GU17" s="83">
        <v>112</v>
      </c>
      <c r="GV17" s="241"/>
      <c r="GW17" s="82">
        <v>86</v>
      </c>
      <c r="GX17" s="82">
        <v>79</v>
      </c>
      <c r="GY17" s="82">
        <v>52</v>
      </c>
      <c r="GZ17" s="82">
        <v>34</v>
      </c>
      <c r="HA17" s="82">
        <v>27</v>
      </c>
      <c r="HB17" s="84">
        <v>278</v>
      </c>
      <c r="HC17" s="85">
        <v>390</v>
      </c>
      <c r="HD17" s="70">
        <v>2</v>
      </c>
      <c r="HE17" s="71">
        <v>1</v>
      </c>
      <c r="HF17" s="72">
        <v>3</v>
      </c>
      <c r="HG17" s="244"/>
      <c r="HH17" s="71">
        <v>3</v>
      </c>
      <c r="HI17" s="71">
        <v>0</v>
      </c>
      <c r="HJ17" s="71">
        <v>0</v>
      </c>
      <c r="HK17" s="71">
        <v>1</v>
      </c>
      <c r="HL17" s="71">
        <v>0</v>
      </c>
      <c r="HM17" s="72">
        <v>4</v>
      </c>
      <c r="HN17" s="73">
        <v>7</v>
      </c>
      <c r="HO17" s="70">
        <v>5</v>
      </c>
      <c r="HP17" s="71">
        <v>2</v>
      </c>
      <c r="HQ17" s="72">
        <v>7</v>
      </c>
      <c r="HR17" s="244"/>
      <c r="HS17" s="71">
        <v>7</v>
      </c>
      <c r="HT17" s="71">
        <v>2</v>
      </c>
      <c r="HU17" s="71">
        <v>2</v>
      </c>
      <c r="HV17" s="71">
        <v>0</v>
      </c>
      <c r="HW17" s="71">
        <v>2</v>
      </c>
      <c r="HX17" s="72">
        <v>13</v>
      </c>
      <c r="HY17" s="73">
        <v>20</v>
      </c>
      <c r="HZ17" s="70">
        <v>3</v>
      </c>
      <c r="IA17" s="71">
        <v>1</v>
      </c>
      <c r="IB17" s="72">
        <v>4</v>
      </c>
      <c r="IC17" s="244"/>
      <c r="ID17" s="71">
        <v>8</v>
      </c>
      <c r="IE17" s="71">
        <v>9</v>
      </c>
      <c r="IF17" s="71">
        <v>4</v>
      </c>
      <c r="IG17" s="71">
        <v>4</v>
      </c>
      <c r="IH17" s="71">
        <v>0</v>
      </c>
      <c r="II17" s="72">
        <v>25</v>
      </c>
      <c r="IJ17" s="73">
        <v>29</v>
      </c>
      <c r="IK17" s="70">
        <v>12</v>
      </c>
      <c r="IL17" s="71">
        <v>14</v>
      </c>
      <c r="IM17" s="72">
        <v>26</v>
      </c>
      <c r="IN17" s="244"/>
      <c r="IO17" s="71">
        <v>19</v>
      </c>
      <c r="IP17" s="71">
        <v>14</v>
      </c>
      <c r="IQ17" s="71">
        <v>10</v>
      </c>
      <c r="IR17" s="71">
        <v>6</v>
      </c>
      <c r="IS17" s="71">
        <v>3</v>
      </c>
      <c r="IT17" s="72">
        <v>52</v>
      </c>
      <c r="IU17" s="73">
        <v>78</v>
      </c>
      <c r="IV17" s="70">
        <v>22</v>
      </c>
      <c r="IW17" s="71">
        <v>18</v>
      </c>
      <c r="IX17" s="72">
        <v>40</v>
      </c>
      <c r="IY17" s="244"/>
      <c r="IZ17" s="71">
        <v>22</v>
      </c>
      <c r="JA17" s="71">
        <v>28</v>
      </c>
      <c r="JB17" s="71">
        <v>14</v>
      </c>
      <c r="JC17" s="71">
        <v>10</v>
      </c>
      <c r="JD17" s="71">
        <v>5</v>
      </c>
      <c r="JE17" s="72">
        <v>79</v>
      </c>
      <c r="JF17" s="73">
        <v>119</v>
      </c>
      <c r="JG17" s="70">
        <v>14</v>
      </c>
      <c r="JH17" s="71">
        <v>18</v>
      </c>
      <c r="JI17" s="72">
        <v>32</v>
      </c>
      <c r="JJ17" s="244"/>
      <c r="JK17" s="71">
        <v>27</v>
      </c>
      <c r="JL17" s="71">
        <v>26</v>
      </c>
      <c r="JM17" s="71">
        <v>22</v>
      </c>
      <c r="JN17" s="71">
        <v>13</v>
      </c>
      <c r="JO17" s="71">
        <v>17</v>
      </c>
      <c r="JP17" s="72">
        <v>105</v>
      </c>
      <c r="JQ17" s="73">
        <v>137</v>
      </c>
      <c r="JR17" s="70">
        <v>0</v>
      </c>
      <c r="JS17" s="71">
        <v>0</v>
      </c>
      <c r="JT17" s="72">
        <v>0</v>
      </c>
      <c r="JU17" s="244"/>
      <c r="JV17" s="71">
        <v>0</v>
      </c>
      <c r="JW17" s="71">
        <v>0</v>
      </c>
      <c r="JX17" s="71">
        <v>0</v>
      </c>
      <c r="JY17" s="71">
        <v>0</v>
      </c>
      <c r="JZ17" s="71">
        <v>0</v>
      </c>
      <c r="KA17" s="72">
        <v>0</v>
      </c>
      <c r="KB17" s="73">
        <v>0</v>
      </c>
      <c r="KC17" s="70">
        <v>58</v>
      </c>
      <c r="KD17" s="71">
        <v>54</v>
      </c>
      <c r="KE17" s="72">
        <v>112</v>
      </c>
      <c r="KF17" s="244"/>
      <c r="KG17" s="71">
        <v>86</v>
      </c>
      <c r="KH17" s="71">
        <v>79</v>
      </c>
      <c r="KI17" s="71">
        <v>52</v>
      </c>
      <c r="KJ17" s="71">
        <v>34</v>
      </c>
      <c r="KK17" s="71">
        <v>27</v>
      </c>
      <c r="KL17" s="72">
        <v>278</v>
      </c>
      <c r="KM17" s="73">
        <v>390</v>
      </c>
    </row>
    <row r="18" spans="2:299" ht="19.5" customHeight="1" x14ac:dyDescent="0.2">
      <c r="B18" s="126" t="s">
        <v>15</v>
      </c>
      <c r="C18" s="316">
        <v>8</v>
      </c>
      <c r="D18" s="82">
        <v>11</v>
      </c>
      <c r="E18" s="83">
        <v>19</v>
      </c>
      <c r="F18" s="241"/>
      <c r="G18" s="82">
        <v>16</v>
      </c>
      <c r="H18" s="82">
        <v>13</v>
      </c>
      <c r="I18" s="82">
        <v>4</v>
      </c>
      <c r="J18" s="82">
        <v>9</v>
      </c>
      <c r="K18" s="82">
        <v>9</v>
      </c>
      <c r="L18" s="84">
        <v>51</v>
      </c>
      <c r="M18" s="85">
        <v>70</v>
      </c>
      <c r="N18" s="70">
        <v>0</v>
      </c>
      <c r="O18" s="71">
        <v>1</v>
      </c>
      <c r="P18" s="72">
        <v>1</v>
      </c>
      <c r="Q18" s="244"/>
      <c r="R18" s="71">
        <v>1</v>
      </c>
      <c r="S18" s="71">
        <v>0</v>
      </c>
      <c r="T18" s="71">
        <v>0</v>
      </c>
      <c r="U18" s="71">
        <v>1</v>
      </c>
      <c r="V18" s="71">
        <v>0</v>
      </c>
      <c r="W18" s="72">
        <v>2</v>
      </c>
      <c r="X18" s="73">
        <v>3</v>
      </c>
      <c r="Y18" s="70">
        <v>1</v>
      </c>
      <c r="Z18" s="71">
        <v>0</v>
      </c>
      <c r="AA18" s="72">
        <v>1</v>
      </c>
      <c r="AB18" s="244"/>
      <c r="AC18" s="71">
        <v>0</v>
      </c>
      <c r="AD18" s="71">
        <v>1</v>
      </c>
      <c r="AE18" s="71">
        <v>2</v>
      </c>
      <c r="AF18" s="71">
        <v>1</v>
      </c>
      <c r="AG18" s="71">
        <v>1</v>
      </c>
      <c r="AH18" s="72">
        <v>5</v>
      </c>
      <c r="AI18" s="73">
        <v>6</v>
      </c>
      <c r="AJ18" s="70">
        <v>1</v>
      </c>
      <c r="AK18" s="71">
        <v>2</v>
      </c>
      <c r="AL18" s="72">
        <v>3</v>
      </c>
      <c r="AM18" s="244"/>
      <c r="AN18" s="71">
        <v>4</v>
      </c>
      <c r="AO18" s="71">
        <v>1</v>
      </c>
      <c r="AP18" s="71">
        <v>1</v>
      </c>
      <c r="AQ18" s="71">
        <v>0</v>
      </c>
      <c r="AR18" s="71">
        <v>1</v>
      </c>
      <c r="AS18" s="72">
        <v>7</v>
      </c>
      <c r="AT18" s="73">
        <v>10</v>
      </c>
      <c r="AU18" s="70">
        <v>2</v>
      </c>
      <c r="AV18" s="71">
        <v>3</v>
      </c>
      <c r="AW18" s="72">
        <v>5</v>
      </c>
      <c r="AX18" s="244"/>
      <c r="AY18" s="71">
        <v>2</v>
      </c>
      <c r="AZ18" s="71">
        <v>4</v>
      </c>
      <c r="BA18" s="71">
        <v>0</v>
      </c>
      <c r="BB18" s="71">
        <v>2</v>
      </c>
      <c r="BC18" s="71">
        <v>2</v>
      </c>
      <c r="BD18" s="72">
        <v>10</v>
      </c>
      <c r="BE18" s="73">
        <v>15</v>
      </c>
      <c r="BF18" s="70">
        <v>1</v>
      </c>
      <c r="BG18" s="71">
        <v>3</v>
      </c>
      <c r="BH18" s="72">
        <v>4</v>
      </c>
      <c r="BI18" s="244"/>
      <c r="BJ18" s="71">
        <v>6</v>
      </c>
      <c r="BK18" s="71">
        <v>3</v>
      </c>
      <c r="BL18" s="71">
        <v>0</v>
      </c>
      <c r="BM18" s="71">
        <v>3</v>
      </c>
      <c r="BN18" s="71">
        <v>3</v>
      </c>
      <c r="BO18" s="72">
        <v>15</v>
      </c>
      <c r="BP18" s="73">
        <v>19</v>
      </c>
      <c r="BQ18" s="70">
        <v>3</v>
      </c>
      <c r="BR18" s="71">
        <v>2</v>
      </c>
      <c r="BS18" s="72">
        <v>5</v>
      </c>
      <c r="BT18" s="244"/>
      <c r="BU18" s="71">
        <v>3</v>
      </c>
      <c r="BV18" s="71">
        <v>4</v>
      </c>
      <c r="BW18" s="71">
        <v>1</v>
      </c>
      <c r="BX18" s="71">
        <v>2</v>
      </c>
      <c r="BY18" s="71">
        <v>2</v>
      </c>
      <c r="BZ18" s="72">
        <v>12</v>
      </c>
      <c r="CA18" s="73">
        <v>17</v>
      </c>
      <c r="CB18" s="70">
        <v>0</v>
      </c>
      <c r="CC18" s="71">
        <v>0</v>
      </c>
      <c r="CD18" s="72">
        <v>0</v>
      </c>
      <c r="CE18" s="244"/>
      <c r="CF18" s="71">
        <v>0</v>
      </c>
      <c r="CG18" s="71">
        <v>0</v>
      </c>
      <c r="CH18" s="71">
        <v>0</v>
      </c>
      <c r="CI18" s="71">
        <v>0</v>
      </c>
      <c r="CJ18" s="71">
        <v>0</v>
      </c>
      <c r="CK18" s="72">
        <v>0</v>
      </c>
      <c r="CL18" s="73">
        <v>0</v>
      </c>
      <c r="CM18" s="70">
        <v>8</v>
      </c>
      <c r="CN18" s="71">
        <v>11</v>
      </c>
      <c r="CO18" s="72">
        <v>19</v>
      </c>
      <c r="CP18" s="244"/>
      <c r="CQ18" s="71">
        <v>16</v>
      </c>
      <c r="CR18" s="71">
        <v>13</v>
      </c>
      <c r="CS18" s="71">
        <v>4</v>
      </c>
      <c r="CT18" s="71">
        <v>9</v>
      </c>
      <c r="CU18" s="71">
        <v>9</v>
      </c>
      <c r="CV18" s="72">
        <v>51</v>
      </c>
      <c r="CW18" s="73">
        <v>70</v>
      </c>
      <c r="CX18" s="123">
        <v>2</v>
      </c>
      <c r="CY18" s="82">
        <v>9</v>
      </c>
      <c r="CZ18" s="83">
        <v>11</v>
      </c>
      <c r="DA18" s="241"/>
      <c r="DB18" s="82">
        <v>10</v>
      </c>
      <c r="DC18" s="82">
        <v>9</v>
      </c>
      <c r="DD18" s="82">
        <v>6</v>
      </c>
      <c r="DE18" s="82">
        <v>3</v>
      </c>
      <c r="DF18" s="82">
        <v>2</v>
      </c>
      <c r="DG18" s="84">
        <v>30</v>
      </c>
      <c r="DH18" s="85">
        <v>41</v>
      </c>
      <c r="DI18" s="70">
        <v>0</v>
      </c>
      <c r="DJ18" s="71">
        <v>0</v>
      </c>
      <c r="DK18" s="72">
        <v>0</v>
      </c>
      <c r="DL18" s="244"/>
      <c r="DM18" s="71">
        <v>0</v>
      </c>
      <c r="DN18" s="71">
        <v>0</v>
      </c>
      <c r="DO18" s="71">
        <v>1</v>
      </c>
      <c r="DP18" s="71">
        <v>0</v>
      </c>
      <c r="DQ18" s="71">
        <v>0</v>
      </c>
      <c r="DR18" s="72">
        <v>1</v>
      </c>
      <c r="DS18" s="73">
        <v>1</v>
      </c>
      <c r="DT18" s="70">
        <v>0</v>
      </c>
      <c r="DU18" s="71">
        <v>1</v>
      </c>
      <c r="DV18" s="72">
        <v>1</v>
      </c>
      <c r="DW18" s="244"/>
      <c r="DX18" s="71">
        <v>0</v>
      </c>
      <c r="DY18" s="71">
        <v>0</v>
      </c>
      <c r="DZ18" s="71">
        <v>0</v>
      </c>
      <c r="EA18" s="71">
        <v>0</v>
      </c>
      <c r="EB18" s="71">
        <v>0</v>
      </c>
      <c r="EC18" s="72">
        <v>0</v>
      </c>
      <c r="ED18" s="73">
        <v>1</v>
      </c>
      <c r="EE18" s="70">
        <v>0</v>
      </c>
      <c r="EF18" s="71">
        <v>3</v>
      </c>
      <c r="EG18" s="72">
        <v>3</v>
      </c>
      <c r="EH18" s="244"/>
      <c r="EI18" s="71">
        <v>3</v>
      </c>
      <c r="EJ18" s="71">
        <v>1</v>
      </c>
      <c r="EK18" s="71">
        <v>2</v>
      </c>
      <c r="EL18" s="71">
        <v>0</v>
      </c>
      <c r="EM18" s="71">
        <v>1</v>
      </c>
      <c r="EN18" s="72">
        <v>7</v>
      </c>
      <c r="EO18" s="73">
        <v>10</v>
      </c>
      <c r="EP18" s="70">
        <v>0</v>
      </c>
      <c r="EQ18" s="71">
        <v>1</v>
      </c>
      <c r="ER18" s="72">
        <v>1</v>
      </c>
      <c r="ES18" s="244"/>
      <c r="ET18" s="71">
        <v>2</v>
      </c>
      <c r="EU18" s="71">
        <v>0</v>
      </c>
      <c r="EV18" s="71">
        <v>0</v>
      </c>
      <c r="EW18" s="71">
        <v>1</v>
      </c>
      <c r="EX18" s="71">
        <v>0</v>
      </c>
      <c r="EY18" s="72">
        <v>3</v>
      </c>
      <c r="EZ18" s="73">
        <v>4</v>
      </c>
      <c r="FA18" s="70">
        <v>0</v>
      </c>
      <c r="FB18" s="71">
        <v>1</v>
      </c>
      <c r="FC18" s="72">
        <v>1</v>
      </c>
      <c r="FD18" s="244"/>
      <c r="FE18" s="71">
        <v>3</v>
      </c>
      <c r="FF18" s="71">
        <v>3</v>
      </c>
      <c r="FG18" s="71">
        <v>0</v>
      </c>
      <c r="FH18" s="71">
        <v>0</v>
      </c>
      <c r="FI18" s="71">
        <v>0</v>
      </c>
      <c r="FJ18" s="72">
        <v>6</v>
      </c>
      <c r="FK18" s="73">
        <v>7</v>
      </c>
      <c r="FL18" s="70">
        <v>2</v>
      </c>
      <c r="FM18" s="71">
        <v>3</v>
      </c>
      <c r="FN18" s="72">
        <v>5</v>
      </c>
      <c r="FO18" s="244"/>
      <c r="FP18" s="71">
        <v>2</v>
      </c>
      <c r="FQ18" s="71">
        <v>5</v>
      </c>
      <c r="FR18" s="71">
        <v>3</v>
      </c>
      <c r="FS18" s="71">
        <v>2</v>
      </c>
      <c r="FT18" s="71">
        <v>1</v>
      </c>
      <c r="FU18" s="72">
        <v>13</v>
      </c>
      <c r="FV18" s="73">
        <v>18</v>
      </c>
      <c r="FW18" s="70">
        <v>0</v>
      </c>
      <c r="FX18" s="71">
        <v>0</v>
      </c>
      <c r="FY18" s="72">
        <v>0</v>
      </c>
      <c r="FZ18" s="244"/>
      <c r="GA18" s="71">
        <v>0</v>
      </c>
      <c r="GB18" s="71">
        <v>0</v>
      </c>
      <c r="GC18" s="71">
        <v>0</v>
      </c>
      <c r="GD18" s="71">
        <v>0</v>
      </c>
      <c r="GE18" s="71">
        <v>0</v>
      </c>
      <c r="GF18" s="72">
        <v>0</v>
      </c>
      <c r="GG18" s="73">
        <v>0</v>
      </c>
      <c r="GH18" s="70">
        <v>2</v>
      </c>
      <c r="GI18" s="71">
        <v>9</v>
      </c>
      <c r="GJ18" s="72">
        <v>11</v>
      </c>
      <c r="GK18" s="244"/>
      <c r="GL18" s="71">
        <v>10</v>
      </c>
      <c r="GM18" s="71">
        <v>9</v>
      </c>
      <c r="GN18" s="71">
        <v>6</v>
      </c>
      <c r="GO18" s="71">
        <v>3</v>
      </c>
      <c r="GP18" s="71">
        <v>2</v>
      </c>
      <c r="GQ18" s="72">
        <v>30</v>
      </c>
      <c r="GR18" s="73">
        <v>41</v>
      </c>
      <c r="GS18" s="123">
        <v>10</v>
      </c>
      <c r="GT18" s="82">
        <v>20</v>
      </c>
      <c r="GU18" s="83">
        <v>30</v>
      </c>
      <c r="GV18" s="241"/>
      <c r="GW18" s="82">
        <v>26</v>
      </c>
      <c r="GX18" s="82">
        <v>22</v>
      </c>
      <c r="GY18" s="82">
        <v>10</v>
      </c>
      <c r="GZ18" s="82">
        <v>12</v>
      </c>
      <c r="HA18" s="82">
        <v>11</v>
      </c>
      <c r="HB18" s="84">
        <v>81</v>
      </c>
      <c r="HC18" s="85">
        <v>111</v>
      </c>
      <c r="HD18" s="70">
        <v>0</v>
      </c>
      <c r="HE18" s="71">
        <v>1</v>
      </c>
      <c r="HF18" s="72">
        <v>1</v>
      </c>
      <c r="HG18" s="244"/>
      <c r="HH18" s="71">
        <v>1</v>
      </c>
      <c r="HI18" s="71">
        <v>0</v>
      </c>
      <c r="HJ18" s="71">
        <v>1</v>
      </c>
      <c r="HK18" s="71">
        <v>1</v>
      </c>
      <c r="HL18" s="71">
        <v>0</v>
      </c>
      <c r="HM18" s="72">
        <v>3</v>
      </c>
      <c r="HN18" s="73">
        <v>4</v>
      </c>
      <c r="HO18" s="70">
        <v>1</v>
      </c>
      <c r="HP18" s="71">
        <v>1</v>
      </c>
      <c r="HQ18" s="72">
        <v>2</v>
      </c>
      <c r="HR18" s="244"/>
      <c r="HS18" s="71">
        <v>0</v>
      </c>
      <c r="HT18" s="71">
        <v>1</v>
      </c>
      <c r="HU18" s="71">
        <v>2</v>
      </c>
      <c r="HV18" s="71">
        <v>1</v>
      </c>
      <c r="HW18" s="71">
        <v>1</v>
      </c>
      <c r="HX18" s="72">
        <v>5</v>
      </c>
      <c r="HY18" s="73">
        <v>7</v>
      </c>
      <c r="HZ18" s="70">
        <v>1</v>
      </c>
      <c r="IA18" s="71">
        <v>5</v>
      </c>
      <c r="IB18" s="72">
        <v>6</v>
      </c>
      <c r="IC18" s="244"/>
      <c r="ID18" s="71">
        <v>7</v>
      </c>
      <c r="IE18" s="71">
        <v>2</v>
      </c>
      <c r="IF18" s="71">
        <v>3</v>
      </c>
      <c r="IG18" s="71">
        <v>0</v>
      </c>
      <c r="IH18" s="71">
        <v>2</v>
      </c>
      <c r="II18" s="72">
        <v>14</v>
      </c>
      <c r="IJ18" s="73">
        <v>20</v>
      </c>
      <c r="IK18" s="70">
        <v>2</v>
      </c>
      <c r="IL18" s="71">
        <v>4</v>
      </c>
      <c r="IM18" s="72">
        <v>6</v>
      </c>
      <c r="IN18" s="244"/>
      <c r="IO18" s="71">
        <v>4</v>
      </c>
      <c r="IP18" s="71">
        <v>4</v>
      </c>
      <c r="IQ18" s="71">
        <v>0</v>
      </c>
      <c r="IR18" s="71">
        <v>3</v>
      </c>
      <c r="IS18" s="71">
        <v>2</v>
      </c>
      <c r="IT18" s="72">
        <v>13</v>
      </c>
      <c r="IU18" s="73">
        <v>19</v>
      </c>
      <c r="IV18" s="70">
        <v>1</v>
      </c>
      <c r="IW18" s="71">
        <v>4</v>
      </c>
      <c r="IX18" s="72">
        <v>5</v>
      </c>
      <c r="IY18" s="244"/>
      <c r="IZ18" s="71">
        <v>9</v>
      </c>
      <c r="JA18" s="71">
        <v>6</v>
      </c>
      <c r="JB18" s="71">
        <v>0</v>
      </c>
      <c r="JC18" s="71">
        <v>3</v>
      </c>
      <c r="JD18" s="71">
        <v>3</v>
      </c>
      <c r="JE18" s="72">
        <v>21</v>
      </c>
      <c r="JF18" s="73">
        <v>26</v>
      </c>
      <c r="JG18" s="70">
        <v>5</v>
      </c>
      <c r="JH18" s="71">
        <v>5</v>
      </c>
      <c r="JI18" s="72">
        <v>10</v>
      </c>
      <c r="JJ18" s="244"/>
      <c r="JK18" s="71">
        <v>5</v>
      </c>
      <c r="JL18" s="71">
        <v>9</v>
      </c>
      <c r="JM18" s="71">
        <v>4</v>
      </c>
      <c r="JN18" s="71">
        <v>4</v>
      </c>
      <c r="JO18" s="71">
        <v>3</v>
      </c>
      <c r="JP18" s="72">
        <v>25</v>
      </c>
      <c r="JQ18" s="73">
        <v>35</v>
      </c>
      <c r="JR18" s="70">
        <v>0</v>
      </c>
      <c r="JS18" s="71">
        <v>0</v>
      </c>
      <c r="JT18" s="72">
        <v>0</v>
      </c>
      <c r="JU18" s="244"/>
      <c r="JV18" s="71">
        <v>0</v>
      </c>
      <c r="JW18" s="71">
        <v>0</v>
      </c>
      <c r="JX18" s="71">
        <v>0</v>
      </c>
      <c r="JY18" s="71">
        <v>0</v>
      </c>
      <c r="JZ18" s="71">
        <v>0</v>
      </c>
      <c r="KA18" s="72">
        <v>0</v>
      </c>
      <c r="KB18" s="73">
        <v>0</v>
      </c>
      <c r="KC18" s="70">
        <v>10</v>
      </c>
      <c r="KD18" s="71">
        <v>20</v>
      </c>
      <c r="KE18" s="72">
        <v>30</v>
      </c>
      <c r="KF18" s="244"/>
      <c r="KG18" s="71">
        <v>26</v>
      </c>
      <c r="KH18" s="71">
        <v>22</v>
      </c>
      <c r="KI18" s="71">
        <v>10</v>
      </c>
      <c r="KJ18" s="71">
        <v>12</v>
      </c>
      <c r="KK18" s="71">
        <v>11</v>
      </c>
      <c r="KL18" s="72">
        <v>81</v>
      </c>
      <c r="KM18" s="73">
        <v>111</v>
      </c>
    </row>
    <row r="19" spans="2:299" ht="19.5" customHeight="1" x14ac:dyDescent="0.2">
      <c r="B19" s="126" t="s">
        <v>16</v>
      </c>
      <c r="C19" s="316">
        <v>32</v>
      </c>
      <c r="D19" s="82">
        <v>31</v>
      </c>
      <c r="E19" s="83">
        <v>63</v>
      </c>
      <c r="F19" s="241"/>
      <c r="G19" s="82">
        <v>54</v>
      </c>
      <c r="H19" s="82">
        <v>54</v>
      </c>
      <c r="I19" s="82">
        <v>42</v>
      </c>
      <c r="J19" s="82">
        <v>27</v>
      </c>
      <c r="K19" s="82">
        <v>15</v>
      </c>
      <c r="L19" s="84">
        <v>192</v>
      </c>
      <c r="M19" s="85">
        <v>255</v>
      </c>
      <c r="N19" s="70">
        <v>1</v>
      </c>
      <c r="O19" s="71">
        <v>1</v>
      </c>
      <c r="P19" s="72">
        <v>2</v>
      </c>
      <c r="Q19" s="244"/>
      <c r="R19" s="71">
        <v>1</v>
      </c>
      <c r="S19" s="71">
        <v>1</v>
      </c>
      <c r="T19" s="71">
        <v>0</v>
      </c>
      <c r="U19" s="71">
        <v>0</v>
      </c>
      <c r="V19" s="71">
        <v>3</v>
      </c>
      <c r="W19" s="72">
        <v>5</v>
      </c>
      <c r="X19" s="73">
        <v>7</v>
      </c>
      <c r="Y19" s="70">
        <v>6</v>
      </c>
      <c r="Z19" s="71">
        <v>7</v>
      </c>
      <c r="AA19" s="72">
        <v>13</v>
      </c>
      <c r="AB19" s="244"/>
      <c r="AC19" s="71">
        <v>5</v>
      </c>
      <c r="AD19" s="71">
        <v>8</v>
      </c>
      <c r="AE19" s="71">
        <v>3</v>
      </c>
      <c r="AF19" s="71">
        <v>5</v>
      </c>
      <c r="AG19" s="71">
        <v>1</v>
      </c>
      <c r="AH19" s="72">
        <v>22</v>
      </c>
      <c r="AI19" s="73">
        <v>35</v>
      </c>
      <c r="AJ19" s="70">
        <v>6</v>
      </c>
      <c r="AK19" s="71">
        <v>3</v>
      </c>
      <c r="AL19" s="72">
        <v>9</v>
      </c>
      <c r="AM19" s="244"/>
      <c r="AN19" s="71">
        <v>8</v>
      </c>
      <c r="AO19" s="71">
        <v>7</v>
      </c>
      <c r="AP19" s="71">
        <v>9</v>
      </c>
      <c r="AQ19" s="71">
        <v>5</v>
      </c>
      <c r="AR19" s="71">
        <v>1</v>
      </c>
      <c r="AS19" s="72">
        <v>30</v>
      </c>
      <c r="AT19" s="73">
        <v>39</v>
      </c>
      <c r="AU19" s="70">
        <v>7</v>
      </c>
      <c r="AV19" s="71">
        <v>5</v>
      </c>
      <c r="AW19" s="72">
        <v>12</v>
      </c>
      <c r="AX19" s="244"/>
      <c r="AY19" s="71">
        <v>17</v>
      </c>
      <c r="AZ19" s="71">
        <v>15</v>
      </c>
      <c r="BA19" s="71">
        <v>11</v>
      </c>
      <c r="BB19" s="71">
        <v>3</v>
      </c>
      <c r="BC19" s="71">
        <v>4</v>
      </c>
      <c r="BD19" s="72">
        <v>50</v>
      </c>
      <c r="BE19" s="73">
        <v>62</v>
      </c>
      <c r="BF19" s="70">
        <v>8</v>
      </c>
      <c r="BG19" s="71">
        <v>11</v>
      </c>
      <c r="BH19" s="72">
        <v>19</v>
      </c>
      <c r="BI19" s="244"/>
      <c r="BJ19" s="71">
        <v>8</v>
      </c>
      <c r="BK19" s="71">
        <v>12</v>
      </c>
      <c r="BL19" s="71">
        <v>9</v>
      </c>
      <c r="BM19" s="71">
        <v>4</v>
      </c>
      <c r="BN19" s="71">
        <v>4</v>
      </c>
      <c r="BO19" s="72">
        <v>37</v>
      </c>
      <c r="BP19" s="73">
        <v>56</v>
      </c>
      <c r="BQ19" s="70">
        <v>4</v>
      </c>
      <c r="BR19" s="71">
        <v>4</v>
      </c>
      <c r="BS19" s="72">
        <v>8</v>
      </c>
      <c r="BT19" s="244"/>
      <c r="BU19" s="71">
        <v>15</v>
      </c>
      <c r="BV19" s="71">
        <v>11</v>
      </c>
      <c r="BW19" s="71">
        <v>10</v>
      </c>
      <c r="BX19" s="71">
        <v>10</v>
      </c>
      <c r="BY19" s="71">
        <v>2</v>
      </c>
      <c r="BZ19" s="72">
        <v>48</v>
      </c>
      <c r="CA19" s="73">
        <v>56</v>
      </c>
      <c r="CB19" s="70">
        <v>0</v>
      </c>
      <c r="CC19" s="71">
        <v>0</v>
      </c>
      <c r="CD19" s="72">
        <v>0</v>
      </c>
      <c r="CE19" s="244"/>
      <c r="CF19" s="71">
        <v>0</v>
      </c>
      <c r="CG19" s="71">
        <v>0</v>
      </c>
      <c r="CH19" s="71">
        <v>0</v>
      </c>
      <c r="CI19" s="71">
        <v>0</v>
      </c>
      <c r="CJ19" s="71">
        <v>0</v>
      </c>
      <c r="CK19" s="72">
        <v>0</v>
      </c>
      <c r="CL19" s="73">
        <v>0</v>
      </c>
      <c r="CM19" s="70">
        <v>32</v>
      </c>
      <c r="CN19" s="71">
        <v>31</v>
      </c>
      <c r="CO19" s="72">
        <v>63</v>
      </c>
      <c r="CP19" s="244"/>
      <c r="CQ19" s="71">
        <v>54</v>
      </c>
      <c r="CR19" s="71">
        <v>54</v>
      </c>
      <c r="CS19" s="71">
        <v>42</v>
      </c>
      <c r="CT19" s="71">
        <v>27</v>
      </c>
      <c r="CU19" s="71">
        <v>15</v>
      </c>
      <c r="CV19" s="72">
        <v>192</v>
      </c>
      <c r="CW19" s="73">
        <v>255</v>
      </c>
      <c r="CX19" s="123">
        <v>10</v>
      </c>
      <c r="CY19" s="82">
        <v>15</v>
      </c>
      <c r="CZ19" s="83">
        <v>25</v>
      </c>
      <c r="DA19" s="241"/>
      <c r="DB19" s="82">
        <v>22</v>
      </c>
      <c r="DC19" s="82">
        <v>24</v>
      </c>
      <c r="DD19" s="82">
        <v>14</v>
      </c>
      <c r="DE19" s="82">
        <v>15</v>
      </c>
      <c r="DF19" s="82">
        <v>14</v>
      </c>
      <c r="DG19" s="84">
        <v>89</v>
      </c>
      <c r="DH19" s="85">
        <v>114</v>
      </c>
      <c r="DI19" s="70">
        <v>0</v>
      </c>
      <c r="DJ19" s="71">
        <v>0</v>
      </c>
      <c r="DK19" s="72">
        <v>0</v>
      </c>
      <c r="DL19" s="244"/>
      <c r="DM19" s="71">
        <v>0</v>
      </c>
      <c r="DN19" s="71">
        <v>0</v>
      </c>
      <c r="DO19" s="71">
        <v>0</v>
      </c>
      <c r="DP19" s="71">
        <v>1</v>
      </c>
      <c r="DQ19" s="71">
        <v>0</v>
      </c>
      <c r="DR19" s="72">
        <v>1</v>
      </c>
      <c r="DS19" s="73">
        <v>1</v>
      </c>
      <c r="DT19" s="70">
        <v>1</v>
      </c>
      <c r="DU19" s="71">
        <v>3</v>
      </c>
      <c r="DV19" s="72">
        <v>4</v>
      </c>
      <c r="DW19" s="244"/>
      <c r="DX19" s="71">
        <v>2</v>
      </c>
      <c r="DY19" s="71">
        <v>3</v>
      </c>
      <c r="DZ19" s="71">
        <v>0</v>
      </c>
      <c r="EA19" s="71">
        <v>0</v>
      </c>
      <c r="EB19" s="71">
        <v>0</v>
      </c>
      <c r="EC19" s="72">
        <v>5</v>
      </c>
      <c r="ED19" s="73">
        <v>9</v>
      </c>
      <c r="EE19" s="70">
        <v>1</v>
      </c>
      <c r="EF19" s="71">
        <v>2</v>
      </c>
      <c r="EG19" s="72">
        <v>3</v>
      </c>
      <c r="EH19" s="244"/>
      <c r="EI19" s="71">
        <v>1</v>
      </c>
      <c r="EJ19" s="71">
        <v>3</v>
      </c>
      <c r="EK19" s="71">
        <v>1</v>
      </c>
      <c r="EL19" s="71">
        <v>1</v>
      </c>
      <c r="EM19" s="71">
        <v>1</v>
      </c>
      <c r="EN19" s="72">
        <v>7</v>
      </c>
      <c r="EO19" s="73">
        <v>10</v>
      </c>
      <c r="EP19" s="70">
        <v>6</v>
      </c>
      <c r="EQ19" s="71">
        <v>4</v>
      </c>
      <c r="ER19" s="72">
        <v>10</v>
      </c>
      <c r="ES19" s="244"/>
      <c r="ET19" s="71">
        <v>4</v>
      </c>
      <c r="EU19" s="71">
        <v>4</v>
      </c>
      <c r="EV19" s="71">
        <v>1</v>
      </c>
      <c r="EW19" s="71">
        <v>0</v>
      </c>
      <c r="EX19" s="71">
        <v>1</v>
      </c>
      <c r="EY19" s="72">
        <v>10</v>
      </c>
      <c r="EZ19" s="73">
        <v>20</v>
      </c>
      <c r="FA19" s="70">
        <v>1</v>
      </c>
      <c r="FB19" s="71">
        <v>5</v>
      </c>
      <c r="FC19" s="72">
        <v>6</v>
      </c>
      <c r="FD19" s="244"/>
      <c r="FE19" s="71">
        <v>10</v>
      </c>
      <c r="FF19" s="71">
        <v>7</v>
      </c>
      <c r="FG19" s="71">
        <v>5</v>
      </c>
      <c r="FH19" s="71">
        <v>4</v>
      </c>
      <c r="FI19" s="71">
        <v>2</v>
      </c>
      <c r="FJ19" s="72">
        <v>28</v>
      </c>
      <c r="FK19" s="73">
        <v>34</v>
      </c>
      <c r="FL19" s="70">
        <v>1</v>
      </c>
      <c r="FM19" s="71">
        <v>1</v>
      </c>
      <c r="FN19" s="72">
        <v>2</v>
      </c>
      <c r="FO19" s="244"/>
      <c r="FP19" s="71">
        <v>5</v>
      </c>
      <c r="FQ19" s="71">
        <v>7</v>
      </c>
      <c r="FR19" s="71">
        <v>7</v>
      </c>
      <c r="FS19" s="71">
        <v>9</v>
      </c>
      <c r="FT19" s="71">
        <v>10</v>
      </c>
      <c r="FU19" s="72">
        <v>38</v>
      </c>
      <c r="FV19" s="73">
        <v>40</v>
      </c>
      <c r="FW19" s="70">
        <v>0</v>
      </c>
      <c r="FX19" s="71">
        <v>0</v>
      </c>
      <c r="FY19" s="72">
        <v>0</v>
      </c>
      <c r="FZ19" s="244"/>
      <c r="GA19" s="71">
        <v>0</v>
      </c>
      <c r="GB19" s="71">
        <v>0</v>
      </c>
      <c r="GC19" s="71">
        <v>0</v>
      </c>
      <c r="GD19" s="71">
        <v>0</v>
      </c>
      <c r="GE19" s="71">
        <v>0</v>
      </c>
      <c r="GF19" s="72">
        <v>0</v>
      </c>
      <c r="GG19" s="73">
        <v>0</v>
      </c>
      <c r="GH19" s="70">
        <v>10</v>
      </c>
      <c r="GI19" s="71">
        <v>15</v>
      </c>
      <c r="GJ19" s="72">
        <v>25</v>
      </c>
      <c r="GK19" s="244"/>
      <c r="GL19" s="71">
        <v>22</v>
      </c>
      <c r="GM19" s="71">
        <v>24</v>
      </c>
      <c r="GN19" s="71">
        <v>14</v>
      </c>
      <c r="GO19" s="71">
        <v>15</v>
      </c>
      <c r="GP19" s="71">
        <v>14</v>
      </c>
      <c r="GQ19" s="72">
        <v>89</v>
      </c>
      <c r="GR19" s="73">
        <v>114</v>
      </c>
      <c r="GS19" s="123">
        <v>42</v>
      </c>
      <c r="GT19" s="82">
        <v>46</v>
      </c>
      <c r="GU19" s="83">
        <v>88</v>
      </c>
      <c r="GV19" s="241"/>
      <c r="GW19" s="82">
        <v>76</v>
      </c>
      <c r="GX19" s="82">
        <v>78</v>
      </c>
      <c r="GY19" s="82">
        <v>56</v>
      </c>
      <c r="GZ19" s="82">
        <v>42</v>
      </c>
      <c r="HA19" s="82">
        <v>29</v>
      </c>
      <c r="HB19" s="84">
        <v>281</v>
      </c>
      <c r="HC19" s="85">
        <v>369</v>
      </c>
      <c r="HD19" s="70">
        <v>1</v>
      </c>
      <c r="HE19" s="71">
        <v>1</v>
      </c>
      <c r="HF19" s="72">
        <v>2</v>
      </c>
      <c r="HG19" s="244"/>
      <c r="HH19" s="71">
        <v>1</v>
      </c>
      <c r="HI19" s="71">
        <v>1</v>
      </c>
      <c r="HJ19" s="71">
        <v>0</v>
      </c>
      <c r="HK19" s="71">
        <v>1</v>
      </c>
      <c r="HL19" s="71">
        <v>3</v>
      </c>
      <c r="HM19" s="72">
        <v>6</v>
      </c>
      <c r="HN19" s="73">
        <v>8</v>
      </c>
      <c r="HO19" s="70">
        <v>7</v>
      </c>
      <c r="HP19" s="71">
        <v>10</v>
      </c>
      <c r="HQ19" s="72">
        <v>17</v>
      </c>
      <c r="HR19" s="244"/>
      <c r="HS19" s="71">
        <v>7</v>
      </c>
      <c r="HT19" s="71">
        <v>11</v>
      </c>
      <c r="HU19" s="71">
        <v>3</v>
      </c>
      <c r="HV19" s="71">
        <v>5</v>
      </c>
      <c r="HW19" s="71">
        <v>1</v>
      </c>
      <c r="HX19" s="72">
        <v>27</v>
      </c>
      <c r="HY19" s="73">
        <v>44</v>
      </c>
      <c r="HZ19" s="70">
        <v>7</v>
      </c>
      <c r="IA19" s="71">
        <v>5</v>
      </c>
      <c r="IB19" s="72">
        <v>12</v>
      </c>
      <c r="IC19" s="244"/>
      <c r="ID19" s="71">
        <v>9</v>
      </c>
      <c r="IE19" s="71">
        <v>10</v>
      </c>
      <c r="IF19" s="71">
        <v>10</v>
      </c>
      <c r="IG19" s="71">
        <v>6</v>
      </c>
      <c r="IH19" s="71">
        <v>2</v>
      </c>
      <c r="II19" s="72">
        <v>37</v>
      </c>
      <c r="IJ19" s="73">
        <v>49</v>
      </c>
      <c r="IK19" s="70">
        <v>13</v>
      </c>
      <c r="IL19" s="71">
        <v>9</v>
      </c>
      <c r="IM19" s="72">
        <v>22</v>
      </c>
      <c r="IN19" s="244"/>
      <c r="IO19" s="71">
        <v>21</v>
      </c>
      <c r="IP19" s="71">
        <v>19</v>
      </c>
      <c r="IQ19" s="71">
        <v>12</v>
      </c>
      <c r="IR19" s="71">
        <v>3</v>
      </c>
      <c r="IS19" s="71">
        <v>5</v>
      </c>
      <c r="IT19" s="72">
        <v>60</v>
      </c>
      <c r="IU19" s="73">
        <v>82</v>
      </c>
      <c r="IV19" s="70">
        <v>9</v>
      </c>
      <c r="IW19" s="71">
        <v>16</v>
      </c>
      <c r="IX19" s="72">
        <v>25</v>
      </c>
      <c r="IY19" s="244"/>
      <c r="IZ19" s="71">
        <v>18</v>
      </c>
      <c r="JA19" s="71">
        <v>19</v>
      </c>
      <c r="JB19" s="71">
        <v>14</v>
      </c>
      <c r="JC19" s="71">
        <v>8</v>
      </c>
      <c r="JD19" s="71">
        <v>6</v>
      </c>
      <c r="JE19" s="72">
        <v>65</v>
      </c>
      <c r="JF19" s="73">
        <v>90</v>
      </c>
      <c r="JG19" s="70">
        <v>5</v>
      </c>
      <c r="JH19" s="71">
        <v>5</v>
      </c>
      <c r="JI19" s="72">
        <v>10</v>
      </c>
      <c r="JJ19" s="244"/>
      <c r="JK19" s="71">
        <v>20</v>
      </c>
      <c r="JL19" s="71">
        <v>18</v>
      </c>
      <c r="JM19" s="71">
        <v>17</v>
      </c>
      <c r="JN19" s="71">
        <v>19</v>
      </c>
      <c r="JO19" s="71">
        <v>12</v>
      </c>
      <c r="JP19" s="72">
        <v>86</v>
      </c>
      <c r="JQ19" s="73">
        <v>96</v>
      </c>
      <c r="JR19" s="70">
        <v>0</v>
      </c>
      <c r="JS19" s="71">
        <v>0</v>
      </c>
      <c r="JT19" s="72">
        <v>0</v>
      </c>
      <c r="JU19" s="244"/>
      <c r="JV19" s="71">
        <v>0</v>
      </c>
      <c r="JW19" s="71">
        <v>0</v>
      </c>
      <c r="JX19" s="71">
        <v>0</v>
      </c>
      <c r="JY19" s="71">
        <v>0</v>
      </c>
      <c r="JZ19" s="71">
        <v>0</v>
      </c>
      <c r="KA19" s="72">
        <v>0</v>
      </c>
      <c r="KB19" s="73">
        <v>0</v>
      </c>
      <c r="KC19" s="70">
        <v>42</v>
      </c>
      <c r="KD19" s="71">
        <v>46</v>
      </c>
      <c r="KE19" s="72">
        <v>88</v>
      </c>
      <c r="KF19" s="244"/>
      <c r="KG19" s="71">
        <v>76</v>
      </c>
      <c r="KH19" s="71">
        <v>78</v>
      </c>
      <c r="KI19" s="71">
        <v>56</v>
      </c>
      <c r="KJ19" s="71">
        <v>42</v>
      </c>
      <c r="KK19" s="71">
        <v>29</v>
      </c>
      <c r="KL19" s="72">
        <v>281</v>
      </c>
      <c r="KM19" s="73">
        <v>369</v>
      </c>
    </row>
    <row r="20" spans="2:299" ht="19.5" customHeight="1" x14ac:dyDescent="0.2">
      <c r="B20" s="126" t="s">
        <v>17</v>
      </c>
      <c r="C20" s="316">
        <v>44</v>
      </c>
      <c r="D20" s="82">
        <v>43</v>
      </c>
      <c r="E20" s="83">
        <v>87</v>
      </c>
      <c r="F20" s="241"/>
      <c r="G20" s="82">
        <v>68</v>
      </c>
      <c r="H20" s="82">
        <v>81</v>
      </c>
      <c r="I20" s="82">
        <v>50</v>
      </c>
      <c r="J20" s="82">
        <v>46</v>
      </c>
      <c r="K20" s="82">
        <v>31</v>
      </c>
      <c r="L20" s="84">
        <v>276</v>
      </c>
      <c r="M20" s="85">
        <v>363</v>
      </c>
      <c r="N20" s="70">
        <v>0</v>
      </c>
      <c r="O20" s="71">
        <v>2</v>
      </c>
      <c r="P20" s="72">
        <v>2</v>
      </c>
      <c r="Q20" s="244"/>
      <c r="R20" s="71">
        <v>2</v>
      </c>
      <c r="S20" s="71">
        <v>6</v>
      </c>
      <c r="T20" s="71">
        <v>2</v>
      </c>
      <c r="U20" s="71">
        <v>3</v>
      </c>
      <c r="V20" s="71">
        <v>0</v>
      </c>
      <c r="W20" s="72">
        <v>13</v>
      </c>
      <c r="X20" s="73">
        <v>15</v>
      </c>
      <c r="Y20" s="70">
        <v>7</v>
      </c>
      <c r="Z20" s="71">
        <v>7</v>
      </c>
      <c r="AA20" s="72">
        <v>14</v>
      </c>
      <c r="AB20" s="244"/>
      <c r="AC20" s="71">
        <v>6</v>
      </c>
      <c r="AD20" s="71">
        <v>8</v>
      </c>
      <c r="AE20" s="71">
        <v>7</v>
      </c>
      <c r="AF20" s="71">
        <v>4</v>
      </c>
      <c r="AG20" s="71">
        <v>6</v>
      </c>
      <c r="AH20" s="72">
        <v>31</v>
      </c>
      <c r="AI20" s="73">
        <v>45</v>
      </c>
      <c r="AJ20" s="70">
        <v>7</v>
      </c>
      <c r="AK20" s="71">
        <v>5</v>
      </c>
      <c r="AL20" s="72">
        <v>12</v>
      </c>
      <c r="AM20" s="244"/>
      <c r="AN20" s="71">
        <v>9</v>
      </c>
      <c r="AO20" s="71">
        <v>12</v>
      </c>
      <c r="AP20" s="71">
        <v>9</v>
      </c>
      <c r="AQ20" s="71">
        <v>5</v>
      </c>
      <c r="AR20" s="71">
        <v>3</v>
      </c>
      <c r="AS20" s="72">
        <v>38</v>
      </c>
      <c r="AT20" s="73">
        <v>50</v>
      </c>
      <c r="AU20" s="70">
        <v>7</v>
      </c>
      <c r="AV20" s="71">
        <v>8</v>
      </c>
      <c r="AW20" s="72">
        <v>15</v>
      </c>
      <c r="AX20" s="244"/>
      <c r="AY20" s="71">
        <v>18</v>
      </c>
      <c r="AZ20" s="71">
        <v>17</v>
      </c>
      <c r="BA20" s="71">
        <v>13</v>
      </c>
      <c r="BB20" s="71">
        <v>11</v>
      </c>
      <c r="BC20" s="71">
        <v>4</v>
      </c>
      <c r="BD20" s="72">
        <v>63</v>
      </c>
      <c r="BE20" s="73">
        <v>78</v>
      </c>
      <c r="BF20" s="70">
        <v>10</v>
      </c>
      <c r="BG20" s="71">
        <v>11</v>
      </c>
      <c r="BH20" s="72">
        <v>21</v>
      </c>
      <c r="BI20" s="244"/>
      <c r="BJ20" s="71">
        <v>20</v>
      </c>
      <c r="BK20" s="71">
        <v>21</v>
      </c>
      <c r="BL20" s="71">
        <v>8</v>
      </c>
      <c r="BM20" s="71">
        <v>11</v>
      </c>
      <c r="BN20" s="71">
        <v>10</v>
      </c>
      <c r="BO20" s="72">
        <v>70</v>
      </c>
      <c r="BP20" s="73">
        <v>91</v>
      </c>
      <c r="BQ20" s="70">
        <v>13</v>
      </c>
      <c r="BR20" s="71">
        <v>10</v>
      </c>
      <c r="BS20" s="72">
        <v>23</v>
      </c>
      <c r="BT20" s="244"/>
      <c r="BU20" s="71">
        <v>13</v>
      </c>
      <c r="BV20" s="71">
        <v>17</v>
      </c>
      <c r="BW20" s="71">
        <v>11</v>
      </c>
      <c r="BX20" s="71">
        <v>12</v>
      </c>
      <c r="BY20" s="71">
        <v>8</v>
      </c>
      <c r="BZ20" s="72">
        <v>61</v>
      </c>
      <c r="CA20" s="73">
        <v>84</v>
      </c>
      <c r="CB20" s="70">
        <v>0</v>
      </c>
      <c r="CC20" s="71">
        <v>0</v>
      </c>
      <c r="CD20" s="72">
        <v>0</v>
      </c>
      <c r="CE20" s="244"/>
      <c r="CF20" s="71">
        <v>0</v>
      </c>
      <c r="CG20" s="71">
        <v>0</v>
      </c>
      <c r="CH20" s="71">
        <v>0</v>
      </c>
      <c r="CI20" s="71">
        <v>0</v>
      </c>
      <c r="CJ20" s="71">
        <v>0</v>
      </c>
      <c r="CK20" s="72">
        <v>0</v>
      </c>
      <c r="CL20" s="73">
        <v>0</v>
      </c>
      <c r="CM20" s="70">
        <v>44</v>
      </c>
      <c r="CN20" s="71">
        <v>43</v>
      </c>
      <c r="CO20" s="72">
        <v>87</v>
      </c>
      <c r="CP20" s="244"/>
      <c r="CQ20" s="71">
        <v>68</v>
      </c>
      <c r="CR20" s="71">
        <v>81</v>
      </c>
      <c r="CS20" s="71">
        <v>50</v>
      </c>
      <c r="CT20" s="71">
        <v>46</v>
      </c>
      <c r="CU20" s="71">
        <v>31</v>
      </c>
      <c r="CV20" s="72">
        <v>276</v>
      </c>
      <c r="CW20" s="73">
        <v>363</v>
      </c>
      <c r="CX20" s="123">
        <v>21</v>
      </c>
      <c r="CY20" s="82">
        <v>19</v>
      </c>
      <c r="CZ20" s="83">
        <v>40</v>
      </c>
      <c r="DA20" s="241"/>
      <c r="DB20" s="82">
        <v>34</v>
      </c>
      <c r="DC20" s="82">
        <v>31</v>
      </c>
      <c r="DD20" s="82">
        <v>35</v>
      </c>
      <c r="DE20" s="82">
        <v>23</v>
      </c>
      <c r="DF20" s="82">
        <v>26</v>
      </c>
      <c r="DG20" s="84">
        <v>149</v>
      </c>
      <c r="DH20" s="85">
        <v>189</v>
      </c>
      <c r="DI20" s="70">
        <v>1</v>
      </c>
      <c r="DJ20" s="71">
        <v>1</v>
      </c>
      <c r="DK20" s="72">
        <v>2</v>
      </c>
      <c r="DL20" s="244"/>
      <c r="DM20" s="71">
        <v>0</v>
      </c>
      <c r="DN20" s="71">
        <v>1</v>
      </c>
      <c r="DO20" s="71">
        <v>0</v>
      </c>
      <c r="DP20" s="71">
        <v>0</v>
      </c>
      <c r="DQ20" s="71">
        <v>1</v>
      </c>
      <c r="DR20" s="72">
        <v>2</v>
      </c>
      <c r="DS20" s="73">
        <v>4</v>
      </c>
      <c r="DT20" s="70">
        <v>3</v>
      </c>
      <c r="DU20" s="71">
        <v>1</v>
      </c>
      <c r="DV20" s="72">
        <v>4</v>
      </c>
      <c r="DW20" s="244"/>
      <c r="DX20" s="71">
        <v>3</v>
      </c>
      <c r="DY20" s="71">
        <v>4</v>
      </c>
      <c r="DZ20" s="71">
        <v>0</v>
      </c>
      <c r="EA20" s="71">
        <v>2</v>
      </c>
      <c r="EB20" s="71">
        <v>0</v>
      </c>
      <c r="EC20" s="72">
        <v>9</v>
      </c>
      <c r="ED20" s="73">
        <v>13</v>
      </c>
      <c r="EE20" s="70">
        <v>3</v>
      </c>
      <c r="EF20" s="71">
        <v>2</v>
      </c>
      <c r="EG20" s="72">
        <v>5</v>
      </c>
      <c r="EH20" s="244"/>
      <c r="EI20" s="71">
        <v>6</v>
      </c>
      <c r="EJ20" s="71">
        <v>4</v>
      </c>
      <c r="EK20" s="71">
        <v>2</v>
      </c>
      <c r="EL20" s="71">
        <v>1</v>
      </c>
      <c r="EM20" s="71">
        <v>1</v>
      </c>
      <c r="EN20" s="72">
        <v>14</v>
      </c>
      <c r="EO20" s="73">
        <v>19</v>
      </c>
      <c r="EP20" s="70">
        <v>4</v>
      </c>
      <c r="EQ20" s="71">
        <v>9</v>
      </c>
      <c r="ER20" s="72">
        <v>13</v>
      </c>
      <c r="ES20" s="244"/>
      <c r="ET20" s="71">
        <v>11</v>
      </c>
      <c r="EU20" s="71">
        <v>5</v>
      </c>
      <c r="EV20" s="71">
        <v>7</v>
      </c>
      <c r="EW20" s="71">
        <v>3</v>
      </c>
      <c r="EX20" s="71">
        <v>7</v>
      </c>
      <c r="EY20" s="72">
        <v>33</v>
      </c>
      <c r="EZ20" s="73">
        <v>46</v>
      </c>
      <c r="FA20" s="70">
        <v>4</v>
      </c>
      <c r="FB20" s="71">
        <v>6</v>
      </c>
      <c r="FC20" s="72">
        <v>10</v>
      </c>
      <c r="FD20" s="244"/>
      <c r="FE20" s="71">
        <v>7</v>
      </c>
      <c r="FF20" s="71">
        <v>4</v>
      </c>
      <c r="FG20" s="71">
        <v>12</v>
      </c>
      <c r="FH20" s="71">
        <v>3</v>
      </c>
      <c r="FI20" s="71">
        <v>4</v>
      </c>
      <c r="FJ20" s="72">
        <v>30</v>
      </c>
      <c r="FK20" s="73">
        <v>40</v>
      </c>
      <c r="FL20" s="70">
        <v>6</v>
      </c>
      <c r="FM20" s="71">
        <v>0</v>
      </c>
      <c r="FN20" s="72">
        <v>6</v>
      </c>
      <c r="FO20" s="244"/>
      <c r="FP20" s="71">
        <v>7</v>
      </c>
      <c r="FQ20" s="71">
        <v>13</v>
      </c>
      <c r="FR20" s="71">
        <v>14</v>
      </c>
      <c r="FS20" s="71">
        <v>14</v>
      </c>
      <c r="FT20" s="71">
        <v>13</v>
      </c>
      <c r="FU20" s="72">
        <v>61</v>
      </c>
      <c r="FV20" s="73">
        <v>67</v>
      </c>
      <c r="FW20" s="70">
        <v>0</v>
      </c>
      <c r="FX20" s="71">
        <v>0</v>
      </c>
      <c r="FY20" s="72">
        <v>0</v>
      </c>
      <c r="FZ20" s="244"/>
      <c r="GA20" s="71">
        <v>0</v>
      </c>
      <c r="GB20" s="71">
        <v>0</v>
      </c>
      <c r="GC20" s="71">
        <v>0</v>
      </c>
      <c r="GD20" s="71">
        <v>0</v>
      </c>
      <c r="GE20" s="71">
        <v>0</v>
      </c>
      <c r="GF20" s="72">
        <v>0</v>
      </c>
      <c r="GG20" s="73">
        <v>0</v>
      </c>
      <c r="GH20" s="70">
        <v>21</v>
      </c>
      <c r="GI20" s="71">
        <v>19</v>
      </c>
      <c r="GJ20" s="72">
        <v>40</v>
      </c>
      <c r="GK20" s="244"/>
      <c r="GL20" s="71">
        <v>34</v>
      </c>
      <c r="GM20" s="71">
        <v>31</v>
      </c>
      <c r="GN20" s="71">
        <v>35</v>
      </c>
      <c r="GO20" s="71">
        <v>23</v>
      </c>
      <c r="GP20" s="71">
        <v>26</v>
      </c>
      <c r="GQ20" s="72">
        <v>149</v>
      </c>
      <c r="GR20" s="73">
        <v>189</v>
      </c>
      <c r="GS20" s="123">
        <v>65</v>
      </c>
      <c r="GT20" s="82">
        <v>62</v>
      </c>
      <c r="GU20" s="83">
        <v>127</v>
      </c>
      <c r="GV20" s="241"/>
      <c r="GW20" s="82">
        <v>102</v>
      </c>
      <c r="GX20" s="82">
        <v>112</v>
      </c>
      <c r="GY20" s="82">
        <v>85</v>
      </c>
      <c r="GZ20" s="82">
        <v>69</v>
      </c>
      <c r="HA20" s="82">
        <v>57</v>
      </c>
      <c r="HB20" s="84">
        <v>425</v>
      </c>
      <c r="HC20" s="85">
        <v>552</v>
      </c>
      <c r="HD20" s="70">
        <v>1</v>
      </c>
      <c r="HE20" s="71">
        <v>3</v>
      </c>
      <c r="HF20" s="72">
        <v>4</v>
      </c>
      <c r="HG20" s="244"/>
      <c r="HH20" s="71">
        <v>2</v>
      </c>
      <c r="HI20" s="71">
        <v>7</v>
      </c>
      <c r="HJ20" s="71">
        <v>2</v>
      </c>
      <c r="HK20" s="71">
        <v>3</v>
      </c>
      <c r="HL20" s="71">
        <v>1</v>
      </c>
      <c r="HM20" s="72">
        <v>15</v>
      </c>
      <c r="HN20" s="73">
        <v>19</v>
      </c>
      <c r="HO20" s="70">
        <v>10</v>
      </c>
      <c r="HP20" s="71">
        <v>8</v>
      </c>
      <c r="HQ20" s="72">
        <v>18</v>
      </c>
      <c r="HR20" s="244"/>
      <c r="HS20" s="71">
        <v>9</v>
      </c>
      <c r="HT20" s="71">
        <v>12</v>
      </c>
      <c r="HU20" s="71">
        <v>7</v>
      </c>
      <c r="HV20" s="71">
        <v>6</v>
      </c>
      <c r="HW20" s="71">
        <v>6</v>
      </c>
      <c r="HX20" s="72">
        <v>40</v>
      </c>
      <c r="HY20" s="73">
        <v>58</v>
      </c>
      <c r="HZ20" s="70">
        <v>10</v>
      </c>
      <c r="IA20" s="71">
        <v>7</v>
      </c>
      <c r="IB20" s="72">
        <v>17</v>
      </c>
      <c r="IC20" s="244"/>
      <c r="ID20" s="71">
        <v>15</v>
      </c>
      <c r="IE20" s="71">
        <v>16</v>
      </c>
      <c r="IF20" s="71">
        <v>11</v>
      </c>
      <c r="IG20" s="71">
        <v>6</v>
      </c>
      <c r="IH20" s="71">
        <v>4</v>
      </c>
      <c r="II20" s="72">
        <v>52</v>
      </c>
      <c r="IJ20" s="73">
        <v>69</v>
      </c>
      <c r="IK20" s="70">
        <v>11</v>
      </c>
      <c r="IL20" s="71">
        <v>17</v>
      </c>
      <c r="IM20" s="72">
        <v>28</v>
      </c>
      <c r="IN20" s="244"/>
      <c r="IO20" s="71">
        <v>29</v>
      </c>
      <c r="IP20" s="71">
        <v>22</v>
      </c>
      <c r="IQ20" s="71">
        <v>20</v>
      </c>
      <c r="IR20" s="71">
        <v>14</v>
      </c>
      <c r="IS20" s="71">
        <v>11</v>
      </c>
      <c r="IT20" s="72">
        <v>96</v>
      </c>
      <c r="IU20" s="73">
        <v>124</v>
      </c>
      <c r="IV20" s="70">
        <v>14</v>
      </c>
      <c r="IW20" s="71">
        <v>17</v>
      </c>
      <c r="IX20" s="72">
        <v>31</v>
      </c>
      <c r="IY20" s="244"/>
      <c r="IZ20" s="71">
        <v>27</v>
      </c>
      <c r="JA20" s="71">
        <v>25</v>
      </c>
      <c r="JB20" s="71">
        <v>20</v>
      </c>
      <c r="JC20" s="71">
        <v>14</v>
      </c>
      <c r="JD20" s="71">
        <v>14</v>
      </c>
      <c r="JE20" s="72">
        <v>100</v>
      </c>
      <c r="JF20" s="73">
        <v>131</v>
      </c>
      <c r="JG20" s="70">
        <v>19</v>
      </c>
      <c r="JH20" s="71">
        <v>10</v>
      </c>
      <c r="JI20" s="72">
        <v>29</v>
      </c>
      <c r="JJ20" s="244"/>
      <c r="JK20" s="71">
        <v>20</v>
      </c>
      <c r="JL20" s="71">
        <v>30</v>
      </c>
      <c r="JM20" s="71">
        <v>25</v>
      </c>
      <c r="JN20" s="71">
        <v>26</v>
      </c>
      <c r="JO20" s="71">
        <v>21</v>
      </c>
      <c r="JP20" s="72">
        <v>122</v>
      </c>
      <c r="JQ20" s="73">
        <v>151</v>
      </c>
      <c r="JR20" s="70">
        <v>0</v>
      </c>
      <c r="JS20" s="71">
        <v>0</v>
      </c>
      <c r="JT20" s="72">
        <v>0</v>
      </c>
      <c r="JU20" s="244"/>
      <c r="JV20" s="71">
        <v>0</v>
      </c>
      <c r="JW20" s="71">
        <v>0</v>
      </c>
      <c r="JX20" s="71">
        <v>0</v>
      </c>
      <c r="JY20" s="71">
        <v>0</v>
      </c>
      <c r="JZ20" s="71">
        <v>0</v>
      </c>
      <c r="KA20" s="72">
        <v>0</v>
      </c>
      <c r="KB20" s="73">
        <v>0</v>
      </c>
      <c r="KC20" s="70">
        <v>65</v>
      </c>
      <c r="KD20" s="71">
        <v>62</v>
      </c>
      <c r="KE20" s="72">
        <v>127</v>
      </c>
      <c r="KF20" s="244"/>
      <c r="KG20" s="71">
        <v>102</v>
      </c>
      <c r="KH20" s="71">
        <v>112</v>
      </c>
      <c r="KI20" s="71">
        <v>85</v>
      </c>
      <c r="KJ20" s="71">
        <v>69</v>
      </c>
      <c r="KK20" s="71">
        <v>57</v>
      </c>
      <c r="KL20" s="72">
        <v>425</v>
      </c>
      <c r="KM20" s="73">
        <v>552</v>
      </c>
    </row>
    <row r="21" spans="2:299" ht="19.5" customHeight="1" x14ac:dyDescent="0.2">
      <c r="B21" s="126" t="s">
        <v>18</v>
      </c>
      <c r="C21" s="316">
        <v>58</v>
      </c>
      <c r="D21" s="82">
        <v>56</v>
      </c>
      <c r="E21" s="83">
        <v>114</v>
      </c>
      <c r="F21" s="241"/>
      <c r="G21" s="82">
        <v>109</v>
      </c>
      <c r="H21" s="82">
        <v>88</v>
      </c>
      <c r="I21" s="82">
        <v>50</v>
      </c>
      <c r="J21" s="82">
        <v>50</v>
      </c>
      <c r="K21" s="82">
        <v>29</v>
      </c>
      <c r="L21" s="84">
        <v>326</v>
      </c>
      <c r="M21" s="85">
        <v>440</v>
      </c>
      <c r="N21" s="70">
        <v>3</v>
      </c>
      <c r="O21" s="71">
        <v>3</v>
      </c>
      <c r="P21" s="72">
        <v>6</v>
      </c>
      <c r="Q21" s="244"/>
      <c r="R21" s="71">
        <v>3</v>
      </c>
      <c r="S21" s="71">
        <v>6</v>
      </c>
      <c r="T21" s="71">
        <v>4</v>
      </c>
      <c r="U21" s="71">
        <v>2</v>
      </c>
      <c r="V21" s="71">
        <v>0</v>
      </c>
      <c r="W21" s="72">
        <v>15</v>
      </c>
      <c r="X21" s="73">
        <v>21</v>
      </c>
      <c r="Y21" s="70">
        <v>11</v>
      </c>
      <c r="Z21" s="71">
        <v>7</v>
      </c>
      <c r="AA21" s="72">
        <v>18</v>
      </c>
      <c r="AB21" s="244"/>
      <c r="AC21" s="71">
        <v>13</v>
      </c>
      <c r="AD21" s="71">
        <v>13</v>
      </c>
      <c r="AE21" s="71">
        <v>5</v>
      </c>
      <c r="AF21" s="71">
        <v>5</v>
      </c>
      <c r="AG21" s="71">
        <v>3</v>
      </c>
      <c r="AH21" s="72">
        <v>39</v>
      </c>
      <c r="AI21" s="73">
        <v>57</v>
      </c>
      <c r="AJ21" s="70">
        <v>6</v>
      </c>
      <c r="AK21" s="71">
        <v>6</v>
      </c>
      <c r="AL21" s="72">
        <v>12</v>
      </c>
      <c r="AM21" s="244"/>
      <c r="AN21" s="71">
        <v>11</v>
      </c>
      <c r="AO21" s="71">
        <v>12</v>
      </c>
      <c r="AP21" s="71">
        <v>9</v>
      </c>
      <c r="AQ21" s="71">
        <v>5</v>
      </c>
      <c r="AR21" s="71">
        <v>6</v>
      </c>
      <c r="AS21" s="72">
        <v>43</v>
      </c>
      <c r="AT21" s="73">
        <v>55</v>
      </c>
      <c r="AU21" s="70">
        <v>15</v>
      </c>
      <c r="AV21" s="71">
        <v>8</v>
      </c>
      <c r="AW21" s="72">
        <v>23</v>
      </c>
      <c r="AX21" s="244"/>
      <c r="AY21" s="71">
        <v>25</v>
      </c>
      <c r="AZ21" s="71">
        <v>19</v>
      </c>
      <c r="BA21" s="71">
        <v>11</v>
      </c>
      <c r="BB21" s="71">
        <v>13</v>
      </c>
      <c r="BC21" s="71">
        <v>5</v>
      </c>
      <c r="BD21" s="72">
        <v>73</v>
      </c>
      <c r="BE21" s="73">
        <v>96</v>
      </c>
      <c r="BF21" s="70">
        <v>12</v>
      </c>
      <c r="BG21" s="71">
        <v>17</v>
      </c>
      <c r="BH21" s="72">
        <v>29</v>
      </c>
      <c r="BI21" s="244"/>
      <c r="BJ21" s="71">
        <v>34</v>
      </c>
      <c r="BK21" s="71">
        <v>19</v>
      </c>
      <c r="BL21" s="71">
        <v>9</v>
      </c>
      <c r="BM21" s="71">
        <v>13</v>
      </c>
      <c r="BN21" s="71">
        <v>8</v>
      </c>
      <c r="BO21" s="72">
        <v>83</v>
      </c>
      <c r="BP21" s="73">
        <v>112</v>
      </c>
      <c r="BQ21" s="70">
        <v>11</v>
      </c>
      <c r="BR21" s="71">
        <v>15</v>
      </c>
      <c r="BS21" s="72">
        <v>26</v>
      </c>
      <c r="BT21" s="244"/>
      <c r="BU21" s="71">
        <v>23</v>
      </c>
      <c r="BV21" s="71">
        <v>19</v>
      </c>
      <c r="BW21" s="71">
        <v>12</v>
      </c>
      <c r="BX21" s="71">
        <v>12</v>
      </c>
      <c r="BY21" s="71">
        <v>7</v>
      </c>
      <c r="BZ21" s="72">
        <v>73</v>
      </c>
      <c r="CA21" s="73">
        <v>99</v>
      </c>
      <c r="CB21" s="70">
        <v>0</v>
      </c>
      <c r="CC21" s="71">
        <v>0</v>
      </c>
      <c r="CD21" s="72">
        <v>0</v>
      </c>
      <c r="CE21" s="244"/>
      <c r="CF21" s="71">
        <v>0</v>
      </c>
      <c r="CG21" s="71">
        <v>0</v>
      </c>
      <c r="CH21" s="71">
        <v>0</v>
      </c>
      <c r="CI21" s="71">
        <v>0</v>
      </c>
      <c r="CJ21" s="71">
        <v>0</v>
      </c>
      <c r="CK21" s="72">
        <v>0</v>
      </c>
      <c r="CL21" s="73">
        <v>0</v>
      </c>
      <c r="CM21" s="70">
        <v>58</v>
      </c>
      <c r="CN21" s="71">
        <v>56</v>
      </c>
      <c r="CO21" s="72">
        <v>114</v>
      </c>
      <c r="CP21" s="244"/>
      <c r="CQ21" s="71">
        <v>109</v>
      </c>
      <c r="CR21" s="71">
        <v>88</v>
      </c>
      <c r="CS21" s="71">
        <v>50</v>
      </c>
      <c r="CT21" s="71">
        <v>50</v>
      </c>
      <c r="CU21" s="71">
        <v>29</v>
      </c>
      <c r="CV21" s="72">
        <v>326</v>
      </c>
      <c r="CW21" s="73">
        <v>440</v>
      </c>
      <c r="CX21" s="123">
        <v>21</v>
      </c>
      <c r="CY21" s="82">
        <v>29</v>
      </c>
      <c r="CZ21" s="83">
        <v>50</v>
      </c>
      <c r="DA21" s="241"/>
      <c r="DB21" s="82">
        <v>40</v>
      </c>
      <c r="DC21" s="82">
        <v>51</v>
      </c>
      <c r="DD21" s="82">
        <v>29</v>
      </c>
      <c r="DE21" s="82">
        <v>23</v>
      </c>
      <c r="DF21" s="82">
        <v>23</v>
      </c>
      <c r="DG21" s="84">
        <v>166</v>
      </c>
      <c r="DH21" s="85">
        <v>216</v>
      </c>
      <c r="DI21" s="70">
        <v>1</v>
      </c>
      <c r="DJ21" s="71">
        <v>1</v>
      </c>
      <c r="DK21" s="72">
        <v>2</v>
      </c>
      <c r="DL21" s="244"/>
      <c r="DM21" s="71">
        <v>2</v>
      </c>
      <c r="DN21" s="71">
        <v>1</v>
      </c>
      <c r="DO21" s="71">
        <v>0</v>
      </c>
      <c r="DP21" s="71">
        <v>0</v>
      </c>
      <c r="DQ21" s="71">
        <v>2</v>
      </c>
      <c r="DR21" s="72">
        <v>5</v>
      </c>
      <c r="DS21" s="73">
        <v>7</v>
      </c>
      <c r="DT21" s="70">
        <v>2</v>
      </c>
      <c r="DU21" s="71">
        <v>2</v>
      </c>
      <c r="DV21" s="72">
        <v>4</v>
      </c>
      <c r="DW21" s="244"/>
      <c r="DX21" s="71">
        <v>0</v>
      </c>
      <c r="DY21" s="71">
        <v>4</v>
      </c>
      <c r="DZ21" s="71">
        <v>1</v>
      </c>
      <c r="EA21" s="71">
        <v>0</v>
      </c>
      <c r="EB21" s="71">
        <v>0</v>
      </c>
      <c r="EC21" s="72">
        <v>5</v>
      </c>
      <c r="ED21" s="73">
        <v>9</v>
      </c>
      <c r="EE21" s="70">
        <v>8</v>
      </c>
      <c r="EF21" s="71">
        <v>8</v>
      </c>
      <c r="EG21" s="72">
        <v>16</v>
      </c>
      <c r="EH21" s="244"/>
      <c r="EI21" s="71">
        <v>6</v>
      </c>
      <c r="EJ21" s="71">
        <v>5</v>
      </c>
      <c r="EK21" s="71">
        <v>4</v>
      </c>
      <c r="EL21" s="71">
        <v>1</v>
      </c>
      <c r="EM21" s="71">
        <v>2</v>
      </c>
      <c r="EN21" s="72">
        <v>18</v>
      </c>
      <c r="EO21" s="73">
        <v>34</v>
      </c>
      <c r="EP21" s="70">
        <v>6</v>
      </c>
      <c r="EQ21" s="71">
        <v>3</v>
      </c>
      <c r="ER21" s="72">
        <v>9</v>
      </c>
      <c r="ES21" s="244"/>
      <c r="ET21" s="71">
        <v>9</v>
      </c>
      <c r="EU21" s="71">
        <v>7</v>
      </c>
      <c r="EV21" s="71">
        <v>4</v>
      </c>
      <c r="EW21" s="71">
        <v>4</v>
      </c>
      <c r="EX21" s="71">
        <v>3</v>
      </c>
      <c r="EY21" s="72">
        <v>27</v>
      </c>
      <c r="EZ21" s="73">
        <v>36</v>
      </c>
      <c r="FA21" s="70">
        <v>4</v>
      </c>
      <c r="FB21" s="71">
        <v>12</v>
      </c>
      <c r="FC21" s="72">
        <v>16</v>
      </c>
      <c r="FD21" s="244"/>
      <c r="FE21" s="71">
        <v>16</v>
      </c>
      <c r="FF21" s="71">
        <v>15</v>
      </c>
      <c r="FG21" s="71">
        <v>8</v>
      </c>
      <c r="FH21" s="71">
        <v>6</v>
      </c>
      <c r="FI21" s="71">
        <v>6</v>
      </c>
      <c r="FJ21" s="72">
        <v>51</v>
      </c>
      <c r="FK21" s="73">
        <v>67</v>
      </c>
      <c r="FL21" s="70">
        <v>0</v>
      </c>
      <c r="FM21" s="71">
        <v>3</v>
      </c>
      <c r="FN21" s="72">
        <v>3</v>
      </c>
      <c r="FO21" s="244"/>
      <c r="FP21" s="71">
        <v>7</v>
      </c>
      <c r="FQ21" s="71">
        <v>19</v>
      </c>
      <c r="FR21" s="71">
        <v>12</v>
      </c>
      <c r="FS21" s="71">
        <v>12</v>
      </c>
      <c r="FT21" s="71">
        <v>10</v>
      </c>
      <c r="FU21" s="72">
        <v>60</v>
      </c>
      <c r="FV21" s="73">
        <v>63</v>
      </c>
      <c r="FW21" s="70">
        <v>0</v>
      </c>
      <c r="FX21" s="71">
        <v>0</v>
      </c>
      <c r="FY21" s="72">
        <v>0</v>
      </c>
      <c r="FZ21" s="244"/>
      <c r="GA21" s="71">
        <v>0</v>
      </c>
      <c r="GB21" s="71">
        <v>0</v>
      </c>
      <c r="GC21" s="71">
        <v>0</v>
      </c>
      <c r="GD21" s="71">
        <v>0</v>
      </c>
      <c r="GE21" s="71">
        <v>0</v>
      </c>
      <c r="GF21" s="72">
        <v>0</v>
      </c>
      <c r="GG21" s="73">
        <v>0</v>
      </c>
      <c r="GH21" s="70">
        <v>21</v>
      </c>
      <c r="GI21" s="71">
        <v>29</v>
      </c>
      <c r="GJ21" s="72">
        <v>50</v>
      </c>
      <c r="GK21" s="244"/>
      <c r="GL21" s="71">
        <v>40</v>
      </c>
      <c r="GM21" s="71">
        <v>51</v>
      </c>
      <c r="GN21" s="71">
        <v>29</v>
      </c>
      <c r="GO21" s="71">
        <v>23</v>
      </c>
      <c r="GP21" s="71">
        <v>23</v>
      </c>
      <c r="GQ21" s="72">
        <v>166</v>
      </c>
      <c r="GR21" s="73">
        <v>216</v>
      </c>
      <c r="GS21" s="123">
        <v>79</v>
      </c>
      <c r="GT21" s="82">
        <v>85</v>
      </c>
      <c r="GU21" s="83">
        <v>164</v>
      </c>
      <c r="GV21" s="241"/>
      <c r="GW21" s="82">
        <v>149</v>
      </c>
      <c r="GX21" s="82">
        <v>139</v>
      </c>
      <c r="GY21" s="82">
        <v>79</v>
      </c>
      <c r="GZ21" s="82">
        <v>73</v>
      </c>
      <c r="HA21" s="82">
        <v>52</v>
      </c>
      <c r="HB21" s="84">
        <v>492</v>
      </c>
      <c r="HC21" s="85">
        <v>656</v>
      </c>
      <c r="HD21" s="70">
        <v>4</v>
      </c>
      <c r="HE21" s="71">
        <v>4</v>
      </c>
      <c r="HF21" s="72">
        <v>8</v>
      </c>
      <c r="HG21" s="244"/>
      <c r="HH21" s="71">
        <v>5</v>
      </c>
      <c r="HI21" s="71">
        <v>7</v>
      </c>
      <c r="HJ21" s="71">
        <v>4</v>
      </c>
      <c r="HK21" s="71">
        <v>2</v>
      </c>
      <c r="HL21" s="71">
        <v>2</v>
      </c>
      <c r="HM21" s="72">
        <v>20</v>
      </c>
      <c r="HN21" s="73">
        <v>28</v>
      </c>
      <c r="HO21" s="70">
        <v>13</v>
      </c>
      <c r="HP21" s="71">
        <v>9</v>
      </c>
      <c r="HQ21" s="72">
        <v>22</v>
      </c>
      <c r="HR21" s="244"/>
      <c r="HS21" s="71">
        <v>13</v>
      </c>
      <c r="HT21" s="71">
        <v>17</v>
      </c>
      <c r="HU21" s="71">
        <v>6</v>
      </c>
      <c r="HV21" s="71">
        <v>5</v>
      </c>
      <c r="HW21" s="71">
        <v>3</v>
      </c>
      <c r="HX21" s="72">
        <v>44</v>
      </c>
      <c r="HY21" s="73">
        <v>66</v>
      </c>
      <c r="HZ21" s="70">
        <v>14</v>
      </c>
      <c r="IA21" s="71">
        <v>14</v>
      </c>
      <c r="IB21" s="72">
        <v>28</v>
      </c>
      <c r="IC21" s="244"/>
      <c r="ID21" s="71">
        <v>17</v>
      </c>
      <c r="IE21" s="71">
        <v>17</v>
      </c>
      <c r="IF21" s="71">
        <v>13</v>
      </c>
      <c r="IG21" s="71">
        <v>6</v>
      </c>
      <c r="IH21" s="71">
        <v>8</v>
      </c>
      <c r="II21" s="72">
        <v>61</v>
      </c>
      <c r="IJ21" s="73">
        <v>89</v>
      </c>
      <c r="IK21" s="70">
        <v>21</v>
      </c>
      <c r="IL21" s="71">
        <v>11</v>
      </c>
      <c r="IM21" s="72">
        <v>32</v>
      </c>
      <c r="IN21" s="244"/>
      <c r="IO21" s="71">
        <v>34</v>
      </c>
      <c r="IP21" s="71">
        <v>26</v>
      </c>
      <c r="IQ21" s="71">
        <v>15</v>
      </c>
      <c r="IR21" s="71">
        <v>17</v>
      </c>
      <c r="IS21" s="71">
        <v>8</v>
      </c>
      <c r="IT21" s="72">
        <v>100</v>
      </c>
      <c r="IU21" s="73">
        <v>132</v>
      </c>
      <c r="IV21" s="70">
        <v>16</v>
      </c>
      <c r="IW21" s="71">
        <v>29</v>
      </c>
      <c r="IX21" s="72">
        <v>45</v>
      </c>
      <c r="IY21" s="244"/>
      <c r="IZ21" s="71">
        <v>50</v>
      </c>
      <c r="JA21" s="71">
        <v>34</v>
      </c>
      <c r="JB21" s="71">
        <v>17</v>
      </c>
      <c r="JC21" s="71">
        <v>19</v>
      </c>
      <c r="JD21" s="71">
        <v>14</v>
      </c>
      <c r="JE21" s="72">
        <v>134</v>
      </c>
      <c r="JF21" s="73">
        <v>179</v>
      </c>
      <c r="JG21" s="70">
        <v>11</v>
      </c>
      <c r="JH21" s="71">
        <v>18</v>
      </c>
      <c r="JI21" s="72">
        <v>29</v>
      </c>
      <c r="JJ21" s="244"/>
      <c r="JK21" s="71">
        <v>30</v>
      </c>
      <c r="JL21" s="71">
        <v>38</v>
      </c>
      <c r="JM21" s="71">
        <v>24</v>
      </c>
      <c r="JN21" s="71">
        <v>24</v>
      </c>
      <c r="JO21" s="71">
        <v>17</v>
      </c>
      <c r="JP21" s="72">
        <v>133</v>
      </c>
      <c r="JQ21" s="73">
        <v>162</v>
      </c>
      <c r="JR21" s="70">
        <v>0</v>
      </c>
      <c r="JS21" s="71">
        <v>0</v>
      </c>
      <c r="JT21" s="72">
        <v>0</v>
      </c>
      <c r="JU21" s="244"/>
      <c r="JV21" s="71">
        <v>0</v>
      </c>
      <c r="JW21" s="71">
        <v>0</v>
      </c>
      <c r="JX21" s="71">
        <v>0</v>
      </c>
      <c r="JY21" s="71">
        <v>0</v>
      </c>
      <c r="JZ21" s="71">
        <v>0</v>
      </c>
      <c r="KA21" s="72">
        <v>0</v>
      </c>
      <c r="KB21" s="73">
        <v>0</v>
      </c>
      <c r="KC21" s="70">
        <v>79</v>
      </c>
      <c r="KD21" s="71">
        <v>85</v>
      </c>
      <c r="KE21" s="72">
        <v>164</v>
      </c>
      <c r="KF21" s="244"/>
      <c r="KG21" s="71">
        <v>149</v>
      </c>
      <c r="KH21" s="71">
        <v>139</v>
      </c>
      <c r="KI21" s="71">
        <v>79</v>
      </c>
      <c r="KJ21" s="71">
        <v>73</v>
      </c>
      <c r="KK21" s="71">
        <v>52</v>
      </c>
      <c r="KL21" s="72">
        <v>492</v>
      </c>
      <c r="KM21" s="73">
        <v>656</v>
      </c>
    </row>
    <row r="22" spans="2:299" ht="19.5" customHeight="1" x14ac:dyDescent="0.2">
      <c r="B22" s="126" t="s">
        <v>19</v>
      </c>
      <c r="C22" s="316">
        <v>25</v>
      </c>
      <c r="D22" s="82">
        <v>25</v>
      </c>
      <c r="E22" s="83">
        <v>50</v>
      </c>
      <c r="F22" s="241"/>
      <c r="G22" s="82">
        <v>46</v>
      </c>
      <c r="H22" s="82">
        <v>35</v>
      </c>
      <c r="I22" s="82">
        <v>23</v>
      </c>
      <c r="J22" s="82">
        <v>13</v>
      </c>
      <c r="K22" s="82">
        <v>11</v>
      </c>
      <c r="L22" s="84">
        <v>128</v>
      </c>
      <c r="M22" s="85">
        <v>178</v>
      </c>
      <c r="N22" s="86">
        <v>3</v>
      </c>
      <c r="O22" s="71">
        <v>0</v>
      </c>
      <c r="P22" s="72">
        <v>3</v>
      </c>
      <c r="Q22" s="244"/>
      <c r="R22" s="71">
        <v>3</v>
      </c>
      <c r="S22" s="71">
        <v>1</v>
      </c>
      <c r="T22" s="71">
        <v>1</v>
      </c>
      <c r="U22" s="71">
        <v>1</v>
      </c>
      <c r="V22" s="71">
        <v>0</v>
      </c>
      <c r="W22" s="72">
        <v>6</v>
      </c>
      <c r="X22" s="73">
        <v>9</v>
      </c>
      <c r="Y22" s="70">
        <v>1</v>
      </c>
      <c r="Z22" s="71">
        <v>1</v>
      </c>
      <c r="AA22" s="72">
        <v>2</v>
      </c>
      <c r="AB22" s="244"/>
      <c r="AC22" s="71">
        <v>4</v>
      </c>
      <c r="AD22" s="71">
        <v>6</v>
      </c>
      <c r="AE22" s="71">
        <v>4</v>
      </c>
      <c r="AF22" s="71">
        <v>2</v>
      </c>
      <c r="AG22" s="71">
        <v>0</v>
      </c>
      <c r="AH22" s="72">
        <v>16</v>
      </c>
      <c r="AI22" s="73">
        <v>18</v>
      </c>
      <c r="AJ22" s="86">
        <v>7</v>
      </c>
      <c r="AK22" s="71">
        <v>1</v>
      </c>
      <c r="AL22" s="72">
        <v>8</v>
      </c>
      <c r="AM22" s="244"/>
      <c r="AN22" s="71">
        <v>4</v>
      </c>
      <c r="AO22" s="71">
        <v>3</v>
      </c>
      <c r="AP22" s="71">
        <v>0</v>
      </c>
      <c r="AQ22" s="71">
        <v>3</v>
      </c>
      <c r="AR22" s="71">
        <v>0</v>
      </c>
      <c r="AS22" s="72">
        <v>10</v>
      </c>
      <c r="AT22" s="73">
        <v>18</v>
      </c>
      <c r="AU22" s="70">
        <v>4</v>
      </c>
      <c r="AV22" s="71">
        <v>6</v>
      </c>
      <c r="AW22" s="72">
        <v>10</v>
      </c>
      <c r="AX22" s="244"/>
      <c r="AY22" s="71">
        <v>10</v>
      </c>
      <c r="AZ22" s="71">
        <v>4</v>
      </c>
      <c r="BA22" s="71">
        <v>6</v>
      </c>
      <c r="BB22" s="71">
        <v>3</v>
      </c>
      <c r="BC22" s="71">
        <v>2</v>
      </c>
      <c r="BD22" s="72">
        <v>25</v>
      </c>
      <c r="BE22" s="73">
        <v>35</v>
      </c>
      <c r="BF22" s="86">
        <v>7</v>
      </c>
      <c r="BG22" s="71">
        <v>6</v>
      </c>
      <c r="BH22" s="72">
        <v>13</v>
      </c>
      <c r="BI22" s="244"/>
      <c r="BJ22" s="71">
        <v>10</v>
      </c>
      <c r="BK22" s="71">
        <v>8</v>
      </c>
      <c r="BL22" s="71">
        <v>4</v>
      </c>
      <c r="BM22" s="71">
        <v>1</v>
      </c>
      <c r="BN22" s="71">
        <v>3</v>
      </c>
      <c r="BO22" s="72">
        <v>26</v>
      </c>
      <c r="BP22" s="73">
        <v>39</v>
      </c>
      <c r="BQ22" s="70">
        <v>3</v>
      </c>
      <c r="BR22" s="71">
        <v>11</v>
      </c>
      <c r="BS22" s="72">
        <v>14</v>
      </c>
      <c r="BT22" s="244"/>
      <c r="BU22" s="71">
        <v>15</v>
      </c>
      <c r="BV22" s="71">
        <v>13</v>
      </c>
      <c r="BW22" s="71">
        <v>8</v>
      </c>
      <c r="BX22" s="71">
        <v>3</v>
      </c>
      <c r="BY22" s="71">
        <v>6</v>
      </c>
      <c r="BZ22" s="72">
        <v>45</v>
      </c>
      <c r="CA22" s="73">
        <v>59</v>
      </c>
      <c r="CB22" s="70">
        <v>0</v>
      </c>
      <c r="CC22" s="71">
        <v>0</v>
      </c>
      <c r="CD22" s="72">
        <v>0</v>
      </c>
      <c r="CE22" s="244"/>
      <c r="CF22" s="71">
        <v>0</v>
      </c>
      <c r="CG22" s="71">
        <v>0</v>
      </c>
      <c r="CH22" s="71">
        <v>0</v>
      </c>
      <c r="CI22" s="71">
        <v>0</v>
      </c>
      <c r="CJ22" s="71">
        <v>0</v>
      </c>
      <c r="CK22" s="72">
        <v>0</v>
      </c>
      <c r="CL22" s="73">
        <v>0</v>
      </c>
      <c r="CM22" s="70">
        <v>25</v>
      </c>
      <c r="CN22" s="71">
        <v>25</v>
      </c>
      <c r="CO22" s="72">
        <v>50</v>
      </c>
      <c r="CP22" s="244"/>
      <c r="CQ22" s="71">
        <v>46</v>
      </c>
      <c r="CR22" s="71">
        <v>35</v>
      </c>
      <c r="CS22" s="71">
        <v>23</v>
      </c>
      <c r="CT22" s="71">
        <v>13</v>
      </c>
      <c r="CU22" s="71">
        <v>11</v>
      </c>
      <c r="CV22" s="72">
        <v>128</v>
      </c>
      <c r="CW22" s="73">
        <v>178</v>
      </c>
      <c r="CX22" s="123">
        <v>7</v>
      </c>
      <c r="CY22" s="82">
        <v>10</v>
      </c>
      <c r="CZ22" s="83">
        <v>17</v>
      </c>
      <c r="DA22" s="241"/>
      <c r="DB22" s="82">
        <v>17</v>
      </c>
      <c r="DC22" s="82">
        <v>6</v>
      </c>
      <c r="DD22" s="82">
        <v>7</v>
      </c>
      <c r="DE22" s="82">
        <v>13</v>
      </c>
      <c r="DF22" s="82">
        <v>8</v>
      </c>
      <c r="DG22" s="84">
        <v>51</v>
      </c>
      <c r="DH22" s="85">
        <v>68</v>
      </c>
      <c r="DI22" s="86">
        <v>0</v>
      </c>
      <c r="DJ22" s="71">
        <v>0</v>
      </c>
      <c r="DK22" s="72">
        <v>0</v>
      </c>
      <c r="DL22" s="244"/>
      <c r="DM22" s="71">
        <v>1</v>
      </c>
      <c r="DN22" s="71">
        <v>0</v>
      </c>
      <c r="DO22" s="71">
        <v>1</v>
      </c>
      <c r="DP22" s="71">
        <v>0</v>
      </c>
      <c r="DQ22" s="71">
        <v>1</v>
      </c>
      <c r="DR22" s="72">
        <v>3</v>
      </c>
      <c r="DS22" s="73">
        <v>3</v>
      </c>
      <c r="DT22" s="70">
        <v>1</v>
      </c>
      <c r="DU22" s="71">
        <v>0</v>
      </c>
      <c r="DV22" s="72">
        <v>1</v>
      </c>
      <c r="DW22" s="244"/>
      <c r="DX22" s="71">
        <v>1</v>
      </c>
      <c r="DY22" s="71">
        <v>1</v>
      </c>
      <c r="DZ22" s="71">
        <v>0</v>
      </c>
      <c r="EA22" s="71">
        <v>0</v>
      </c>
      <c r="EB22" s="71">
        <v>0</v>
      </c>
      <c r="EC22" s="72">
        <v>2</v>
      </c>
      <c r="ED22" s="73">
        <v>3</v>
      </c>
      <c r="EE22" s="86">
        <v>2</v>
      </c>
      <c r="EF22" s="71">
        <v>2</v>
      </c>
      <c r="EG22" s="72">
        <v>4</v>
      </c>
      <c r="EH22" s="244"/>
      <c r="EI22" s="71">
        <v>3</v>
      </c>
      <c r="EJ22" s="71">
        <v>0</v>
      </c>
      <c r="EK22" s="71">
        <v>1</v>
      </c>
      <c r="EL22" s="71">
        <v>1</v>
      </c>
      <c r="EM22" s="71">
        <v>1</v>
      </c>
      <c r="EN22" s="72">
        <v>6</v>
      </c>
      <c r="EO22" s="73">
        <v>10</v>
      </c>
      <c r="EP22" s="70">
        <v>1</v>
      </c>
      <c r="EQ22" s="71">
        <v>3</v>
      </c>
      <c r="ER22" s="72">
        <v>4</v>
      </c>
      <c r="ES22" s="244"/>
      <c r="ET22" s="71">
        <v>5</v>
      </c>
      <c r="EU22" s="71">
        <v>1</v>
      </c>
      <c r="EV22" s="71">
        <v>0</v>
      </c>
      <c r="EW22" s="71">
        <v>4</v>
      </c>
      <c r="EX22" s="71">
        <v>2</v>
      </c>
      <c r="EY22" s="72">
        <v>12</v>
      </c>
      <c r="EZ22" s="73">
        <v>16</v>
      </c>
      <c r="FA22" s="86">
        <v>1</v>
      </c>
      <c r="FB22" s="71">
        <v>1</v>
      </c>
      <c r="FC22" s="72">
        <v>2</v>
      </c>
      <c r="FD22" s="244"/>
      <c r="FE22" s="71">
        <v>0</v>
      </c>
      <c r="FF22" s="71">
        <v>2</v>
      </c>
      <c r="FG22" s="71">
        <v>1</v>
      </c>
      <c r="FH22" s="71">
        <v>4</v>
      </c>
      <c r="FI22" s="71">
        <v>2</v>
      </c>
      <c r="FJ22" s="72">
        <v>9</v>
      </c>
      <c r="FK22" s="73">
        <v>11</v>
      </c>
      <c r="FL22" s="70">
        <v>2</v>
      </c>
      <c r="FM22" s="71">
        <v>4</v>
      </c>
      <c r="FN22" s="72">
        <v>6</v>
      </c>
      <c r="FO22" s="244"/>
      <c r="FP22" s="71">
        <v>7</v>
      </c>
      <c r="FQ22" s="71">
        <v>2</v>
      </c>
      <c r="FR22" s="71">
        <v>4</v>
      </c>
      <c r="FS22" s="71">
        <v>4</v>
      </c>
      <c r="FT22" s="71">
        <v>2</v>
      </c>
      <c r="FU22" s="72">
        <v>19</v>
      </c>
      <c r="FV22" s="73">
        <v>25</v>
      </c>
      <c r="FW22" s="70">
        <v>0</v>
      </c>
      <c r="FX22" s="71">
        <v>0</v>
      </c>
      <c r="FY22" s="72">
        <v>0</v>
      </c>
      <c r="FZ22" s="244"/>
      <c r="GA22" s="71">
        <v>0</v>
      </c>
      <c r="GB22" s="71">
        <v>0</v>
      </c>
      <c r="GC22" s="71">
        <v>0</v>
      </c>
      <c r="GD22" s="71">
        <v>0</v>
      </c>
      <c r="GE22" s="71">
        <v>0</v>
      </c>
      <c r="GF22" s="72">
        <v>0</v>
      </c>
      <c r="GG22" s="73">
        <v>0</v>
      </c>
      <c r="GH22" s="70">
        <v>7</v>
      </c>
      <c r="GI22" s="71">
        <v>10</v>
      </c>
      <c r="GJ22" s="72">
        <v>17</v>
      </c>
      <c r="GK22" s="244"/>
      <c r="GL22" s="71">
        <v>17</v>
      </c>
      <c r="GM22" s="71">
        <v>6</v>
      </c>
      <c r="GN22" s="71">
        <v>7</v>
      </c>
      <c r="GO22" s="71">
        <v>13</v>
      </c>
      <c r="GP22" s="71">
        <v>8</v>
      </c>
      <c r="GQ22" s="72">
        <v>51</v>
      </c>
      <c r="GR22" s="73">
        <v>68</v>
      </c>
      <c r="GS22" s="123">
        <v>32</v>
      </c>
      <c r="GT22" s="82">
        <v>35</v>
      </c>
      <c r="GU22" s="83">
        <v>67</v>
      </c>
      <c r="GV22" s="241"/>
      <c r="GW22" s="82">
        <v>63</v>
      </c>
      <c r="GX22" s="82">
        <v>41</v>
      </c>
      <c r="GY22" s="82">
        <v>30</v>
      </c>
      <c r="GZ22" s="82">
        <v>26</v>
      </c>
      <c r="HA22" s="82">
        <v>19</v>
      </c>
      <c r="HB22" s="84">
        <v>179</v>
      </c>
      <c r="HC22" s="85">
        <v>246</v>
      </c>
      <c r="HD22" s="86">
        <v>3</v>
      </c>
      <c r="HE22" s="71">
        <v>0</v>
      </c>
      <c r="HF22" s="72">
        <v>3</v>
      </c>
      <c r="HG22" s="244"/>
      <c r="HH22" s="71">
        <v>4</v>
      </c>
      <c r="HI22" s="71">
        <v>1</v>
      </c>
      <c r="HJ22" s="71">
        <v>2</v>
      </c>
      <c r="HK22" s="71">
        <v>1</v>
      </c>
      <c r="HL22" s="71">
        <v>1</v>
      </c>
      <c r="HM22" s="72">
        <v>9</v>
      </c>
      <c r="HN22" s="73">
        <v>12</v>
      </c>
      <c r="HO22" s="70">
        <v>2</v>
      </c>
      <c r="HP22" s="71">
        <v>1</v>
      </c>
      <c r="HQ22" s="72">
        <v>3</v>
      </c>
      <c r="HR22" s="244"/>
      <c r="HS22" s="71">
        <v>5</v>
      </c>
      <c r="HT22" s="71">
        <v>7</v>
      </c>
      <c r="HU22" s="71">
        <v>4</v>
      </c>
      <c r="HV22" s="71">
        <v>2</v>
      </c>
      <c r="HW22" s="71">
        <v>0</v>
      </c>
      <c r="HX22" s="72">
        <v>18</v>
      </c>
      <c r="HY22" s="73">
        <v>21</v>
      </c>
      <c r="HZ22" s="86">
        <v>9</v>
      </c>
      <c r="IA22" s="71">
        <v>3</v>
      </c>
      <c r="IB22" s="72">
        <v>12</v>
      </c>
      <c r="IC22" s="244"/>
      <c r="ID22" s="71">
        <v>7</v>
      </c>
      <c r="IE22" s="71">
        <v>3</v>
      </c>
      <c r="IF22" s="71">
        <v>1</v>
      </c>
      <c r="IG22" s="71">
        <v>4</v>
      </c>
      <c r="IH22" s="71">
        <v>1</v>
      </c>
      <c r="II22" s="72">
        <v>16</v>
      </c>
      <c r="IJ22" s="73">
        <v>28</v>
      </c>
      <c r="IK22" s="70">
        <v>5</v>
      </c>
      <c r="IL22" s="71">
        <v>9</v>
      </c>
      <c r="IM22" s="72">
        <v>14</v>
      </c>
      <c r="IN22" s="244"/>
      <c r="IO22" s="71">
        <v>15</v>
      </c>
      <c r="IP22" s="71">
        <v>5</v>
      </c>
      <c r="IQ22" s="71">
        <v>6</v>
      </c>
      <c r="IR22" s="71">
        <v>7</v>
      </c>
      <c r="IS22" s="71">
        <v>4</v>
      </c>
      <c r="IT22" s="72">
        <v>37</v>
      </c>
      <c r="IU22" s="73">
        <v>51</v>
      </c>
      <c r="IV22" s="86">
        <v>8</v>
      </c>
      <c r="IW22" s="71">
        <v>7</v>
      </c>
      <c r="IX22" s="72">
        <v>15</v>
      </c>
      <c r="IY22" s="244"/>
      <c r="IZ22" s="71">
        <v>10</v>
      </c>
      <c r="JA22" s="71">
        <v>10</v>
      </c>
      <c r="JB22" s="71">
        <v>5</v>
      </c>
      <c r="JC22" s="71">
        <v>5</v>
      </c>
      <c r="JD22" s="71">
        <v>5</v>
      </c>
      <c r="JE22" s="72">
        <v>35</v>
      </c>
      <c r="JF22" s="73">
        <v>50</v>
      </c>
      <c r="JG22" s="70">
        <v>5</v>
      </c>
      <c r="JH22" s="71">
        <v>15</v>
      </c>
      <c r="JI22" s="72">
        <v>20</v>
      </c>
      <c r="JJ22" s="244"/>
      <c r="JK22" s="71">
        <v>22</v>
      </c>
      <c r="JL22" s="71">
        <v>15</v>
      </c>
      <c r="JM22" s="71">
        <v>12</v>
      </c>
      <c r="JN22" s="71">
        <v>7</v>
      </c>
      <c r="JO22" s="71">
        <v>8</v>
      </c>
      <c r="JP22" s="72">
        <v>64</v>
      </c>
      <c r="JQ22" s="73">
        <v>84</v>
      </c>
      <c r="JR22" s="70">
        <v>0</v>
      </c>
      <c r="JS22" s="71">
        <v>0</v>
      </c>
      <c r="JT22" s="72">
        <v>0</v>
      </c>
      <c r="JU22" s="244"/>
      <c r="JV22" s="71">
        <v>0</v>
      </c>
      <c r="JW22" s="71">
        <v>0</v>
      </c>
      <c r="JX22" s="71">
        <v>0</v>
      </c>
      <c r="JY22" s="71">
        <v>0</v>
      </c>
      <c r="JZ22" s="71">
        <v>0</v>
      </c>
      <c r="KA22" s="72">
        <v>0</v>
      </c>
      <c r="KB22" s="73">
        <v>0</v>
      </c>
      <c r="KC22" s="70">
        <v>32</v>
      </c>
      <c r="KD22" s="71">
        <v>35</v>
      </c>
      <c r="KE22" s="72">
        <v>67</v>
      </c>
      <c r="KF22" s="244"/>
      <c r="KG22" s="71">
        <v>63</v>
      </c>
      <c r="KH22" s="71">
        <v>41</v>
      </c>
      <c r="KI22" s="71">
        <v>30</v>
      </c>
      <c r="KJ22" s="71">
        <v>26</v>
      </c>
      <c r="KK22" s="71">
        <v>19</v>
      </c>
      <c r="KL22" s="72">
        <v>179</v>
      </c>
      <c r="KM22" s="73">
        <v>246</v>
      </c>
    </row>
    <row r="23" spans="2:299" ht="19.5" customHeight="1" x14ac:dyDescent="0.2">
      <c r="B23" s="126" t="s">
        <v>20</v>
      </c>
      <c r="C23" s="316">
        <v>30</v>
      </c>
      <c r="D23" s="82">
        <v>42</v>
      </c>
      <c r="E23" s="83">
        <v>72</v>
      </c>
      <c r="F23" s="241"/>
      <c r="G23" s="82">
        <v>65</v>
      </c>
      <c r="H23" s="82">
        <v>41</v>
      </c>
      <c r="I23" s="82">
        <v>34</v>
      </c>
      <c r="J23" s="82">
        <v>18</v>
      </c>
      <c r="K23" s="82">
        <v>13</v>
      </c>
      <c r="L23" s="84">
        <v>171</v>
      </c>
      <c r="M23" s="85">
        <v>243</v>
      </c>
      <c r="N23" s="70">
        <v>0</v>
      </c>
      <c r="O23" s="71">
        <v>2</v>
      </c>
      <c r="P23" s="72">
        <v>2</v>
      </c>
      <c r="Q23" s="244"/>
      <c r="R23" s="71">
        <v>4</v>
      </c>
      <c r="S23" s="71">
        <v>1</v>
      </c>
      <c r="T23" s="71">
        <v>1</v>
      </c>
      <c r="U23" s="71">
        <v>1</v>
      </c>
      <c r="V23" s="71">
        <v>0</v>
      </c>
      <c r="W23" s="72">
        <v>7</v>
      </c>
      <c r="X23" s="73">
        <v>9</v>
      </c>
      <c r="Y23" s="70">
        <v>5</v>
      </c>
      <c r="Z23" s="71">
        <v>1</v>
      </c>
      <c r="AA23" s="72">
        <v>6</v>
      </c>
      <c r="AB23" s="244"/>
      <c r="AC23" s="71">
        <v>12</v>
      </c>
      <c r="AD23" s="71">
        <v>3</v>
      </c>
      <c r="AE23" s="71">
        <v>5</v>
      </c>
      <c r="AF23" s="71">
        <v>1</v>
      </c>
      <c r="AG23" s="71">
        <v>1</v>
      </c>
      <c r="AH23" s="72">
        <v>22</v>
      </c>
      <c r="AI23" s="73">
        <v>28</v>
      </c>
      <c r="AJ23" s="70">
        <v>6</v>
      </c>
      <c r="AK23" s="71">
        <v>7</v>
      </c>
      <c r="AL23" s="72">
        <v>13</v>
      </c>
      <c r="AM23" s="244"/>
      <c r="AN23" s="71">
        <v>8</v>
      </c>
      <c r="AO23" s="71">
        <v>8</v>
      </c>
      <c r="AP23" s="71">
        <v>5</v>
      </c>
      <c r="AQ23" s="71">
        <v>3</v>
      </c>
      <c r="AR23" s="71">
        <v>3</v>
      </c>
      <c r="AS23" s="72">
        <v>27</v>
      </c>
      <c r="AT23" s="73">
        <v>40</v>
      </c>
      <c r="AU23" s="70">
        <v>5</v>
      </c>
      <c r="AV23" s="71">
        <v>17</v>
      </c>
      <c r="AW23" s="72">
        <v>22</v>
      </c>
      <c r="AX23" s="244"/>
      <c r="AY23" s="71">
        <v>20</v>
      </c>
      <c r="AZ23" s="71">
        <v>16</v>
      </c>
      <c r="BA23" s="71">
        <v>10</v>
      </c>
      <c r="BB23" s="71">
        <v>5</v>
      </c>
      <c r="BC23" s="71">
        <v>6</v>
      </c>
      <c r="BD23" s="72">
        <v>57</v>
      </c>
      <c r="BE23" s="73">
        <v>79</v>
      </c>
      <c r="BF23" s="70">
        <v>6</v>
      </c>
      <c r="BG23" s="71">
        <v>10</v>
      </c>
      <c r="BH23" s="72">
        <v>16</v>
      </c>
      <c r="BI23" s="244"/>
      <c r="BJ23" s="71">
        <v>15</v>
      </c>
      <c r="BK23" s="71">
        <v>6</v>
      </c>
      <c r="BL23" s="71">
        <v>5</v>
      </c>
      <c r="BM23" s="71">
        <v>4</v>
      </c>
      <c r="BN23" s="71">
        <v>1</v>
      </c>
      <c r="BO23" s="72">
        <v>31</v>
      </c>
      <c r="BP23" s="73">
        <v>47</v>
      </c>
      <c r="BQ23" s="70">
        <v>8</v>
      </c>
      <c r="BR23" s="71">
        <v>5</v>
      </c>
      <c r="BS23" s="72">
        <v>13</v>
      </c>
      <c r="BT23" s="244"/>
      <c r="BU23" s="71">
        <v>6</v>
      </c>
      <c r="BV23" s="71">
        <v>7</v>
      </c>
      <c r="BW23" s="71">
        <v>8</v>
      </c>
      <c r="BX23" s="71">
        <v>4</v>
      </c>
      <c r="BY23" s="71">
        <v>2</v>
      </c>
      <c r="BZ23" s="72">
        <v>27</v>
      </c>
      <c r="CA23" s="73">
        <v>40</v>
      </c>
      <c r="CB23" s="70">
        <v>0</v>
      </c>
      <c r="CC23" s="71">
        <v>0</v>
      </c>
      <c r="CD23" s="72">
        <v>0</v>
      </c>
      <c r="CE23" s="244"/>
      <c r="CF23" s="71">
        <v>0</v>
      </c>
      <c r="CG23" s="71">
        <v>0</v>
      </c>
      <c r="CH23" s="71">
        <v>0</v>
      </c>
      <c r="CI23" s="71">
        <v>0</v>
      </c>
      <c r="CJ23" s="71">
        <v>0</v>
      </c>
      <c r="CK23" s="72">
        <v>0</v>
      </c>
      <c r="CL23" s="73">
        <v>0</v>
      </c>
      <c r="CM23" s="70">
        <v>30</v>
      </c>
      <c r="CN23" s="71">
        <v>42</v>
      </c>
      <c r="CO23" s="72">
        <v>72</v>
      </c>
      <c r="CP23" s="244"/>
      <c r="CQ23" s="71">
        <v>65</v>
      </c>
      <c r="CR23" s="71">
        <v>41</v>
      </c>
      <c r="CS23" s="71">
        <v>34</v>
      </c>
      <c r="CT23" s="71">
        <v>18</v>
      </c>
      <c r="CU23" s="71">
        <v>13</v>
      </c>
      <c r="CV23" s="72">
        <v>171</v>
      </c>
      <c r="CW23" s="73">
        <v>243</v>
      </c>
      <c r="CX23" s="123">
        <v>11</v>
      </c>
      <c r="CY23" s="82">
        <v>25</v>
      </c>
      <c r="CZ23" s="83">
        <v>36</v>
      </c>
      <c r="DA23" s="241"/>
      <c r="DB23" s="82">
        <v>21</v>
      </c>
      <c r="DC23" s="82">
        <v>15</v>
      </c>
      <c r="DD23" s="82">
        <v>10</v>
      </c>
      <c r="DE23" s="82">
        <v>13</v>
      </c>
      <c r="DF23" s="82">
        <v>5</v>
      </c>
      <c r="DG23" s="84">
        <v>64</v>
      </c>
      <c r="DH23" s="85">
        <v>100</v>
      </c>
      <c r="DI23" s="70">
        <v>1</v>
      </c>
      <c r="DJ23" s="71">
        <v>0</v>
      </c>
      <c r="DK23" s="72">
        <v>1</v>
      </c>
      <c r="DL23" s="244"/>
      <c r="DM23" s="71">
        <v>0</v>
      </c>
      <c r="DN23" s="71">
        <v>0</v>
      </c>
      <c r="DO23" s="71">
        <v>0</v>
      </c>
      <c r="DP23" s="71">
        <v>0</v>
      </c>
      <c r="DQ23" s="71">
        <v>0</v>
      </c>
      <c r="DR23" s="72">
        <v>0</v>
      </c>
      <c r="DS23" s="73">
        <v>1</v>
      </c>
      <c r="DT23" s="70">
        <v>0</v>
      </c>
      <c r="DU23" s="71">
        <v>2</v>
      </c>
      <c r="DV23" s="72">
        <v>2</v>
      </c>
      <c r="DW23" s="244"/>
      <c r="DX23" s="71">
        <v>0</v>
      </c>
      <c r="DY23" s="71">
        <v>1</v>
      </c>
      <c r="DZ23" s="71">
        <v>1</v>
      </c>
      <c r="EA23" s="71">
        <v>1</v>
      </c>
      <c r="EB23" s="71">
        <v>0</v>
      </c>
      <c r="EC23" s="72">
        <v>3</v>
      </c>
      <c r="ED23" s="73">
        <v>5</v>
      </c>
      <c r="EE23" s="70">
        <v>2</v>
      </c>
      <c r="EF23" s="71">
        <v>2</v>
      </c>
      <c r="EG23" s="72">
        <v>4</v>
      </c>
      <c r="EH23" s="244"/>
      <c r="EI23" s="71">
        <v>1</v>
      </c>
      <c r="EJ23" s="71">
        <v>2</v>
      </c>
      <c r="EK23" s="71">
        <v>1</v>
      </c>
      <c r="EL23" s="71">
        <v>0</v>
      </c>
      <c r="EM23" s="71">
        <v>1</v>
      </c>
      <c r="EN23" s="72">
        <v>5</v>
      </c>
      <c r="EO23" s="73">
        <v>9</v>
      </c>
      <c r="EP23" s="70">
        <v>3</v>
      </c>
      <c r="EQ23" s="71">
        <v>6</v>
      </c>
      <c r="ER23" s="72">
        <v>9</v>
      </c>
      <c r="ES23" s="244"/>
      <c r="ET23" s="71">
        <v>6</v>
      </c>
      <c r="EU23" s="71">
        <v>3</v>
      </c>
      <c r="EV23" s="71">
        <v>0</v>
      </c>
      <c r="EW23" s="71">
        <v>1</v>
      </c>
      <c r="EX23" s="71">
        <v>2</v>
      </c>
      <c r="EY23" s="72">
        <v>12</v>
      </c>
      <c r="EZ23" s="73">
        <v>21</v>
      </c>
      <c r="FA23" s="70">
        <v>3</v>
      </c>
      <c r="FB23" s="71">
        <v>7</v>
      </c>
      <c r="FC23" s="72">
        <v>10</v>
      </c>
      <c r="FD23" s="244"/>
      <c r="FE23" s="71">
        <v>6</v>
      </c>
      <c r="FF23" s="71">
        <v>3</v>
      </c>
      <c r="FG23" s="71">
        <v>5</v>
      </c>
      <c r="FH23" s="71">
        <v>3</v>
      </c>
      <c r="FI23" s="71">
        <v>0</v>
      </c>
      <c r="FJ23" s="72">
        <v>17</v>
      </c>
      <c r="FK23" s="73">
        <v>27</v>
      </c>
      <c r="FL23" s="70">
        <v>2</v>
      </c>
      <c r="FM23" s="71">
        <v>8</v>
      </c>
      <c r="FN23" s="72">
        <v>10</v>
      </c>
      <c r="FO23" s="244"/>
      <c r="FP23" s="71">
        <v>8</v>
      </c>
      <c r="FQ23" s="71">
        <v>6</v>
      </c>
      <c r="FR23" s="71">
        <v>3</v>
      </c>
      <c r="FS23" s="71">
        <v>8</v>
      </c>
      <c r="FT23" s="71">
        <v>2</v>
      </c>
      <c r="FU23" s="72">
        <v>27</v>
      </c>
      <c r="FV23" s="73">
        <v>37</v>
      </c>
      <c r="FW23" s="70">
        <v>0</v>
      </c>
      <c r="FX23" s="71">
        <v>0</v>
      </c>
      <c r="FY23" s="72">
        <v>0</v>
      </c>
      <c r="FZ23" s="244"/>
      <c r="GA23" s="71">
        <v>0</v>
      </c>
      <c r="GB23" s="71">
        <v>0</v>
      </c>
      <c r="GC23" s="71">
        <v>0</v>
      </c>
      <c r="GD23" s="71">
        <v>0</v>
      </c>
      <c r="GE23" s="71">
        <v>0</v>
      </c>
      <c r="GF23" s="72">
        <v>0</v>
      </c>
      <c r="GG23" s="73">
        <v>0</v>
      </c>
      <c r="GH23" s="70">
        <v>11</v>
      </c>
      <c r="GI23" s="71">
        <v>25</v>
      </c>
      <c r="GJ23" s="72">
        <v>36</v>
      </c>
      <c r="GK23" s="244"/>
      <c r="GL23" s="71">
        <v>21</v>
      </c>
      <c r="GM23" s="71">
        <v>15</v>
      </c>
      <c r="GN23" s="71">
        <v>10</v>
      </c>
      <c r="GO23" s="71">
        <v>13</v>
      </c>
      <c r="GP23" s="71">
        <v>5</v>
      </c>
      <c r="GQ23" s="72">
        <v>64</v>
      </c>
      <c r="GR23" s="73">
        <v>100</v>
      </c>
      <c r="GS23" s="123">
        <v>41</v>
      </c>
      <c r="GT23" s="82">
        <v>67</v>
      </c>
      <c r="GU23" s="83">
        <v>108</v>
      </c>
      <c r="GV23" s="241"/>
      <c r="GW23" s="82">
        <v>86</v>
      </c>
      <c r="GX23" s="82">
        <v>56</v>
      </c>
      <c r="GY23" s="82">
        <v>44</v>
      </c>
      <c r="GZ23" s="82">
        <v>31</v>
      </c>
      <c r="HA23" s="82">
        <v>18</v>
      </c>
      <c r="HB23" s="84">
        <v>235</v>
      </c>
      <c r="HC23" s="85">
        <v>343</v>
      </c>
      <c r="HD23" s="70">
        <v>1</v>
      </c>
      <c r="HE23" s="71">
        <v>2</v>
      </c>
      <c r="HF23" s="72">
        <v>3</v>
      </c>
      <c r="HG23" s="244"/>
      <c r="HH23" s="71">
        <v>4</v>
      </c>
      <c r="HI23" s="71">
        <v>1</v>
      </c>
      <c r="HJ23" s="71">
        <v>1</v>
      </c>
      <c r="HK23" s="71">
        <v>1</v>
      </c>
      <c r="HL23" s="71">
        <v>0</v>
      </c>
      <c r="HM23" s="72">
        <v>7</v>
      </c>
      <c r="HN23" s="73">
        <v>10</v>
      </c>
      <c r="HO23" s="70">
        <v>5</v>
      </c>
      <c r="HP23" s="71">
        <v>3</v>
      </c>
      <c r="HQ23" s="72">
        <v>8</v>
      </c>
      <c r="HR23" s="244"/>
      <c r="HS23" s="71">
        <v>12</v>
      </c>
      <c r="HT23" s="71">
        <v>4</v>
      </c>
      <c r="HU23" s="71">
        <v>6</v>
      </c>
      <c r="HV23" s="71">
        <v>2</v>
      </c>
      <c r="HW23" s="71">
        <v>1</v>
      </c>
      <c r="HX23" s="72">
        <v>25</v>
      </c>
      <c r="HY23" s="73">
        <v>33</v>
      </c>
      <c r="HZ23" s="70">
        <v>8</v>
      </c>
      <c r="IA23" s="71">
        <v>9</v>
      </c>
      <c r="IB23" s="72">
        <v>17</v>
      </c>
      <c r="IC23" s="244"/>
      <c r="ID23" s="71">
        <v>9</v>
      </c>
      <c r="IE23" s="71">
        <v>10</v>
      </c>
      <c r="IF23" s="71">
        <v>6</v>
      </c>
      <c r="IG23" s="71">
        <v>3</v>
      </c>
      <c r="IH23" s="71">
        <v>4</v>
      </c>
      <c r="II23" s="72">
        <v>32</v>
      </c>
      <c r="IJ23" s="73">
        <v>49</v>
      </c>
      <c r="IK23" s="70">
        <v>8</v>
      </c>
      <c r="IL23" s="71">
        <v>23</v>
      </c>
      <c r="IM23" s="72">
        <v>31</v>
      </c>
      <c r="IN23" s="244"/>
      <c r="IO23" s="71">
        <v>26</v>
      </c>
      <c r="IP23" s="71">
        <v>19</v>
      </c>
      <c r="IQ23" s="71">
        <v>10</v>
      </c>
      <c r="IR23" s="71">
        <v>6</v>
      </c>
      <c r="IS23" s="71">
        <v>8</v>
      </c>
      <c r="IT23" s="72">
        <v>69</v>
      </c>
      <c r="IU23" s="73">
        <v>100</v>
      </c>
      <c r="IV23" s="70">
        <v>9</v>
      </c>
      <c r="IW23" s="71">
        <v>17</v>
      </c>
      <c r="IX23" s="72">
        <v>26</v>
      </c>
      <c r="IY23" s="244"/>
      <c r="IZ23" s="71">
        <v>21</v>
      </c>
      <c r="JA23" s="71">
        <v>9</v>
      </c>
      <c r="JB23" s="71">
        <v>10</v>
      </c>
      <c r="JC23" s="71">
        <v>7</v>
      </c>
      <c r="JD23" s="71">
        <v>1</v>
      </c>
      <c r="JE23" s="72">
        <v>48</v>
      </c>
      <c r="JF23" s="73">
        <v>74</v>
      </c>
      <c r="JG23" s="70">
        <v>10</v>
      </c>
      <c r="JH23" s="71">
        <v>13</v>
      </c>
      <c r="JI23" s="72">
        <v>23</v>
      </c>
      <c r="JJ23" s="244"/>
      <c r="JK23" s="71">
        <v>14</v>
      </c>
      <c r="JL23" s="71">
        <v>13</v>
      </c>
      <c r="JM23" s="71">
        <v>11</v>
      </c>
      <c r="JN23" s="71">
        <v>12</v>
      </c>
      <c r="JO23" s="71">
        <v>4</v>
      </c>
      <c r="JP23" s="72">
        <v>54</v>
      </c>
      <c r="JQ23" s="73">
        <v>77</v>
      </c>
      <c r="JR23" s="70">
        <v>0</v>
      </c>
      <c r="JS23" s="71">
        <v>0</v>
      </c>
      <c r="JT23" s="72">
        <v>0</v>
      </c>
      <c r="JU23" s="244"/>
      <c r="JV23" s="71">
        <v>0</v>
      </c>
      <c r="JW23" s="71">
        <v>0</v>
      </c>
      <c r="JX23" s="71">
        <v>0</v>
      </c>
      <c r="JY23" s="71">
        <v>0</v>
      </c>
      <c r="JZ23" s="71">
        <v>0</v>
      </c>
      <c r="KA23" s="72">
        <v>0</v>
      </c>
      <c r="KB23" s="73">
        <v>0</v>
      </c>
      <c r="KC23" s="70">
        <v>41</v>
      </c>
      <c r="KD23" s="71">
        <v>67</v>
      </c>
      <c r="KE23" s="72">
        <v>108</v>
      </c>
      <c r="KF23" s="244"/>
      <c r="KG23" s="71">
        <v>86</v>
      </c>
      <c r="KH23" s="71">
        <v>56</v>
      </c>
      <c r="KI23" s="71">
        <v>44</v>
      </c>
      <c r="KJ23" s="71">
        <v>31</v>
      </c>
      <c r="KK23" s="71">
        <v>18</v>
      </c>
      <c r="KL23" s="72">
        <v>235</v>
      </c>
      <c r="KM23" s="73">
        <v>343</v>
      </c>
    </row>
    <row r="24" spans="2:299" ht="19.5" customHeight="1" x14ac:dyDescent="0.2">
      <c r="B24" s="126" t="s">
        <v>21</v>
      </c>
      <c r="C24" s="316">
        <v>35</v>
      </c>
      <c r="D24" s="82">
        <v>19</v>
      </c>
      <c r="E24" s="83">
        <v>54</v>
      </c>
      <c r="F24" s="241"/>
      <c r="G24" s="82">
        <v>55</v>
      </c>
      <c r="H24" s="82">
        <v>37</v>
      </c>
      <c r="I24" s="82">
        <v>19</v>
      </c>
      <c r="J24" s="82">
        <v>24</v>
      </c>
      <c r="K24" s="82">
        <v>17</v>
      </c>
      <c r="L24" s="84">
        <v>152</v>
      </c>
      <c r="M24" s="85">
        <v>206</v>
      </c>
      <c r="N24" s="70">
        <v>2</v>
      </c>
      <c r="O24" s="71">
        <v>1</v>
      </c>
      <c r="P24" s="72">
        <v>3</v>
      </c>
      <c r="Q24" s="244"/>
      <c r="R24" s="71">
        <v>3</v>
      </c>
      <c r="S24" s="71">
        <v>2</v>
      </c>
      <c r="T24" s="71">
        <v>0</v>
      </c>
      <c r="U24" s="71">
        <v>0</v>
      </c>
      <c r="V24" s="71">
        <v>3</v>
      </c>
      <c r="W24" s="72">
        <v>8</v>
      </c>
      <c r="X24" s="73">
        <v>11</v>
      </c>
      <c r="Y24" s="70">
        <v>2</v>
      </c>
      <c r="Z24" s="71">
        <v>2</v>
      </c>
      <c r="AA24" s="72">
        <v>4</v>
      </c>
      <c r="AB24" s="244"/>
      <c r="AC24" s="71">
        <v>5</v>
      </c>
      <c r="AD24" s="71">
        <v>2</v>
      </c>
      <c r="AE24" s="71">
        <v>2</v>
      </c>
      <c r="AF24" s="71">
        <v>2</v>
      </c>
      <c r="AG24" s="71">
        <v>2</v>
      </c>
      <c r="AH24" s="72">
        <v>13</v>
      </c>
      <c r="AI24" s="73">
        <v>17</v>
      </c>
      <c r="AJ24" s="70">
        <v>4</v>
      </c>
      <c r="AK24" s="71">
        <v>2</v>
      </c>
      <c r="AL24" s="72">
        <v>6</v>
      </c>
      <c r="AM24" s="244"/>
      <c r="AN24" s="71">
        <v>8</v>
      </c>
      <c r="AO24" s="71">
        <v>6</v>
      </c>
      <c r="AP24" s="71">
        <v>2</v>
      </c>
      <c r="AQ24" s="71">
        <v>6</v>
      </c>
      <c r="AR24" s="71">
        <v>0</v>
      </c>
      <c r="AS24" s="72">
        <v>22</v>
      </c>
      <c r="AT24" s="73">
        <v>28</v>
      </c>
      <c r="AU24" s="70">
        <v>9</v>
      </c>
      <c r="AV24" s="71">
        <v>6</v>
      </c>
      <c r="AW24" s="72">
        <v>15</v>
      </c>
      <c r="AX24" s="244"/>
      <c r="AY24" s="71">
        <v>12</v>
      </c>
      <c r="AZ24" s="71">
        <v>9</v>
      </c>
      <c r="BA24" s="71">
        <v>2</v>
      </c>
      <c r="BB24" s="71">
        <v>2</v>
      </c>
      <c r="BC24" s="71">
        <v>3</v>
      </c>
      <c r="BD24" s="72">
        <v>28</v>
      </c>
      <c r="BE24" s="73">
        <v>43</v>
      </c>
      <c r="BF24" s="70">
        <v>11</v>
      </c>
      <c r="BG24" s="71">
        <v>4</v>
      </c>
      <c r="BH24" s="72">
        <v>15</v>
      </c>
      <c r="BI24" s="244"/>
      <c r="BJ24" s="71">
        <v>20</v>
      </c>
      <c r="BK24" s="71">
        <v>9</v>
      </c>
      <c r="BL24" s="71">
        <v>10</v>
      </c>
      <c r="BM24" s="71">
        <v>6</v>
      </c>
      <c r="BN24" s="71">
        <v>4</v>
      </c>
      <c r="BO24" s="72">
        <v>49</v>
      </c>
      <c r="BP24" s="73">
        <v>64</v>
      </c>
      <c r="BQ24" s="70">
        <v>7</v>
      </c>
      <c r="BR24" s="71">
        <v>4</v>
      </c>
      <c r="BS24" s="72">
        <v>11</v>
      </c>
      <c r="BT24" s="244"/>
      <c r="BU24" s="71">
        <v>7</v>
      </c>
      <c r="BV24" s="71">
        <v>9</v>
      </c>
      <c r="BW24" s="71">
        <v>3</v>
      </c>
      <c r="BX24" s="71">
        <v>8</v>
      </c>
      <c r="BY24" s="71">
        <v>5</v>
      </c>
      <c r="BZ24" s="72">
        <v>32</v>
      </c>
      <c r="CA24" s="73">
        <v>43</v>
      </c>
      <c r="CB24" s="70">
        <v>0</v>
      </c>
      <c r="CC24" s="71">
        <v>0</v>
      </c>
      <c r="CD24" s="72">
        <v>0</v>
      </c>
      <c r="CE24" s="244"/>
      <c r="CF24" s="71">
        <v>0</v>
      </c>
      <c r="CG24" s="71">
        <v>0</v>
      </c>
      <c r="CH24" s="71">
        <v>0</v>
      </c>
      <c r="CI24" s="71">
        <v>0</v>
      </c>
      <c r="CJ24" s="71">
        <v>0</v>
      </c>
      <c r="CK24" s="72">
        <v>0</v>
      </c>
      <c r="CL24" s="73">
        <v>0</v>
      </c>
      <c r="CM24" s="70">
        <v>35</v>
      </c>
      <c r="CN24" s="71">
        <v>19</v>
      </c>
      <c r="CO24" s="72">
        <v>54</v>
      </c>
      <c r="CP24" s="244"/>
      <c r="CQ24" s="71">
        <v>55</v>
      </c>
      <c r="CR24" s="71">
        <v>37</v>
      </c>
      <c r="CS24" s="71">
        <v>19</v>
      </c>
      <c r="CT24" s="71">
        <v>24</v>
      </c>
      <c r="CU24" s="71">
        <v>17</v>
      </c>
      <c r="CV24" s="72">
        <v>152</v>
      </c>
      <c r="CW24" s="73">
        <v>206</v>
      </c>
      <c r="CX24" s="123">
        <v>14</v>
      </c>
      <c r="CY24" s="82">
        <v>11</v>
      </c>
      <c r="CZ24" s="83">
        <v>25</v>
      </c>
      <c r="DA24" s="241"/>
      <c r="DB24" s="82">
        <v>13</v>
      </c>
      <c r="DC24" s="82">
        <v>16</v>
      </c>
      <c r="DD24" s="82">
        <v>12</v>
      </c>
      <c r="DE24" s="82">
        <v>8</v>
      </c>
      <c r="DF24" s="82">
        <v>5</v>
      </c>
      <c r="DG24" s="84">
        <v>54</v>
      </c>
      <c r="DH24" s="85">
        <v>79</v>
      </c>
      <c r="DI24" s="70">
        <v>0</v>
      </c>
      <c r="DJ24" s="71">
        <v>1</v>
      </c>
      <c r="DK24" s="72">
        <v>1</v>
      </c>
      <c r="DL24" s="244"/>
      <c r="DM24" s="71">
        <v>0</v>
      </c>
      <c r="DN24" s="71">
        <v>0</v>
      </c>
      <c r="DO24" s="71">
        <v>1</v>
      </c>
      <c r="DP24" s="71">
        <v>0</v>
      </c>
      <c r="DQ24" s="71">
        <v>0</v>
      </c>
      <c r="DR24" s="72">
        <v>1</v>
      </c>
      <c r="DS24" s="73">
        <v>2</v>
      </c>
      <c r="DT24" s="70">
        <v>3</v>
      </c>
      <c r="DU24" s="71">
        <v>1</v>
      </c>
      <c r="DV24" s="72">
        <v>4</v>
      </c>
      <c r="DW24" s="244"/>
      <c r="DX24" s="71">
        <v>1</v>
      </c>
      <c r="DY24" s="71">
        <v>1</v>
      </c>
      <c r="DZ24" s="71">
        <v>1</v>
      </c>
      <c r="EA24" s="71">
        <v>0</v>
      </c>
      <c r="EB24" s="71">
        <v>1</v>
      </c>
      <c r="EC24" s="72">
        <v>4</v>
      </c>
      <c r="ED24" s="73">
        <v>8</v>
      </c>
      <c r="EE24" s="70">
        <v>1</v>
      </c>
      <c r="EF24" s="71">
        <v>1</v>
      </c>
      <c r="EG24" s="72">
        <v>2</v>
      </c>
      <c r="EH24" s="244"/>
      <c r="EI24" s="71">
        <v>2</v>
      </c>
      <c r="EJ24" s="71">
        <v>3</v>
      </c>
      <c r="EK24" s="71">
        <v>1</v>
      </c>
      <c r="EL24" s="71">
        <v>0</v>
      </c>
      <c r="EM24" s="71">
        <v>0</v>
      </c>
      <c r="EN24" s="72">
        <v>6</v>
      </c>
      <c r="EO24" s="73">
        <v>8</v>
      </c>
      <c r="EP24" s="70">
        <v>7</v>
      </c>
      <c r="EQ24" s="71">
        <v>4</v>
      </c>
      <c r="ER24" s="72">
        <v>11</v>
      </c>
      <c r="ES24" s="244"/>
      <c r="ET24" s="71">
        <v>3</v>
      </c>
      <c r="EU24" s="71">
        <v>1</v>
      </c>
      <c r="EV24" s="71">
        <v>1</v>
      </c>
      <c r="EW24" s="71">
        <v>0</v>
      </c>
      <c r="EX24" s="71">
        <v>1</v>
      </c>
      <c r="EY24" s="72">
        <v>6</v>
      </c>
      <c r="EZ24" s="73">
        <v>17</v>
      </c>
      <c r="FA24" s="70">
        <v>0</v>
      </c>
      <c r="FB24" s="71">
        <v>4</v>
      </c>
      <c r="FC24" s="72">
        <v>4</v>
      </c>
      <c r="FD24" s="244"/>
      <c r="FE24" s="71">
        <v>4</v>
      </c>
      <c r="FF24" s="71">
        <v>4</v>
      </c>
      <c r="FG24" s="71">
        <v>2</v>
      </c>
      <c r="FH24" s="71">
        <v>1</v>
      </c>
      <c r="FI24" s="71">
        <v>1</v>
      </c>
      <c r="FJ24" s="72">
        <v>12</v>
      </c>
      <c r="FK24" s="73">
        <v>16</v>
      </c>
      <c r="FL24" s="70">
        <v>3</v>
      </c>
      <c r="FM24" s="71">
        <v>0</v>
      </c>
      <c r="FN24" s="72">
        <v>3</v>
      </c>
      <c r="FO24" s="244"/>
      <c r="FP24" s="71">
        <v>3</v>
      </c>
      <c r="FQ24" s="71">
        <v>7</v>
      </c>
      <c r="FR24" s="71">
        <v>6</v>
      </c>
      <c r="FS24" s="71">
        <v>7</v>
      </c>
      <c r="FT24" s="71">
        <v>2</v>
      </c>
      <c r="FU24" s="72">
        <v>25</v>
      </c>
      <c r="FV24" s="73">
        <v>28</v>
      </c>
      <c r="FW24" s="70">
        <v>0</v>
      </c>
      <c r="FX24" s="71">
        <v>0</v>
      </c>
      <c r="FY24" s="72">
        <v>0</v>
      </c>
      <c r="FZ24" s="244"/>
      <c r="GA24" s="71">
        <v>0</v>
      </c>
      <c r="GB24" s="71">
        <v>0</v>
      </c>
      <c r="GC24" s="71">
        <v>0</v>
      </c>
      <c r="GD24" s="71">
        <v>0</v>
      </c>
      <c r="GE24" s="71">
        <v>0</v>
      </c>
      <c r="GF24" s="72">
        <v>0</v>
      </c>
      <c r="GG24" s="73">
        <v>0</v>
      </c>
      <c r="GH24" s="70">
        <v>14</v>
      </c>
      <c r="GI24" s="71">
        <v>11</v>
      </c>
      <c r="GJ24" s="72">
        <v>25</v>
      </c>
      <c r="GK24" s="244"/>
      <c r="GL24" s="71">
        <v>13</v>
      </c>
      <c r="GM24" s="71">
        <v>16</v>
      </c>
      <c r="GN24" s="71">
        <v>12</v>
      </c>
      <c r="GO24" s="71">
        <v>8</v>
      </c>
      <c r="GP24" s="71">
        <v>5</v>
      </c>
      <c r="GQ24" s="72">
        <v>54</v>
      </c>
      <c r="GR24" s="73">
        <v>79</v>
      </c>
      <c r="GS24" s="123">
        <v>49</v>
      </c>
      <c r="GT24" s="82">
        <v>30</v>
      </c>
      <c r="GU24" s="83">
        <v>79</v>
      </c>
      <c r="GV24" s="241"/>
      <c r="GW24" s="82">
        <v>68</v>
      </c>
      <c r="GX24" s="82">
        <v>53</v>
      </c>
      <c r="GY24" s="82">
        <v>31</v>
      </c>
      <c r="GZ24" s="82">
        <v>32</v>
      </c>
      <c r="HA24" s="82">
        <v>22</v>
      </c>
      <c r="HB24" s="84">
        <v>206</v>
      </c>
      <c r="HC24" s="85">
        <v>285</v>
      </c>
      <c r="HD24" s="70">
        <v>2</v>
      </c>
      <c r="HE24" s="71">
        <v>2</v>
      </c>
      <c r="HF24" s="72">
        <v>4</v>
      </c>
      <c r="HG24" s="244"/>
      <c r="HH24" s="71">
        <v>3</v>
      </c>
      <c r="HI24" s="71">
        <v>2</v>
      </c>
      <c r="HJ24" s="71">
        <v>1</v>
      </c>
      <c r="HK24" s="71">
        <v>0</v>
      </c>
      <c r="HL24" s="71">
        <v>3</v>
      </c>
      <c r="HM24" s="72">
        <v>9</v>
      </c>
      <c r="HN24" s="73">
        <v>13</v>
      </c>
      <c r="HO24" s="70">
        <v>5</v>
      </c>
      <c r="HP24" s="71">
        <v>3</v>
      </c>
      <c r="HQ24" s="72">
        <v>8</v>
      </c>
      <c r="HR24" s="244"/>
      <c r="HS24" s="71">
        <v>6</v>
      </c>
      <c r="HT24" s="71">
        <v>3</v>
      </c>
      <c r="HU24" s="71">
        <v>3</v>
      </c>
      <c r="HV24" s="71">
        <v>2</v>
      </c>
      <c r="HW24" s="71">
        <v>3</v>
      </c>
      <c r="HX24" s="72">
        <v>17</v>
      </c>
      <c r="HY24" s="73">
        <v>25</v>
      </c>
      <c r="HZ24" s="70">
        <v>5</v>
      </c>
      <c r="IA24" s="71">
        <v>3</v>
      </c>
      <c r="IB24" s="72">
        <v>8</v>
      </c>
      <c r="IC24" s="244"/>
      <c r="ID24" s="71">
        <v>10</v>
      </c>
      <c r="IE24" s="71">
        <v>9</v>
      </c>
      <c r="IF24" s="71">
        <v>3</v>
      </c>
      <c r="IG24" s="71">
        <v>6</v>
      </c>
      <c r="IH24" s="71">
        <v>0</v>
      </c>
      <c r="II24" s="72">
        <v>28</v>
      </c>
      <c r="IJ24" s="73">
        <v>36</v>
      </c>
      <c r="IK24" s="70">
        <v>16</v>
      </c>
      <c r="IL24" s="71">
        <v>10</v>
      </c>
      <c r="IM24" s="72">
        <v>26</v>
      </c>
      <c r="IN24" s="244"/>
      <c r="IO24" s="71">
        <v>15</v>
      </c>
      <c r="IP24" s="71">
        <v>10</v>
      </c>
      <c r="IQ24" s="71">
        <v>3</v>
      </c>
      <c r="IR24" s="71">
        <v>2</v>
      </c>
      <c r="IS24" s="71">
        <v>4</v>
      </c>
      <c r="IT24" s="72">
        <v>34</v>
      </c>
      <c r="IU24" s="73">
        <v>60</v>
      </c>
      <c r="IV24" s="70">
        <v>11</v>
      </c>
      <c r="IW24" s="71">
        <v>8</v>
      </c>
      <c r="IX24" s="72">
        <v>19</v>
      </c>
      <c r="IY24" s="244"/>
      <c r="IZ24" s="71">
        <v>24</v>
      </c>
      <c r="JA24" s="71">
        <v>13</v>
      </c>
      <c r="JB24" s="71">
        <v>12</v>
      </c>
      <c r="JC24" s="71">
        <v>7</v>
      </c>
      <c r="JD24" s="71">
        <v>5</v>
      </c>
      <c r="JE24" s="72">
        <v>61</v>
      </c>
      <c r="JF24" s="73">
        <v>80</v>
      </c>
      <c r="JG24" s="70">
        <v>10</v>
      </c>
      <c r="JH24" s="71">
        <v>4</v>
      </c>
      <c r="JI24" s="72">
        <v>14</v>
      </c>
      <c r="JJ24" s="244"/>
      <c r="JK24" s="71">
        <v>10</v>
      </c>
      <c r="JL24" s="71">
        <v>16</v>
      </c>
      <c r="JM24" s="71">
        <v>9</v>
      </c>
      <c r="JN24" s="71">
        <v>15</v>
      </c>
      <c r="JO24" s="71">
        <v>7</v>
      </c>
      <c r="JP24" s="72">
        <v>57</v>
      </c>
      <c r="JQ24" s="73">
        <v>71</v>
      </c>
      <c r="JR24" s="70">
        <v>0</v>
      </c>
      <c r="JS24" s="71">
        <v>0</v>
      </c>
      <c r="JT24" s="72">
        <v>0</v>
      </c>
      <c r="JU24" s="244"/>
      <c r="JV24" s="71">
        <v>0</v>
      </c>
      <c r="JW24" s="71">
        <v>0</v>
      </c>
      <c r="JX24" s="71">
        <v>0</v>
      </c>
      <c r="JY24" s="71">
        <v>0</v>
      </c>
      <c r="JZ24" s="71">
        <v>0</v>
      </c>
      <c r="KA24" s="72">
        <v>0</v>
      </c>
      <c r="KB24" s="73">
        <v>0</v>
      </c>
      <c r="KC24" s="70">
        <v>49</v>
      </c>
      <c r="KD24" s="71">
        <v>30</v>
      </c>
      <c r="KE24" s="72">
        <v>79</v>
      </c>
      <c r="KF24" s="244"/>
      <c r="KG24" s="71">
        <v>68</v>
      </c>
      <c r="KH24" s="71">
        <v>53</v>
      </c>
      <c r="KI24" s="71">
        <v>31</v>
      </c>
      <c r="KJ24" s="71">
        <v>32</v>
      </c>
      <c r="KK24" s="71">
        <v>22</v>
      </c>
      <c r="KL24" s="72">
        <v>206</v>
      </c>
      <c r="KM24" s="73">
        <v>285</v>
      </c>
    </row>
    <row r="25" spans="2:299" ht="19.5" customHeight="1" x14ac:dyDescent="0.2">
      <c r="B25" s="126" t="s">
        <v>22</v>
      </c>
      <c r="C25" s="316">
        <v>13</v>
      </c>
      <c r="D25" s="82">
        <v>7</v>
      </c>
      <c r="E25" s="83">
        <v>20</v>
      </c>
      <c r="F25" s="241"/>
      <c r="G25" s="82">
        <v>28</v>
      </c>
      <c r="H25" s="82">
        <v>17</v>
      </c>
      <c r="I25" s="82">
        <v>12</v>
      </c>
      <c r="J25" s="82">
        <v>8</v>
      </c>
      <c r="K25" s="82">
        <v>7</v>
      </c>
      <c r="L25" s="84">
        <v>72</v>
      </c>
      <c r="M25" s="85">
        <v>92</v>
      </c>
      <c r="N25" s="70">
        <v>0</v>
      </c>
      <c r="O25" s="71">
        <v>0</v>
      </c>
      <c r="P25" s="72">
        <v>0</v>
      </c>
      <c r="Q25" s="244"/>
      <c r="R25" s="71">
        <v>2</v>
      </c>
      <c r="S25" s="71">
        <v>0</v>
      </c>
      <c r="T25" s="71">
        <v>0</v>
      </c>
      <c r="U25" s="71">
        <v>0</v>
      </c>
      <c r="V25" s="71">
        <v>0</v>
      </c>
      <c r="W25" s="72">
        <v>2</v>
      </c>
      <c r="X25" s="73">
        <v>2</v>
      </c>
      <c r="Y25" s="70">
        <v>2</v>
      </c>
      <c r="Z25" s="71">
        <v>2</v>
      </c>
      <c r="AA25" s="72">
        <v>4</v>
      </c>
      <c r="AB25" s="244"/>
      <c r="AC25" s="71">
        <v>4</v>
      </c>
      <c r="AD25" s="71">
        <v>1</v>
      </c>
      <c r="AE25" s="71">
        <v>1</v>
      </c>
      <c r="AF25" s="71">
        <v>0</v>
      </c>
      <c r="AG25" s="71">
        <v>1</v>
      </c>
      <c r="AH25" s="72">
        <v>7</v>
      </c>
      <c r="AI25" s="73">
        <v>11</v>
      </c>
      <c r="AJ25" s="70">
        <v>2</v>
      </c>
      <c r="AK25" s="71">
        <v>1</v>
      </c>
      <c r="AL25" s="72">
        <v>3</v>
      </c>
      <c r="AM25" s="244"/>
      <c r="AN25" s="71">
        <v>3</v>
      </c>
      <c r="AO25" s="71">
        <v>2</v>
      </c>
      <c r="AP25" s="71">
        <v>0</v>
      </c>
      <c r="AQ25" s="71">
        <v>0</v>
      </c>
      <c r="AR25" s="71">
        <v>1</v>
      </c>
      <c r="AS25" s="72">
        <v>6</v>
      </c>
      <c r="AT25" s="73">
        <v>9</v>
      </c>
      <c r="AU25" s="70">
        <v>3</v>
      </c>
      <c r="AV25" s="71">
        <v>2</v>
      </c>
      <c r="AW25" s="72">
        <v>5</v>
      </c>
      <c r="AX25" s="244"/>
      <c r="AY25" s="71">
        <v>9</v>
      </c>
      <c r="AZ25" s="71">
        <v>4</v>
      </c>
      <c r="BA25" s="71">
        <v>4</v>
      </c>
      <c r="BB25" s="71">
        <v>3</v>
      </c>
      <c r="BC25" s="71">
        <v>2</v>
      </c>
      <c r="BD25" s="72">
        <v>22</v>
      </c>
      <c r="BE25" s="73">
        <v>27</v>
      </c>
      <c r="BF25" s="70">
        <v>1</v>
      </c>
      <c r="BG25" s="71">
        <v>2</v>
      </c>
      <c r="BH25" s="72">
        <v>3</v>
      </c>
      <c r="BI25" s="244"/>
      <c r="BJ25" s="71">
        <v>2</v>
      </c>
      <c r="BK25" s="71">
        <v>4</v>
      </c>
      <c r="BL25" s="71">
        <v>3</v>
      </c>
      <c r="BM25" s="71">
        <v>3</v>
      </c>
      <c r="BN25" s="71">
        <v>1</v>
      </c>
      <c r="BO25" s="72">
        <v>13</v>
      </c>
      <c r="BP25" s="73">
        <v>16</v>
      </c>
      <c r="BQ25" s="70">
        <v>5</v>
      </c>
      <c r="BR25" s="71">
        <v>0</v>
      </c>
      <c r="BS25" s="72">
        <v>5</v>
      </c>
      <c r="BT25" s="244"/>
      <c r="BU25" s="71">
        <v>8</v>
      </c>
      <c r="BV25" s="71">
        <v>6</v>
      </c>
      <c r="BW25" s="71">
        <v>4</v>
      </c>
      <c r="BX25" s="71">
        <v>2</v>
      </c>
      <c r="BY25" s="71">
        <v>2</v>
      </c>
      <c r="BZ25" s="72">
        <v>22</v>
      </c>
      <c r="CA25" s="73">
        <v>27</v>
      </c>
      <c r="CB25" s="70">
        <v>0</v>
      </c>
      <c r="CC25" s="71">
        <v>0</v>
      </c>
      <c r="CD25" s="72">
        <v>0</v>
      </c>
      <c r="CE25" s="244"/>
      <c r="CF25" s="71">
        <v>0</v>
      </c>
      <c r="CG25" s="71">
        <v>0</v>
      </c>
      <c r="CH25" s="71">
        <v>0</v>
      </c>
      <c r="CI25" s="71">
        <v>0</v>
      </c>
      <c r="CJ25" s="71">
        <v>0</v>
      </c>
      <c r="CK25" s="72">
        <v>0</v>
      </c>
      <c r="CL25" s="73">
        <v>0</v>
      </c>
      <c r="CM25" s="70">
        <v>13</v>
      </c>
      <c r="CN25" s="71">
        <v>7</v>
      </c>
      <c r="CO25" s="72">
        <v>20</v>
      </c>
      <c r="CP25" s="244"/>
      <c r="CQ25" s="71">
        <v>28</v>
      </c>
      <c r="CR25" s="71">
        <v>17</v>
      </c>
      <c r="CS25" s="71">
        <v>12</v>
      </c>
      <c r="CT25" s="71">
        <v>8</v>
      </c>
      <c r="CU25" s="71">
        <v>7</v>
      </c>
      <c r="CV25" s="72">
        <v>72</v>
      </c>
      <c r="CW25" s="73">
        <v>92</v>
      </c>
      <c r="CX25" s="123">
        <v>3</v>
      </c>
      <c r="CY25" s="82">
        <v>5</v>
      </c>
      <c r="CZ25" s="83">
        <v>8</v>
      </c>
      <c r="DA25" s="241"/>
      <c r="DB25" s="82">
        <v>8</v>
      </c>
      <c r="DC25" s="82">
        <v>2</v>
      </c>
      <c r="DD25" s="82">
        <v>2</v>
      </c>
      <c r="DE25" s="82">
        <v>5</v>
      </c>
      <c r="DF25" s="82">
        <v>4</v>
      </c>
      <c r="DG25" s="84">
        <v>21</v>
      </c>
      <c r="DH25" s="85">
        <v>29</v>
      </c>
      <c r="DI25" s="70">
        <v>0</v>
      </c>
      <c r="DJ25" s="71">
        <v>1</v>
      </c>
      <c r="DK25" s="72">
        <v>1</v>
      </c>
      <c r="DL25" s="244"/>
      <c r="DM25" s="71">
        <v>0</v>
      </c>
      <c r="DN25" s="71">
        <v>0</v>
      </c>
      <c r="DO25" s="71">
        <v>0</v>
      </c>
      <c r="DP25" s="71">
        <v>0</v>
      </c>
      <c r="DQ25" s="71">
        <v>0</v>
      </c>
      <c r="DR25" s="72">
        <v>0</v>
      </c>
      <c r="DS25" s="73">
        <v>1</v>
      </c>
      <c r="DT25" s="70">
        <v>0</v>
      </c>
      <c r="DU25" s="71">
        <v>0</v>
      </c>
      <c r="DV25" s="72">
        <v>0</v>
      </c>
      <c r="DW25" s="244"/>
      <c r="DX25" s="71">
        <v>0</v>
      </c>
      <c r="DY25" s="71">
        <v>0</v>
      </c>
      <c r="DZ25" s="71">
        <v>1</v>
      </c>
      <c r="EA25" s="71">
        <v>0</v>
      </c>
      <c r="EB25" s="71">
        <v>0</v>
      </c>
      <c r="EC25" s="72">
        <v>1</v>
      </c>
      <c r="ED25" s="73">
        <v>1</v>
      </c>
      <c r="EE25" s="70">
        <v>1</v>
      </c>
      <c r="EF25" s="71">
        <v>2</v>
      </c>
      <c r="EG25" s="72">
        <v>3</v>
      </c>
      <c r="EH25" s="244"/>
      <c r="EI25" s="71">
        <v>1</v>
      </c>
      <c r="EJ25" s="71">
        <v>0</v>
      </c>
      <c r="EK25" s="71">
        <v>0</v>
      </c>
      <c r="EL25" s="71">
        <v>0</v>
      </c>
      <c r="EM25" s="71">
        <v>1</v>
      </c>
      <c r="EN25" s="72">
        <v>2</v>
      </c>
      <c r="EO25" s="73">
        <v>5</v>
      </c>
      <c r="EP25" s="70">
        <v>2</v>
      </c>
      <c r="EQ25" s="71">
        <v>1</v>
      </c>
      <c r="ER25" s="72">
        <v>3</v>
      </c>
      <c r="ES25" s="244"/>
      <c r="ET25" s="71">
        <v>2</v>
      </c>
      <c r="EU25" s="71">
        <v>0</v>
      </c>
      <c r="EV25" s="71">
        <v>1</v>
      </c>
      <c r="EW25" s="71">
        <v>1</v>
      </c>
      <c r="EX25" s="71">
        <v>0</v>
      </c>
      <c r="EY25" s="72">
        <v>4</v>
      </c>
      <c r="EZ25" s="73">
        <v>7</v>
      </c>
      <c r="FA25" s="70">
        <v>0</v>
      </c>
      <c r="FB25" s="71">
        <v>0</v>
      </c>
      <c r="FC25" s="72">
        <v>0</v>
      </c>
      <c r="FD25" s="244"/>
      <c r="FE25" s="71">
        <v>3</v>
      </c>
      <c r="FF25" s="71">
        <v>0</v>
      </c>
      <c r="FG25" s="71">
        <v>0</v>
      </c>
      <c r="FH25" s="71">
        <v>0</v>
      </c>
      <c r="FI25" s="71">
        <v>1</v>
      </c>
      <c r="FJ25" s="72">
        <v>4</v>
      </c>
      <c r="FK25" s="73">
        <v>4</v>
      </c>
      <c r="FL25" s="70">
        <v>0</v>
      </c>
      <c r="FM25" s="71">
        <v>1</v>
      </c>
      <c r="FN25" s="72">
        <v>1</v>
      </c>
      <c r="FO25" s="244"/>
      <c r="FP25" s="71">
        <v>2</v>
      </c>
      <c r="FQ25" s="71">
        <v>2</v>
      </c>
      <c r="FR25" s="71">
        <v>0</v>
      </c>
      <c r="FS25" s="71">
        <v>4</v>
      </c>
      <c r="FT25" s="71">
        <v>2</v>
      </c>
      <c r="FU25" s="72">
        <v>10</v>
      </c>
      <c r="FV25" s="73">
        <v>11</v>
      </c>
      <c r="FW25" s="70">
        <v>0</v>
      </c>
      <c r="FX25" s="71">
        <v>0</v>
      </c>
      <c r="FY25" s="72">
        <v>0</v>
      </c>
      <c r="FZ25" s="244"/>
      <c r="GA25" s="71">
        <v>0</v>
      </c>
      <c r="GB25" s="71">
        <v>0</v>
      </c>
      <c r="GC25" s="71">
        <v>0</v>
      </c>
      <c r="GD25" s="71">
        <v>0</v>
      </c>
      <c r="GE25" s="71">
        <v>0</v>
      </c>
      <c r="GF25" s="72">
        <v>0</v>
      </c>
      <c r="GG25" s="73">
        <v>0</v>
      </c>
      <c r="GH25" s="70">
        <v>3</v>
      </c>
      <c r="GI25" s="71">
        <v>5</v>
      </c>
      <c r="GJ25" s="72">
        <v>8</v>
      </c>
      <c r="GK25" s="244"/>
      <c r="GL25" s="71">
        <v>8</v>
      </c>
      <c r="GM25" s="71">
        <v>2</v>
      </c>
      <c r="GN25" s="71">
        <v>2</v>
      </c>
      <c r="GO25" s="71">
        <v>5</v>
      </c>
      <c r="GP25" s="71">
        <v>4</v>
      </c>
      <c r="GQ25" s="72">
        <v>21</v>
      </c>
      <c r="GR25" s="73">
        <v>29</v>
      </c>
      <c r="GS25" s="123">
        <v>16</v>
      </c>
      <c r="GT25" s="82">
        <v>12</v>
      </c>
      <c r="GU25" s="83">
        <v>28</v>
      </c>
      <c r="GV25" s="241"/>
      <c r="GW25" s="82">
        <v>36</v>
      </c>
      <c r="GX25" s="82">
        <v>19</v>
      </c>
      <c r="GY25" s="82">
        <v>14</v>
      </c>
      <c r="GZ25" s="82">
        <v>13</v>
      </c>
      <c r="HA25" s="82">
        <v>11</v>
      </c>
      <c r="HB25" s="84">
        <v>93</v>
      </c>
      <c r="HC25" s="85">
        <v>121</v>
      </c>
      <c r="HD25" s="70">
        <v>0</v>
      </c>
      <c r="HE25" s="71">
        <v>1</v>
      </c>
      <c r="HF25" s="72">
        <v>1</v>
      </c>
      <c r="HG25" s="244"/>
      <c r="HH25" s="71">
        <v>2</v>
      </c>
      <c r="HI25" s="71">
        <v>0</v>
      </c>
      <c r="HJ25" s="71">
        <v>0</v>
      </c>
      <c r="HK25" s="71">
        <v>0</v>
      </c>
      <c r="HL25" s="71">
        <v>0</v>
      </c>
      <c r="HM25" s="72">
        <v>2</v>
      </c>
      <c r="HN25" s="73">
        <v>3</v>
      </c>
      <c r="HO25" s="70">
        <v>2</v>
      </c>
      <c r="HP25" s="71">
        <v>2</v>
      </c>
      <c r="HQ25" s="72">
        <v>4</v>
      </c>
      <c r="HR25" s="244"/>
      <c r="HS25" s="71">
        <v>4</v>
      </c>
      <c r="HT25" s="71">
        <v>1</v>
      </c>
      <c r="HU25" s="71">
        <v>2</v>
      </c>
      <c r="HV25" s="71">
        <v>0</v>
      </c>
      <c r="HW25" s="71">
        <v>1</v>
      </c>
      <c r="HX25" s="72">
        <v>8</v>
      </c>
      <c r="HY25" s="73">
        <v>12</v>
      </c>
      <c r="HZ25" s="70">
        <v>3</v>
      </c>
      <c r="IA25" s="71">
        <v>3</v>
      </c>
      <c r="IB25" s="72">
        <v>6</v>
      </c>
      <c r="IC25" s="244"/>
      <c r="ID25" s="71">
        <v>4</v>
      </c>
      <c r="IE25" s="71">
        <v>2</v>
      </c>
      <c r="IF25" s="71">
        <v>0</v>
      </c>
      <c r="IG25" s="71">
        <v>0</v>
      </c>
      <c r="IH25" s="71">
        <v>2</v>
      </c>
      <c r="II25" s="72">
        <v>8</v>
      </c>
      <c r="IJ25" s="73">
        <v>14</v>
      </c>
      <c r="IK25" s="70">
        <v>5</v>
      </c>
      <c r="IL25" s="71">
        <v>3</v>
      </c>
      <c r="IM25" s="72">
        <v>8</v>
      </c>
      <c r="IN25" s="244"/>
      <c r="IO25" s="71">
        <v>11</v>
      </c>
      <c r="IP25" s="71">
        <v>4</v>
      </c>
      <c r="IQ25" s="71">
        <v>5</v>
      </c>
      <c r="IR25" s="71">
        <v>4</v>
      </c>
      <c r="IS25" s="71">
        <v>2</v>
      </c>
      <c r="IT25" s="72">
        <v>26</v>
      </c>
      <c r="IU25" s="73">
        <v>34</v>
      </c>
      <c r="IV25" s="70">
        <v>1</v>
      </c>
      <c r="IW25" s="71">
        <v>2</v>
      </c>
      <c r="IX25" s="72">
        <v>3</v>
      </c>
      <c r="IY25" s="244"/>
      <c r="IZ25" s="71">
        <v>5</v>
      </c>
      <c r="JA25" s="71">
        <v>4</v>
      </c>
      <c r="JB25" s="71">
        <v>3</v>
      </c>
      <c r="JC25" s="71">
        <v>3</v>
      </c>
      <c r="JD25" s="71">
        <v>2</v>
      </c>
      <c r="JE25" s="72">
        <v>17</v>
      </c>
      <c r="JF25" s="73">
        <v>20</v>
      </c>
      <c r="JG25" s="70">
        <v>5</v>
      </c>
      <c r="JH25" s="71">
        <v>1</v>
      </c>
      <c r="JI25" s="72">
        <v>6</v>
      </c>
      <c r="JJ25" s="244"/>
      <c r="JK25" s="71">
        <v>10</v>
      </c>
      <c r="JL25" s="71">
        <v>8</v>
      </c>
      <c r="JM25" s="71">
        <v>4</v>
      </c>
      <c r="JN25" s="71">
        <v>6</v>
      </c>
      <c r="JO25" s="71">
        <v>4</v>
      </c>
      <c r="JP25" s="72">
        <v>32</v>
      </c>
      <c r="JQ25" s="73">
        <v>38</v>
      </c>
      <c r="JR25" s="70">
        <v>0</v>
      </c>
      <c r="JS25" s="71">
        <v>0</v>
      </c>
      <c r="JT25" s="72">
        <v>0</v>
      </c>
      <c r="JU25" s="244"/>
      <c r="JV25" s="71">
        <v>0</v>
      </c>
      <c r="JW25" s="71">
        <v>0</v>
      </c>
      <c r="JX25" s="71">
        <v>0</v>
      </c>
      <c r="JY25" s="71">
        <v>0</v>
      </c>
      <c r="JZ25" s="71">
        <v>0</v>
      </c>
      <c r="KA25" s="72">
        <v>0</v>
      </c>
      <c r="KB25" s="73">
        <v>0</v>
      </c>
      <c r="KC25" s="70">
        <v>16</v>
      </c>
      <c r="KD25" s="71">
        <v>12</v>
      </c>
      <c r="KE25" s="72">
        <v>28</v>
      </c>
      <c r="KF25" s="244"/>
      <c r="KG25" s="71">
        <v>36</v>
      </c>
      <c r="KH25" s="71">
        <v>19</v>
      </c>
      <c r="KI25" s="71">
        <v>14</v>
      </c>
      <c r="KJ25" s="71">
        <v>13</v>
      </c>
      <c r="KK25" s="71">
        <v>11</v>
      </c>
      <c r="KL25" s="72">
        <v>93</v>
      </c>
      <c r="KM25" s="73">
        <v>121</v>
      </c>
    </row>
    <row r="26" spans="2:299" ht="19.5" customHeight="1" x14ac:dyDescent="0.2">
      <c r="B26" s="126" t="s">
        <v>23</v>
      </c>
      <c r="C26" s="316">
        <v>14</v>
      </c>
      <c r="D26" s="82">
        <v>16</v>
      </c>
      <c r="E26" s="83">
        <v>30</v>
      </c>
      <c r="F26" s="241"/>
      <c r="G26" s="82">
        <v>25</v>
      </c>
      <c r="H26" s="82">
        <v>22</v>
      </c>
      <c r="I26" s="82">
        <v>23</v>
      </c>
      <c r="J26" s="82">
        <v>17</v>
      </c>
      <c r="K26" s="82">
        <v>10</v>
      </c>
      <c r="L26" s="84">
        <v>97</v>
      </c>
      <c r="M26" s="85">
        <v>127</v>
      </c>
      <c r="N26" s="70">
        <v>0</v>
      </c>
      <c r="O26" s="71">
        <v>1</v>
      </c>
      <c r="P26" s="72">
        <v>1</v>
      </c>
      <c r="Q26" s="244"/>
      <c r="R26" s="71">
        <v>0</v>
      </c>
      <c r="S26" s="71">
        <v>0</v>
      </c>
      <c r="T26" s="71">
        <v>0</v>
      </c>
      <c r="U26" s="71">
        <v>0</v>
      </c>
      <c r="V26" s="71">
        <v>0</v>
      </c>
      <c r="W26" s="72">
        <v>0</v>
      </c>
      <c r="X26" s="73">
        <v>1</v>
      </c>
      <c r="Y26" s="70">
        <v>4</v>
      </c>
      <c r="Z26" s="71">
        <v>2</v>
      </c>
      <c r="AA26" s="72">
        <v>6</v>
      </c>
      <c r="AB26" s="244"/>
      <c r="AC26" s="71">
        <v>3</v>
      </c>
      <c r="AD26" s="71">
        <v>2</v>
      </c>
      <c r="AE26" s="71">
        <v>2</v>
      </c>
      <c r="AF26" s="71">
        <v>1</v>
      </c>
      <c r="AG26" s="71">
        <v>1</v>
      </c>
      <c r="AH26" s="72">
        <v>9</v>
      </c>
      <c r="AI26" s="73">
        <v>15</v>
      </c>
      <c r="AJ26" s="70">
        <v>4</v>
      </c>
      <c r="AK26" s="71">
        <v>0</v>
      </c>
      <c r="AL26" s="72">
        <v>4</v>
      </c>
      <c r="AM26" s="244"/>
      <c r="AN26" s="71">
        <v>5</v>
      </c>
      <c r="AO26" s="71">
        <v>5</v>
      </c>
      <c r="AP26" s="71">
        <v>1</v>
      </c>
      <c r="AQ26" s="71">
        <v>3</v>
      </c>
      <c r="AR26" s="71">
        <v>4</v>
      </c>
      <c r="AS26" s="72">
        <v>18</v>
      </c>
      <c r="AT26" s="73">
        <v>22</v>
      </c>
      <c r="AU26" s="70">
        <v>0</v>
      </c>
      <c r="AV26" s="71">
        <v>7</v>
      </c>
      <c r="AW26" s="72">
        <v>7</v>
      </c>
      <c r="AX26" s="244"/>
      <c r="AY26" s="71">
        <v>6</v>
      </c>
      <c r="AZ26" s="71">
        <v>3</v>
      </c>
      <c r="BA26" s="71">
        <v>9</v>
      </c>
      <c r="BB26" s="71">
        <v>3</v>
      </c>
      <c r="BC26" s="71">
        <v>1</v>
      </c>
      <c r="BD26" s="72">
        <v>22</v>
      </c>
      <c r="BE26" s="73">
        <v>29</v>
      </c>
      <c r="BF26" s="70">
        <v>3</v>
      </c>
      <c r="BG26" s="71">
        <v>4</v>
      </c>
      <c r="BH26" s="72">
        <v>7</v>
      </c>
      <c r="BI26" s="244"/>
      <c r="BJ26" s="71">
        <v>5</v>
      </c>
      <c r="BK26" s="71">
        <v>9</v>
      </c>
      <c r="BL26" s="71">
        <v>9</v>
      </c>
      <c r="BM26" s="71">
        <v>2</v>
      </c>
      <c r="BN26" s="71">
        <v>3</v>
      </c>
      <c r="BO26" s="72">
        <v>28</v>
      </c>
      <c r="BP26" s="73">
        <v>35</v>
      </c>
      <c r="BQ26" s="70">
        <v>3</v>
      </c>
      <c r="BR26" s="71">
        <v>2</v>
      </c>
      <c r="BS26" s="72">
        <v>5</v>
      </c>
      <c r="BT26" s="244"/>
      <c r="BU26" s="71">
        <v>6</v>
      </c>
      <c r="BV26" s="71">
        <v>3</v>
      </c>
      <c r="BW26" s="71">
        <v>2</v>
      </c>
      <c r="BX26" s="71">
        <v>8</v>
      </c>
      <c r="BY26" s="71">
        <v>1</v>
      </c>
      <c r="BZ26" s="72">
        <v>20</v>
      </c>
      <c r="CA26" s="73">
        <v>25</v>
      </c>
      <c r="CB26" s="70">
        <v>0</v>
      </c>
      <c r="CC26" s="71">
        <v>0</v>
      </c>
      <c r="CD26" s="72">
        <v>0</v>
      </c>
      <c r="CE26" s="244"/>
      <c r="CF26" s="71">
        <v>0</v>
      </c>
      <c r="CG26" s="71">
        <v>0</v>
      </c>
      <c r="CH26" s="71">
        <v>0</v>
      </c>
      <c r="CI26" s="71">
        <v>0</v>
      </c>
      <c r="CJ26" s="71">
        <v>0</v>
      </c>
      <c r="CK26" s="72">
        <v>0</v>
      </c>
      <c r="CL26" s="73">
        <v>0</v>
      </c>
      <c r="CM26" s="70">
        <v>14</v>
      </c>
      <c r="CN26" s="71">
        <v>16</v>
      </c>
      <c r="CO26" s="72">
        <v>30</v>
      </c>
      <c r="CP26" s="244"/>
      <c r="CQ26" s="71">
        <v>25</v>
      </c>
      <c r="CR26" s="71">
        <v>22</v>
      </c>
      <c r="CS26" s="71">
        <v>23</v>
      </c>
      <c r="CT26" s="71">
        <v>17</v>
      </c>
      <c r="CU26" s="71">
        <v>10</v>
      </c>
      <c r="CV26" s="72">
        <v>97</v>
      </c>
      <c r="CW26" s="73">
        <v>127</v>
      </c>
      <c r="CX26" s="123">
        <v>8</v>
      </c>
      <c r="CY26" s="82">
        <v>7</v>
      </c>
      <c r="CZ26" s="83">
        <v>15</v>
      </c>
      <c r="DA26" s="241"/>
      <c r="DB26" s="82">
        <v>13</v>
      </c>
      <c r="DC26" s="82">
        <v>9</v>
      </c>
      <c r="DD26" s="82">
        <v>1</v>
      </c>
      <c r="DE26" s="82">
        <v>13</v>
      </c>
      <c r="DF26" s="82">
        <v>7</v>
      </c>
      <c r="DG26" s="84">
        <v>43</v>
      </c>
      <c r="DH26" s="85">
        <v>58</v>
      </c>
      <c r="DI26" s="70">
        <v>0</v>
      </c>
      <c r="DJ26" s="71">
        <v>1</v>
      </c>
      <c r="DK26" s="72">
        <v>1</v>
      </c>
      <c r="DL26" s="244"/>
      <c r="DM26" s="71">
        <v>0</v>
      </c>
      <c r="DN26" s="71">
        <v>0</v>
      </c>
      <c r="DO26" s="71">
        <v>0</v>
      </c>
      <c r="DP26" s="71">
        <v>0</v>
      </c>
      <c r="DQ26" s="71">
        <v>0</v>
      </c>
      <c r="DR26" s="72">
        <v>0</v>
      </c>
      <c r="DS26" s="73">
        <v>1</v>
      </c>
      <c r="DT26" s="70">
        <v>0</v>
      </c>
      <c r="DU26" s="71">
        <v>0</v>
      </c>
      <c r="DV26" s="72">
        <v>0</v>
      </c>
      <c r="DW26" s="244"/>
      <c r="DX26" s="71">
        <v>0</v>
      </c>
      <c r="DY26" s="71">
        <v>2</v>
      </c>
      <c r="DZ26" s="71">
        <v>0</v>
      </c>
      <c r="EA26" s="71">
        <v>0</v>
      </c>
      <c r="EB26" s="71">
        <v>1</v>
      </c>
      <c r="EC26" s="72">
        <v>3</v>
      </c>
      <c r="ED26" s="73">
        <v>3</v>
      </c>
      <c r="EE26" s="70">
        <v>3</v>
      </c>
      <c r="EF26" s="71">
        <v>2</v>
      </c>
      <c r="EG26" s="72">
        <v>5</v>
      </c>
      <c r="EH26" s="244"/>
      <c r="EI26" s="71">
        <v>2</v>
      </c>
      <c r="EJ26" s="71">
        <v>0</v>
      </c>
      <c r="EK26" s="71">
        <v>0</v>
      </c>
      <c r="EL26" s="71">
        <v>0</v>
      </c>
      <c r="EM26" s="71">
        <v>0</v>
      </c>
      <c r="EN26" s="72">
        <v>2</v>
      </c>
      <c r="EO26" s="73">
        <v>7</v>
      </c>
      <c r="EP26" s="70">
        <v>1</v>
      </c>
      <c r="EQ26" s="71">
        <v>3</v>
      </c>
      <c r="ER26" s="72">
        <v>4</v>
      </c>
      <c r="ES26" s="244"/>
      <c r="ET26" s="71">
        <v>3</v>
      </c>
      <c r="EU26" s="71">
        <v>2</v>
      </c>
      <c r="EV26" s="71">
        <v>1</v>
      </c>
      <c r="EW26" s="71">
        <v>1</v>
      </c>
      <c r="EX26" s="71">
        <v>1</v>
      </c>
      <c r="EY26" s="72">
        <v>8</v>
      </c>
      <c r="EZ26" s="73">
        <v>12</v>
      </c>
      <c r="FA26" s="70">
        <v>3</v>
      </c>
      <c r="FB26" s="71">
        <v>1</v>
      </c>
      <c r="FC26" s="72">
        <v>4</v>
      </c>
      <c r="FD26" s="244"/>
      <c r="FE26" s="71">
        <v>2</v>
      </c>
      <c r="FF26" s="71">
        <v>2</v>
      </c>
      <c r="FG26" s="71">
        <v>0</v>
      </c>
      <c r="FH26" s="71">
        <v>2</v>
      </c>
      <c r="FI26" s="71">
        <v>1</v>
      </c>
      <c r="FJ26" s="72">
        <v>7</v>
      </c>
      <c r="FK26" s="73">
        <v>11</v>
      </c>
      <c r="FL26" s="70">
        <v>1</v>
      </c>
      <c r="FM26" s="71">
        <v>0</v>
      </c>
      <c r="FN26" s="72">
        <v>1</v>
      </c>
      <c r="FO26" s="244"/>
      <c r="FP26" s="71">
        <v>6</v>
      </c>
      <c r="FQ26" s="71">
        <v>3</v>
      </c>
      <c r="FR26" s="71">
        <v>0</v>
      </c>
      <c r="FS26" s="71">
        <v>10</v>
      </c>
      <c r="FT26" s="71">
        <v>4</v>
      </c>
      <c r="FU26" s="72">
        <v>23</v>
      </c>
      <c r="FV26" s="73">
        <v>24</v>
      </c>
      <c r="FW26" s="70">
        <v>0</v>
      </c>
      <c r="FX26" s="71">
        <v>0</v>
      </c>
      <c r="FY26" s="72">
        <v>0</v>
      </c>
      <c r="FZ26" s="244"/>
      <c r="GA26" s="71">
        <v>0</v>
      </c>
      <c r="GB26" s="71">
        <v>0</v>
      </c>
      <c r="GC26" s="71">
        <v>0</v>
      </c>
      <c r="GD26" s="71">
        <v>0</v>
      </c>
      <c r="GE26" s="71">
        <v>0</v>
      </c>
      <c r="GF26" s="72">
        <v>0</v>
      </c>
      <c r="GG26" s="73">
        <v>0</v>
      </c>
      <c r="GH26" s="70">
        <v>8</v>
      </c>
      <c r="GI26" s="71">
        <v>7</v>
      </c>
      <c r="GJ26" s="72">
        <v>15</v>
      </c>
      <c r="GK26" s="244"/>
      <c r="GL26" s="71">
        <v>13</v>
      </c>
      <c r="GM26" s="71">
        <v>9</v>
      </c>
      <c r="GN26" s="71">
        <v>1</v>
      </c>
      <c r="GO26" s="71">
        <v>13</v>
      </c>
      <c r="GP26" s="71">
        <v>7</v>
      </c>
      <c r="GQ26" s="72">
        <v>43</v>
      </c>
      <c r="GR26" s="73">
        <v>58</v>
      </c>
      <c r="GS26" s="123">
        <v>22</v>
      </c>
      <c r="GT26" s="82">
        <v>23</v>
      </c>
      <c r="GU26" s="83">
        <v>45</v>
      </c>
      <c r="GV26" s="241"/>
      <c r="GW26" s="82">
        <v>38</v>
      </c>
      <c r="GX26" s="82">
        <v>31</v>
      </c>
      <c r="GY26" s="82">
        <v>24</v>
      </c>
      <c r="GZ26" s="82">
        <v>30</v>
      </c>
      <c r="HA26" s="82">
        <v>17</v>
      </c>
      <c r="HB26" s="84">
        <v>140</v>
      </c>
      <c r="HC26" s="85">
        <v>185</v>
      </c>
      <c r="HD26" s="70">
        <v>0</v>
      </c>
      <c r="HE26" s="71">
        <v>2</v>
      </c>
      <c r="HF26" s="72">
        <v>2</v>
      </c>
      <c r="HG26" s="244"/>
      <c r="HH26" s="71">
        <v>0</v>
      </c>
      <c r="HI26" s="71">
        <v>0</v>
      </c>
      <c r="HJ26" s="71">
        <v>0</v>
      </c>
      <c r="HK26" s="71">
        <v>0</v>
      </c>
      <c r="HL26" s="71">
        <v>0</v>
      </c>
      <c r="HM26" s="72">
        <v>0</v>
      </c>
      <c r="HN26" s="73">
        <v>2</v>
      </c>
      <c r="HO26" s="70">
        <v>4</v>
      </c>
      <c r="HP26" s="71">
        <v>2</v>
      </c>
      <c r="HQ26" s="72">
        <v>6</v>
      </c>
      <c r="HR26" s="244"/>
      <c r="HS26" s="71">
        <v>3</v>
      </c>
      <c r="HT26" s="71">
        <v>4</v>
      </c>
      <c r="HU26" s="71">
        <v>2</v>
      </c>
      <c r="HV26" s="71">
        <v>1</v>
      </c>
      <c r="HW26" s="71">
        <v>2</v>
      </c>
      <c r="HX26" s="72">
        <v>12</v>
      </c>
      <c r="HY26" s="73">
        <v>18</v>
      </c>
      <c r="HZ26" s="70">
        <v>7</v>
      </c>
      <c r="IA26" s="71">
        <v>2</v>
      </c>
      <c r="IB26" s="72">
        <v>9</v>
      </c>
      <c r="IC26" s="244"/>
      <c r="ID26" s="71">
        <v>7</v>
      </c>
      <c r="IE26" s="71">
        <v>5</v>
      </c>
      <c r="IF26" s="71">
        <v>1</v>
      </c>
      <c r="IG26" s="71">
        <v>3</v>
      </c>
      <c r="IH26" s="71">
        <v>4</v>
      </c>
      <c r="II26" s="72">
        <v>20</v>
      </c>
      <c r="IJ26" s="73">
        <v>29</v>
      </c>
      <c r="IK26" s="70">
        <v>1</v>
      </c>
      <c r="IL26" s="71">
        <v>10</v>
      </c>
      <c r="IM26" s="72">
        <v>11</v>
      </c>
      <c r="IN26" s="244"/>
      <c r="IO26" s="71">
        <v>9</v>
      </c>
      <c r="IP26" s="71">
        <v>5</v>
      </c>
      <c r="IQ26" s="71">
        <v>10</v>
      </c>
      <c r="IR26" s="71">
        <v>4</v>
      </c>
      <c r="IS26" s="71">
        <v>2</v>
      </c>
      <c r="IT26" s="72">
        <v>30</v>
      </c>
      <c r="IU26" s="73">
        <v>41</v>
      </c>
      <c r="IV26" s="70">
        <v>6</v>
      </c>
      <c r="IW26" s="71">
        <v>5</v>
      </c>
      <c r="IX26" s="72">
        <v>11</v>
      </c>
      <c r="IY26" s="244"/>
      <c r="IZ26" s="71">
        <v>7</v>
      </c>
      <c r="JA26" s="71">
        <v>11</v>
      </c>
      <c r="JB26" s="71">
        <v>9</v>
      </c>
      <c r="JC26" s="71">
        <v>4</v>
      </c>
      <c r="JD26" s="71">
        <v>4</v>
      </c>
      <c r="JE26" s="72">
        <v>35</v>
      </c>
      <c r="JF26" s="73">
        <v>46</v>
      </c>
      <c r="JG26" s="70">
        <v>4</v>
      </c>
      <c r="JH26" s="71">
        <v>2</v>
      </c>
      <c r="JI26" s="72">
        <v>6</v>
      </c>
      <c r="JJ26" s="244"/>
      <c r="JK26" s="71">
        <v>12</v>
      </c>
      <c r="JL26" s="71">
        <v>6</v>
      </c>
      <c r="JM26" s="71">
        <v>2</v>
      </c>
      <c r="JN26" s="71">
        <v>18</v>
      </c>
      <c r="JO26" s="71">
        <v>5</v>
      </c>
      <c r="JP26" s="72">
        <v>43</v>
      </c>
      <c r="JQ26" s="73">
        <v>49</v>
      </c>
      <c r="JR26" s="70">
        <v>0</v>
      </c>
      <c r="JS26" s="71">
        <v>0</v>
      </c>
      <c r="JT26" s="72">
        <v>0</v>
      </c>
      <c r="JU26" s="244"/>
      <c r="JV26" s="71">
        <v>0</v>
      </c>
      <c r="JW26" s="71">
        <v>0</v>
      </c>
      <c r="JX26" s="71">
        <v>0</v>
      </c>
      <c r="JY26" s="71">
        <v>0</v>
      </c>
      <c r="JZ26" s="71">
        <v>0</v>
      </c>
      <c r="KA26" s="72">
        <v>0</v>
      </c>
      <c r="KB26" s="73">
        <v>0</v>
      </c>
      <c r="KC26" s="70">
        <v>22</v>
      </c>
      <c r="KD26" s="71">
        <v>23</v>
      </c>
      <c r="KE26" s="72">
        <v>45</v>
      </c>
      <c r="KF26" s="244"/>
      <c r="KG26" s="71">
        <v>38</v>
      </c>
      <c r="KH26" s="71">
        <v>31</v>
      </c>
      <c r="KI26" s="71">
        <v>24</v>
      </c>
      <c r="KJ26" s="71">
        <v>30</v>
      </c>
      <c r="KK26" s="71">
        <v>17</v>
      </c>
      <c r="KL26" s="72">
        <v>140</v>
      </c>
      <c r="KM26" s="73">
        <v>185</v>
      </c>
    </row>
    <row r="27" spans="2:299" ht="19.5" customHeight="1" x14ac:dyDescent="0.2">
      <c r="B27" s="126" t="s">
        <v>24</v>
      </c>
      <c r="C27" s="316">
        <v>22</v>
      </c>
      <c r="D27" s="82">
        <v>16</v>
      </c>
      <c r="E27" s="83">
        <v>38</v>
      </c>
      <c r="F27" s="241"/>
      <c r="G27" s="82">
        <v>26</v>
      </c>
      <c r="H27" s="82">
        <v>21</v>
      </c>
      <c r="I27" s="82">
        <v>21</v>
      </c>
      <c r="J27" s="82">
        <v>12</v>
      </c>
      <c r="K27" s="82">
        <v>11</v>
      </c>
      <c r="L27" s="84">
        <v>91</v>
      </c>
      <c r="M27" s="85">
        <v>129</v>
      </c>
      <c r="N27" s="70">
        <v>0</v>
      </c>
      <c r="O27" s="71">
        <v>0</v>
      </c>
      <c r="P27" s="72">
        <v>0</v>
      </c>
      <c r="Q27" s="244"/>
      <c r="R27" s="71">
        <v>0</v>
      </c>
      <c r="S27" s="71">
        <v>0</v>
      </c>
      <c r="T27" s="71">
        <v>1</v>
      </c>
      <c r="U27" s="71">
        <v>0</v>
      </c>
      <c r="V27" s="71">
        <v>1</v>
      </c>
      <c r="W27" s="72">
        <v>2</v>
      </c>
      <c r="X27" s="73">
        <v>2</v>
      </c>
      <c r="Y27" s="70">
        <v>0</v>
      </c>
      <c r="Z27" s="71">
        <v>0</v>
      </c>
      <c r="AA27" s="72">
        <v>0</v>
      </c>
      <c r="AB27" s="244"/>
      <c r="AC27" s="71">
        <v>0</v>
      </c>
      <c r="AD27" s="71">
        <v>0</v>
      </c>
      <c r="AE27" s="71">
        <v>4</v>
      </c>
      <c r="AF27" s="71">
        <v>0</v>
      </c>
      <c r="AG27" s="71">
        <v>0</v>
      </c>
      <c r="AH27" s="72">
        <v>4</v>
      </c>
      <c r="AI27" s="73">
        <v>4</v>
      </c>
      <c r="AJ27" s="70">
        <v>3</v>
      </c>
      <c r="AK27" s="71">
        <v>2</v>
      </c>
      <c r="AL27" s="72">
        <v>5</v>
      </c>
      <c r="AM27" s="244"/>
      <c r="AN27" s="71">
        <v>4</v>
      </c>
      <c r="AO27" s="71">
        <v>2</v>
      </c>
      <c r="AP27" s="71">
        <v>1</v>
      </c>
      <c r="AQ27" s="71">
        <v>1</v>
      </c>
      <c r="AR27" s="71">
        <v>2</v>
      </c>
      <c r="AS27" s="72">
        <v>10</v>
      </c>
      <c r="AT27" s="73">
        <v>15</v>
      </c>
      <c r="AU27" s="70">
        <v>9</v>
      </c>
      <c r="AV27" s="71">
        <v>5</v>
      </c>
      <c r="AW27" s="72">
        <v>14</v>
      </c>
      <c r="AX27" s="244"/>
      <c r="AY27" s="71">
        <v>4</v>
      </c>
      <c r="AZ27" s="71">
        <v>6</v>
      </c>
      <c r="BA27" s="71">
        <v>5</v>
      </c>
      <c r="BB27" s="71">
        <v>2</v>
      </c>
      <c r="BC27" s="71">
        <v>2</v>
      </c>
      <c r="BD27" s="72">
        <v>19</v>
      </c>
      <c r="BE27" s="73">
        <v>33</v>
      </c>
      <c r="BF27" s="70">
        <v>8</v>
      </c>
      <c r="BG27" s="71">
        <v>6</v>
      </c>
      <c r="BH27" s="72">
        <v>14</v>
      </c>
      <c r="BI27" s="244"/>
      <c r="BJ27" s="71">
        <v>12</v>
      </c>
      <c r="BK27" s="71">
        <v>6</v>
      </c>
      <c r="BL27" s="71">
        <v>6</v>
      </c>
      <c r="BM27" s="71">
        <v>2</v>
      </c>
      <c r="BN27" s="71">
        <v>4</v>
      </c>
      <c r="BO27" s="72">
        <v>30</v>
      </c>
      <c r="BP27" s="73">
        <v>44</v>
      </c>
      <c r="BQ27" s="70">
        <v>2</v>
      </c>
      <c r="BR27" s="71">
        <v>3</v>
      </c>
      <c r="BS27" s="72">
        <v>5</v>
      </c>
      <c r="BT27" s="244"/>
      <c r="BU27" s="71">
        <v>6</v>
      </c>
      <c r="BV27" s="71">
        <v>7</v>
      </c>
      <c r="BW27" s="71">
        <v>4</v>
      </c>
      <c r="BX27" s="71">
        <v>7</v>
      </c>
      <c r="BY27" s="71">
        <v>2</v>
      </c>
      <c r="BZ27" s="72">
        <v>26</v>
      </c>
      <c r="CA27" s="73">
        <v>31</v>
      </c>
      <c r="CB27" s="70">
        <v>0</v>
      </c>
      <c r="CC27" s="71">
        <v>0</v>
      </c>
      <c r="CD27" s="72">
        <v>0</v>
      </c>
      <c r="CE27" s="244"/>
      <c r="CF27" s="71">
        <v>0</v>
      </c>
      <c r="CG27" s="71">
        <v>0</v>
      </c>
      <c r="CH27" s="71">
        <v>0</v>
      </c>
      <c r="CI27" s="71">
        <v>0</v>
      </c>
      <c r="CJ27" s="71">
        <v>0</v>
      </c>
      <c r="CK27" s="72">
        <v>0</v>
      </c>
      <c r="CL27" s="73">
        <v>0</v>
      </c>
      <c r="CM27" s="70">
        <v>22</v>
      </c>
      <c r="CN27" s="71">
        <v>16</v>
      </c>
      <c r="CO27" s="72">
        <v>38</v>
      </c>
      <c r="CP27" s="244"/>
      <c r="CQ27" s="71">
        <v>26</v>
      </c>
      <c r="CR27" s="71">
        <v>21</v>
      </c>
      <c r="CS27" s="71">
        <v>21</v>
      </c>
      <c r="CT27" s="71">
        <v>12</v>
      </c>
      <c r="CU27" s="71">
        <v>11</v>
      </c>
      <c r="CV27" s="72">
        <v>91</v>
      </c>
      <c r="CW27" s="73">
        <v>129</v>
      </c>
      <c r="CX27" s="123">
        <v>9</v>
      </c>
      <c r="CY27" s="82">
        <v>6</v>
      </c>
      <c r="CZ27" s="83">
        <v>15</v>
      </c>
      <c r="DA27" s="241"/>
      <c r="DB27" s="82">
        <v>9</v>
      </c>
      <c r="DC27" s="82">
        <v>8</v>
      </c>
      <c r="DD27" s="82">
        <v>6</v>
      </c>
      <c r="DE27" s="82">
        <v>5</v>
      </c>
      <c r="DF27" s="82">
        <v>5</v>
      </c>
      <c r="DG27" s="84">
        <v>33</v>
      </c>
      <c r="DH27" s="85">
        <v>48</v>
      </c>
      <c r="DI27" s="70">
        <v>0</v>
      </c>
      <c r="DJ27" s="71">
        <v>0</v>
      </c>
      <c r="DK27" s="72">
        <v>0</v>
      </c>
      <c r="DL27" s="244"/>
      <c r="DM27" s="71">
        <v>0</v>
      </c>
      <c r="DN27" s="71">
        <v>0</v>
      </c>
      <c r="DO27" s="71">
        <v>0</v>
      </c>
      <c r="DP27" s="71">
        <v>0</v>
      </c>
      <c r="DQ27" s="71">
        <v>0</v>
      </c>
      <c r="DR27" s="72">
        <v>0</v>
      </c>
      <c r="DS27" s="73">
        <v>0</v>
      </c>
      <c r="DT27" s="70">
        <v>1</v>
      </c>
      <c r="DU27" s="71">
        <v>0</v>
      </c>
      <c r="DV27" s="72">
        <v>1</v>
      </c>
      <c r="DW27" s="244"/>
      <c r="DX27" s="71">
        <v>1</v>
      </c>
      <c r="DY27" s="71">
        <v>0</v>
      </c>
      <c r="DZ27" s="71">
        <v>1</v>
      </c>
      <c r="EA27" s="71">
        <v>1</v>
      </c>
      <c r="EB27" s="71">
        <v>0</v>
      </c>
      <c r="EC27" s="72">
        <v>3</v>
      </c>
      <c r="ED27" s="73">
        <v>4</v>
      </c>
      <c r="EE27" s="70">
        <v>1</v>
      </c>
      <c r="EF27" s="71">
        <v>1</v>
      </c>
      <c r="EG27" s="72">
        <v>2</v>
      </c>
      <c r="EH27" s="244"/>
      <c r="EI27" s="71">
        <v>1</v>
      </c>
      <c r="EJ27" s="71">
        <v>1</v>
      </c>
      <c r="EK27" s="71">
        <v>0</v>
      </c>
      <c r="EL27" s="71">
        <v>0</v>
      </c>
      <c r="EM27" s="71">
        <v>0</v>
      </c>
      <c r="EN27" s="72">
        <v>2</v>
      </c>
      <c r="EO27" s="73">
        <v>4</v>
      </c>
      <c r="EP27" s="70">
        <v>1</v>
      </c>
      <c r="EQ27" s="71">
        <v>2</v>
      </c>
      <c r="ER27" s="72">
        <v>3</v>
      </c>
      <c r="ES27" s="244"/>
      <c r="ET27" s="71">
        <v>3</v>
      </c>
      <c r="EU27" s="71">
        <v>1</v>
      </c>
      <c r="EV27" s="71">
        <v>3</v>
      </c>
      <c r="EW27" s="71">
        <v>1</v>
      </c>
      <c r="EX27" s="71">
        <v>1</v>
      </c>
      <c r="EY27" s="72">
        <v>9</v>
      </c>
      <c r="EZ27" s="73">
        <v>12</v>
      </c>
      <c r="FA27" s="70">
        <v>4</v>
      </c>
      <c r="FB27" s="71">
        <v>1</v>
      </c>
      <c r="FC27" s="72">
        <v>5</v>
      </c>
      <c r="FD27" s="244"/>
      <c r="FE27" s="71">
        <v>1</v>
      </c>
      <c r="FF27" s="71">
        <v>2</v>
      </c>
      <c r="FG27" s="71">
        <v>1</v>
      </c>
      <c r="FH27" s="71">
        <v>1</v>
      </c>
      <c r="FI27" s="71">
        <v>3</v>
      </c>
      <c r="FJ27" s="72">
        <v>8</v>
      </c>
      <c r="FK27" s="73">
        <v>13</v>
      </c>
      <c r="FL27" s="70">
        <v>2</v>
      </c>
      <c r="FM27" s="71">
        <v>2</v>
      </c>
      <c r="FN27" s="72">
        <v>4</v>
      </c>
      <c r="FO27" s="244"/>
      <c r="FP27" s="71">
        <v>3</v>
      </c>
      <c r="FQ27" s="71">
        <v>4</v>
      </c>
      <c r="FR27" s="71">
        <v>1</v>
      </c>
      <c r="FS27" s="71">
        <v>2</v>
      </c>
      <c r="FT27" s="71">
        <v>1</v>
      </c>
      <c r="FU27" s="72">
        <v>11</v>
      </c>
      <c r="FV27" s="73">
        <v>15</v>
      </c>
      <c r="FW27" s="70">
        <v>0</v>
      </c>
      <c r="FX27" s="71">
        <v>0</v>
      </c>
      <c r="FY27" s="72">
        <v>0</v>
      </c>
      <c r="FZ27" s="244"/>
      <c r="GA27" s="71">
        <v>0</v>
      </c>
      <c r="GB27" s="71">
        <v>0</v>
      </c>
      <c r="GC27" s="71">
        <v>0</v>
      </c>
      <c r="GD27" s="71">
        <v>0</v>
      </c>
      <c r="GE27" s="71">
        <v>0</v>
      </c>
      <c r="GF27" s="72">
        <v>0</v>
      </c>
      <c r="GG27" s="73">
        <v>0</v>
      </c>
      <c r="GH27" s="70">
        <v>9</v>
      </c>
      <c r="GI27" s="71">
        <v>6</v>
      </c>
      <c r="GJ27" s="72">
        <v>15</v>
      </c>
      <c r="GK27" s="244"/>
      <c r="GL27" s="71">
        <v>9</v>
      </c>
      <c r="GM27" s="71">
        <v>8</v>
      </c>
      <c r="GN27" s="71">
        <v>6</v>
      </c>
      <c r="GO27" s="71">
        <v>5</v>
      </c>
      <c r="GP27" s="71">
        <v>5</v>
      </c>
      <c r="GQ27" s="72">
        <v>33</v>
      </c>
      <c r="GR27" s="73">
        <v>48</v>
      </c>
      <c r="GS27" s="123">
        <v>31</v>
      </c>
      <c r="GT27" s="82">
        <v>22</v>
      </c>
      <c r="GU27" s="83">
        <v>53</v>
      </c>
      <c r="GV27" s="241"/>
      <c r="GW27" s="82">
        <v>35</v>
      </c>
      <c r="GX27" s="82">
        <v>29</v>
      </c>
      <c r="GY27" s="82">
        <v>27</v>
      </c>
      <c r="GZ27" s="82">
        <v>17</v>
      </c>
      <c r="HA27" s="82">
        <v>16</v>
      </c>
      <c r="HB27" s="84">
        <v>124</v>
      </c>
      <c r="HC27" s="85">
        <v>177</v>
      </c>
      <c r="HD27" s="70">
        <v>0</v>
      </c>
      <c r="HE27" s="71">
        <v>0</v>
      </c>
      <c r="HF27" s="72">
        <v>0</v>
      </c>
      <c r="HG27" s="244"/>
      <c r="HH27" s="71">
        <v>0</v>
      </c>
      <c r="HI27" s="71">
        <v>0</v>
      </c>
      <c r="HJ27" s="71">
        <v>1</v>
      </c>
      <c r="HK27" s="71">
        <v>0</v>
      </c>
      <c r="HL27" s="71">
        <v>1</v>
      </c>
      <c r="HM27" s="72">
        <v>2</v>
      </c>
      <c r="HN27" s="73">
        <v>2</v>
      </c>
      <c r="HO27" s="70">
        <v>1</v>
      </c>
      <c r="HP27" s="71">
        <v>0</v>
      </c>
      <c r="HQ27" s="72">
        <v>1</v>
      </c>
      <c r="HR27" s="244"/>
      <c r="HS27" s="71">
        <v>1</v>
      </c>
      <c r="HT27" s="71">
        <v>0</v>
      </c>
      <c r="HU27" s="71">
        <v>5</v>
      </c>
      <c r="HV27" s="71">
        <v>1</v>
      </c>
      <c r="HW27" s="71">
        <v>0</v>
      </c>
      <c r="HX27" s="72">
        <v>7</v>
      </c>
      <c r="HY27" s="73">
        <v>8</v>
      </c>
      <c r="HZ27" s="70">
        <v>4</v>
      </c>
      <c r="IA27" s="71">
        <v>3</v>
      </c>
      <c r="IB27" s="72">
        <v>7</v>
      </c>
      <c r="IC27" s="244"/>
      <c r="ID27" s="71">
        <v>5</v>
      </c>
      <c r="IE27" s="71">
        <v>3</v>
      </c>
      <c r="IF27" s="71">
        <v>1</v>
      </c>
      <c r="IG27" s="71">
        <v>1</v>
      </c>
      <c r="IH27" s="71">
        <v>2</v>
      </c>
      <c r="II27" s="72">
        <v>12</v>
      </c>
      <c r="IJ27" s="73">
        <v>19</v>
      </c>
      <c r="IK27" s="70">
        <v>10</v>
      </c>
      <c r="IL27" s="71">
        <v>7</v>
      </c>
      <c r="IM27" s="72">
        <v>17</v>
      </c>
      <c r="IN27" s="244"/>
      <c r="IO27" s="71">
        <v>7</v>
      </c>
      <c r="IP27" s="71">
        <v>7</v>
      </c>
      <c r="IQ27" s="71">
        <v>8</v>
      </c>
      <c r="IR27" s="71">
        <v>3</v>
      </c>
      <c r="IS27" s="71">
        <v>3</v>
      </c>
      <c r="IT27" s="72">
        <v>28</v>
      </c>
      <c r="IU27" s="73">
        <v>45</v>
      </c>
      <c r="IV27" s="70">
        <v>12</v>
      </c>
      <c r="IW27" s="71">
        <v>7</v>
      </c>
      <c r="IX27" s="72">
        <v>19</v>
      </c>
      <c r="IY27" s="244"/>
      <c r="IZ27" s="71">
        <v>13</v>
      </c>
      <c r="JA27" s="71">
        <v>8</v>
      </c>
      <c r="JB27" s="71">
        <v>7</v>
      </c>
      <c r="JC27" s="71">
        <v>3</v>
      </c>
      <c r="JD27" s="71">
        <v>7</v>
      </c>
      <c r="JE27" s="72">
        <v>38</v>
      </c>
      <c r="JF27" s="73">
        <v>57</v>
      </c>
      <c r="JG27" s="70">
        <v>4</v>
      </c>
      <c r="JH27" s="71">
        <v>5</v>
      </c>
      <c r="JI27" s="72">
        <v>9</v>
      </c>
      <c r="JJ27" s="244"/>
      <c r="JK27" s="71">
        <v>9</v>
      </c>
      <c r="JL27" s="71">
        <v>11</v>
      </c>
      <c r="JM27" s="71">
        <v>5</v>
      </c>
      <c r="JN27" s="71">
        <v>9</v>
      </c>
      <c r="JO27" s="71">
        <v>3</v>
      </c>
      <c r="JP27" s="72">
        <v>37</v>
      </c>
      <c r="JQ27" s="73">
        <v>46</v>
      </c>
      <c r="JR27" s="70">
        <v>0</v>
      </c>
      <c r="JS27" s="71">
        <v>0</v>
      </c>
      <c r="JT27" s="72">
        <v>0</v>
      </c>
      <c r="JU27" s="244"/>
      <c r="JV27" s="71">
        <v>0</v>
      </c>
      <c r="JW27" s="71">
        <v>0</v>
      </c>
      <c r="JX27" s="71">
        <v>0</v>
      </c>
      <c r="JY27" s="71">
        <v>0</v>
      </c>
      <c r="JZ27" s="71">
        <v>0</v>
      </c>
      <c r="KA27" s="72">
        <v>0</v>
      </c>
      <c r="KB27" s="73">
        <v>0</v>
      </c>
      <c r="KC27" s="70">
        <v>31</v>
      </c>
      <c r="KD27" s="71">
        <v>22</v>
      </c>
      <c r="KE27" s="72">
        <v>53</v>
      </c>
      <c r="KF27" s="244"/>
      <c r="KG27" s="71">
        <v>35</v>
      </c>
      <c r="KH27" s="71">
        <v>29</v>
      </c>
      <c r="KI27" s="71">
        <v>27</v>
      </c>
      <c r="KJ27" s="71">
        <v>17</v>
      </c>
      <c r="KK27" s="71">
        <v>16</v>
      </c>
      <c r="KL27" s="72">
        <v>124</v>
      </c>
      <c r="KM27" s="73">
        <v>177</v>
      </c>
    </row>
    <row r="28" spans="2:299" ht="19.5" customHeight="1" x14ac:dyDescent="0.2">
      <c r="B28" s="126" t="s">
        <v>25</v>
      </c>
      <c r="C28" s="316">
        <v>6</v>
      </c>
      <c r="D28" s="82">
        <v>7</v>
      </c>
      <c r="E28" s="83">
        <v>13</v>
      </c>
      <c r="F28" s="241"/>
      <c r="G28" s="82">
        <v>13</v>
      </c>
      <c r="H28" s="82">
        <v>12</v>
      </c>
      <c r="I28" s="82">
        <v>7</v>
      </c>
      <c r="J28" s="82">
        <v>2</v>
      </c>
      <c r="K28" s="82">
        <v>5</v>
      </c>
      <c r="L28" s="84">
        <v>39</v>
      </c>
      <c r="M28" s="85">
        <v>52</v>
      </c>
      <c r="N28" s="70">
        <v>0</v>
      </c>
      <c r="O28" s="71">
        <v>0</v>
      </c>
      <c r="P28" s="72">
        <v>0</v>
      </c>
      <c r="Q28" s="244"/>
      <c r="R28" s="71">
        <v>0</v>
      </c>
      <c r="S28" s="71">
        <v>1</v>
      </c>
      <c r="T28" s="71">
        <v>0</v>
      </c>
      <c r="U28" s="71">
        <v>0</v>
      </c>
      <c r="V28" s="71">
        <v>1</v>
      </c>
      <c r="W28" s="72">
        <v>2</v>
      </c>
      <c r="X28" s="73">
        <v>2</v>
      </c>
      <c r="Y28" s="70">
        <v>1</v>
      </c>
      <c r="Z28" s="71">
        <v>0</v>
      </c>
      <c r="AA28" s="72">
        <v>1</v>
      </c>
      <c r="AB28" s="244"/>
      <c r="AC28" s="71">
        <v>2</v>
      </c>
      <c r="AD28" s="71">
        <v>2</v>
      </c>
      <c r="AE28" s="71">
        <v>0</v>
      </c>
      <c r="AF28" s="71">
        <v>0</v>
      </c>
      <c r="AG28" s="71">
        <v>1</v>
      </c>
      <c r="AH28" s="72">
        <v>5</v>
      </c>
      <c r="AI28" s="73">
        <v>6</v>
      </c>
      <c r="AJ28" s="70">
        <v>1</v>
      </c>
      <c r="AK28" s="71">
        <v>0</v>
      </c>
      <c r="AL28" s="72">
        <v>1</v>
      </c>
      <c r="AM28" s="244"/>
      <c r="AN28" s="71">
        <v>3</v>
      </c>
      <c r="AO28" s="71">
        <v>1</v>
      </c>
      <c r="AP28" s="71">
        <v>0</v>
      </c>
      <c r="AQ28" s="71">
        <v>0</v>
      </c>
      <c r="AR28" s="71">
        <v>0</v>
      </c>
      <c r="AS28" s="72">
        <v>4</v>
      </c>
      <c r="AT28" s="73">
        <v>5</v>
      </c>
      <c r="AU28" s="70">
        <v>3</v>
      </c>
      <c r="AV28" s="71">
        <v>4</v>
      </c>
      <c r="AW28" s="72">
        <v>7</v>
      </c>
      <c r="AX28" s="244"/>
      <c r="AY28" s="71">
        <v>2</v>
      </c>
      <c r="AZ28" s="71">
        <v>2</v>
      </c>
      <c r="BA28" s="71">
        <v>2</v>
      </c>
      <c r="BB28" s="71">
        <v>0</v>
      </c>
      <c r="BC28" s="71">
        <v>1</v>
      </c>
      <c r="BD28" s="72">
        <v>7</v>
      </c>
      <c r="BE28" s="73">
        <v>14</v>
      </c>
      <c r="BF28" s="70">
        <v>0</v>
      </c>
      <c r="BG28" s="71">
        <v>2</v>
      </c>
      <c r="BH28" s="72">
        <v>2</v>
      </c>
      <c r="BI28" s="244"/>
      <c r="BJ28" s="71">
        <v>3</v>
      </c>
      <c r="BK28" s="71">
        <v>1</v>
      </c>
      <c r="BL28" s="71">
        <v>4</v>
      </c>
      <c r="BM28" s="71">
        <v>1</v>
      </c>
      <c r="BN28" s="71">
        <v>2</v>
      </c>
      <c r="BO28" s="72">
        <v>11</v>
      </c>
      <c r="BP28" s="73">
        <v>13</v>
      </c>
      <c r="BQ28" s="70">
        <v>1</v>
      </c>
      <c r="BR28" s="71">
        <v>1</v>
      </c>
      <c r="BS28" s="72">
        <v>2</v>
      </c>
      <c r="BT28" s="244"/>
      <c r="BU28" s="71">
        <v>3</v>
      </c>
      <c r="BV28" s="71">
        <v>5</v>
      </c>
      <c r="BW28" s="71">
        <v>1</v>
      </c>
      <c r="BX28" s="71">
        <v>1</v>
      </c>
      <c r="BY28" s="71">
        <v>0</v>
      </c>
      <c r="BZ28" s="72">
        <v>10</v>
      </c>
      <c r="CA28" s="73">
        <v>12</v>
      </c>
      <c r="CB28" s="70">
        <v>0</v>
      </c>
      <c r="CC28" s="71">
        <v>0</v>
      </c>
      <c r="CD28" s="72">
        <v>0</v>
      </c>
      <c r="CE28" s="244"/>
      <c r="CF28" s="71">
        <v>0</v>
      </c>
      <c r="CG28" s="71">
        <v>0</v>
      </c>
      <c r="CH28" s="71">
        <v>0</v>
      </c>
      <c r="CI28" s="71">
        <v>0</v>
      </c>
      <c r="CJ28" s="71">
        <v>0</v>
      </c>
      <c r="CK28" s="72">
        <v>0</v>
      </c>
      <c r="CL28" s="73">
        <v>0</v>
      </c>
      <c r="CM28" s="70">
        <v>6</v>
      </c>
      <c r="CN28" s="71">
        <v>7</v>
      </c>
      <c r="CO28" s="72">
        <v>13</v>
      </c>
      <c r="CP28" s="244"/>
      <c r="CQ28" s="71">
        <v>13</v>
      </c>
      <c r="CR28" s="71">
        <v>12</v>
      </c>
      <c r="CS28" s="71">
        <v>7</v>
      </c>
      <c r="CT28" s="71">
        <v>2</v>
      </c>
      <c r="CU28" s="71">
        <v>5</v>
      </c>
      <c r="CV28" s="72">
        <v>39</v>
      </c>
      <c r="CW28" s="73">
        <v>52</v>
      </c>
      <c r="CX28" s="123">
        <v>11</v>
      </c>
      <c r="CY28" s="82">
        <v>13</v>
      </c>
      <c r="CZ28" s="83">
        <v>24</v>
      </c>
      <c r="DA28" s="241"/>
      <c r="DB28" s="82">
        <v>11</v>
      </c>
      <c r="DC28" s="82">
        <v>6</v>
      </c>
      <c r="DD28" s="82">
        <v>2</v>
      </c>
      <c r="DE28" s="82">
        <v>4</v>
      </c>
      <c r="DF28" s="82">
        <v>4</v>
      </c>
      <c r="DG28" s="84">
        <v>27</v>
      </c>
      <c r="DH28" s="85">
        <v>51</v>
      </c>
      <c r="DI28" s="70">
        <v>0</v>
      </c>
      <c r="DJ28" s="71">
        <v>1</v>
      </c>
      <c r="DK28" s="72">
        <v>1</v>
      </c>
      <c r="DL28" s="244"/>
      <c r="DM28" s="71">
        <v>0</v>
      </c>
      <c r="DN28" s="71">
        <v>0</v>
      </c>
      <c r="DO28" s="71">
        <v>0</v>
      </c>
      <c r="DP28" s="71">
        <v>0</v>
      </c>
      <c r="DQ28" s="71">
        <v>0</v>
      </c>
      <c r="DR28" s="72">
        <v>0</v>
      </c>
      <c r="DS28" s="73">
        <v>1</v>
      </c>
      <c r="DT28" s="70">
        <v>2</v>
      </c>
      <c r="DU28" s="71">
        <v>0</v>
      </c>
      <c r="DV28" s="72">
        <v>2</v>
      </c>
      <c r="DW28" s="244"/>
      <c r="DX28" s="71">
        <v>0</v>
      </c>
      <c r="DY28" s="71">
        <v>1</v>
      </c>
      <c r="DZ28" s="71">
        <v>0</v>
      </c>
      <c r="EA28" s="71">
        <v>0</v>
      </c>
      <c r="EB28" s="71">
        <v>1</v>
      </c>
      <c r="EC28" s="72">
        <v>2</v>
      </c>
      <c r="ED28" s="73">
        <v>4</v>
      </c>
      <c r="EE28" s="70">
        <v>1</v>
      </c>
      <c r="EF28" s="71">
        <v>2</v>
      </c>
      <c r="EG28" s="72">
        <v>3</v>
      </c>
      <c r="EH28" s="244"/>
      <c r="EI28" s="71">
        <v>0</v>
      </c>
      <c r="EJ28" s="71">
        <v>1</v>
      </c>
      <c r="EK28" s="71">
        <v>0</v>
      </c>
      <c r="EL28" s="71">
        <v>0</v>
      </c>
      <c r="EM28" s="71">
        <v>0</v>
      </c>
      <c r="EN28" s="72">
        <v>1</v>
      </c>
      <c r="EO28" s="73">
        <v>4</v>
      </c>
      <c r="EP28" s="70">
        <v>2</v>
      </c>
      <c r="EQ28" s="71">
        <v>2</v>
      </c>
      <c r="ER28" s="72">
        <v>4</v>
      </c>
      <c r="ES28" s="244"/>
      <c r="ET28" s="71">
        <v>1</v>
      </c>
      <c r="EU28" s="71">
        <v>0</v>
      </c>
      <c r="EV28" s="71">
        <v>0</v>
      </c>
      <c r="EW28" s="71">
        <v>1</v>
      </c>
      <c r="EX28" s="71">
        <v>0</v>
      </c>
      <c r="EY28" s="72">
        <v>2</v>
      </c>
      <c r="EZ28" s="73">
        <v>6</v>
      </c>
      <c r="FA28" s="70">
        <v>1</v>
      </c>
      <c r="FB28" s="71">
        <v>6</v>
      </c>
      <c r="FC28" s="72">
        <v>7</v>
      </c>
      <c r="FD28" s="244"/>
      <c r="FE28" s="71">
        <v>6</v>
      </c>
      <c r="FF28" s="71">
        <v>0</v>
      </c>
      <c r="FG28" s="71">
        <v>0</v>
      </c>
      <c r="FH28" s="71">
        <v>1</v>
      </c>
      <c r="FI28" s="71">
        <v>1</v>
      </c>
      <c r="FJ28" s="72">
        <v>8</v>
      </c>
      <c r="FK28" s="73">
        <v>15</v>
      </c>
      <c r="FL28" s="70">
        <v>5</v>
      </c>
      <c r="FM28" s="71">
        <v>2</v>
      </c>
      <c r="FN28" s="72">
        <v>7</v>
      </c>
      <c r="FO28" s="244"/>
      <c r="FP28" s="71">
        <v>4</v>
      </c>
      <c r="FQ28" s="71">
        <v>4</v>
      </c>
      <c r="FR28" s="71">
        <v>2</v>
      </c>
      <c r="FS28" s="71">
        <v>2</v>
      </c>
      <c r="FT28" s="71">
        <v>2</v>
      </c>
      <c r="FU28" s="72">
        <v>14</v>
      </c>
      <c r="FV28" s="73">
        <v>21</v>
      </c>
      <c r="FW28" s="70">
        <v>0</v>
      </c>
      <c r="FX28" s="71">
        <v>0</v>
      </c>
      <c r="FY28" s="72">
        <v>0</v>
      </c>
      <c r="FZ28" s="244"/>
      <c r="GA28" s="71">
        <v>0</v>
      </c>
      <c r="GB28" s="71">
        <v>0</v>
      </c>
      <c r="GC28" s="71">
        <v>0</v>
      </c>
      <c r="GD28" s="71">
        <v>0</v>
      </c>
      <c r="GE28" s="71">
        <v>0</v>
      </c>
      <c r="GF28" s="72">
        <v>0</v>
      </c>
      <c r="GG28" s="73">
        <v>0</v>
      </c>
      <c r="GH28" s="70">
        <v>11</v>
      </c>
      <c r="GI28" s="71">
        <v>13</v>
      </c>
      <c r="GJ28" s="72">
        <v>24</v>
      </c>
      <c r="GK28" s="244"/>
      <c r="GL28" s="71">
        <v>11</v>
      </c>
      <c r="GM28" s="71">
        <v>6</v>
      </c>
      <c r="GN28" s="71">
        <v>2</v>
      </c>
      <c r="GO28" s="71">
        <v>4</v>
      </c>
      <c r="GP28" s="71">
        <v>4</v>
      </c>
      <c r="GQ28" s="72">
        <v>27</v>
      </c>
      <c r="GR28" s="73">
        <v>51</v>
      </c>
      <c r="GS28" s="123">
        <v>17</v>
      </c>
      <c r="GT28" s="82">
        <v>20</v>
      </c>
      <c r="GU28" s="83">
        <v>37</v>
      </c>
      <c r="GV28" s="241"/>
      <c r="GW28" s="82">
        <v>24</v>
      </c>
      <c r="GX28" s="82">
        <v>18</v>
      </c>
      <c r="GY28" s="82">
        <v>9</v>
      </c>
      <c r="GZ28" s="82">
        <v>6</v>
      </c>
      <c r="HA28" s="82">
        <v>9</v>
      </c>
      <c r="HB28" s="84">
        <v>66</v>
      </c>
      <c r="HC28" s="85">
        <v>103</v>
      </c>
      <c r="HD28" s="70">
        <v>0</v>
      </c>
      <c r="HE28" s="71">
        <v>1</v>
      </c>
      <c r="HF28" s="72">
        <v>1</v>
      </c>
      <c r="HG28" s="244"/>
      <c r="HH28" s="71">
        <v>0</v>
      </c>
      <c r="HI28" s="71">
        <v>1</v>
      </c>
      <c r="HJ28" s="71">
        <v>0</v>
      </c>
      <c r="HK28" s="71">
        <v>0</v>
      </c>
      <c r="HL28" s="71">
        <v>1</v>
      </c>
      <c r="HM28" s="72">
        <v>2</v>
      </c>
      <c r="HN28" s="73">
        <v>3</v>
      </c>
      <c r="HO28" s="70">
        <v>3</v>
      </c>
      <c r="HP28" s="71">
        <v>0</v>
      </c>
      <c r="HQ28" s="72">
        <v>3</v>
      </c>
      <c r="HR28" s="244"/>
      <c r="HS28" s="71">
        <v>2</v>
      </c>
      <c r="HT28" s="71">
        <v>3</v>
      </c>
      <c r="HU28" s="71">
        <v>0</v>
      </c>
      <c r="HV28" s="71">
        <v>0</v>
      </c>
      <c r="HW28" s="71">
        <v>2</v>
      </c>
      <c r="HX28" s="72">
        <v>7</v>
      </c>
      <c r="HY28" s="73">
        <v>10</v>
      </c>
      <c r="HZ28" s="70">
        <v>2</v>
      </c>
      <c r="IA28" s="71">
        <v>2</v>
      </c>
      <c r="IB28" s="72">
        <v>4</v>
      </c>
      <c r="IC28" s="244"/>
      <c r="ID28" s="71">
        <v>3</v>
      </c>
      <c r="IE28" s="71">
        <v>2</v>
      </c>
      <c r="IF28" s="71">
        <v>0</v>
      </c>
      <c r="IG28" s="71">
        <v>0</v>
      </c>
      <c r="IH28" s="71">
        <v>0</v>
      </c>
      <c r="II28" s="72">
        <v>5</v>
      </c>
      <c r="IJ28" s="73">
        <v>9</v>
      </c>
      <c r="IK28" s="70">
        <v>5</v>
      </c>
      <c r="IL28" s="71">
        <v>6</v>
      </c>
      <c r="IM28" s="72">
        <v>11</v>
      </c>
      <c r="IN28" s="244"/>
      <c r="IO28" s="71">
        <v>3</v>
      </c>
      <c r="IP28" s="71">
        <v>2</v>
      </c>
      <c r="IQ28" s="71">
        <v>2</v>
      </c>
      <c r="IR28" s="71">
        <v>1</v>
      </c>
      <c r="IS28" s="71">
        <v>1</v>
      </c>
      <c r="IT28" s="72">
        <v>9</v>
      </c>
      <c r="IU28" s="73">
        <v>20</v>
      </c>
      <c r="IV28" s="70">
        <v>1</v>
      </c>
      <c r="IW28" s="71">
        <v>8</v>
      </c>
      <c r="IX28" s="72">
        <v>9</v>
      </c>
      <c r="IY28" s="244"/>
      <c r="IZ28" s="71">
        <v>9</v>
      </c>
      <c r="JA28" s="71">
        <v>1</v>
      </c>
      <c r="JB28" s="71">
        <v>4</v>
      </c>
      <c r="JC28" s="71">
        <v>2</v>
      </c>
      <c r="JD28" s="71">
        <v>3</v>
      </c>
      <c r="JE28" s="72">
        <v>19</v>
      </c>
      <c r="JF28" s="73">
        <v>28</v>
      </c>
      <c r="JG28" s="70">
        <v>6</v>
      </c>
      <c r="JH28" s="71">
        <v>3</v>
      </c>
      <c r="JI28" s="72">
        <v>9</v>
      </c>
      <c r="JJ28" s="244"/>
      <c r="JK28" s="71">
        <v>7</v>
      </c>
      <c r="JL28" s="71">
        <v>9</v>
      </c>
      <c r="JM28" s="71">
        <v>3</v>
      </c>
      <c r="JN28" s="71">
        <v>3</v>
      </c>
      <c r="JO28" s="71">
        <v>2</v>
      </c>
      <c r="JP28" s="72">
        <v>24</v>
      </c>
      <c r="JQ28" s="73">
        <v>33</v>
      </c>
      <c r="JR28" s="70">
        <v>0</v>
      </c>
      <c r="JS28" s="71">
        <v>0</v>
      </c>
      <c r="JT28" s="72">
        <v>0</v>
      </c>
      <c r="JU28" s="244"/>
      <c r="JV28" s="71">
        <v>0</v>
      </c>
      <c r="JW28" s="71">
        <v>0</v>
      </c>
      <c r="JX28" s="71">
        <v>0</v>
      </c>
      <c r="JY28" s="71">
        <v>0</v>
      </c>
      <c r="JZ28" s="71">
        <v>0</v>
      </c>
      <c r="KA28" s="72">
        <v>0</v>
      </c>
      <c r="KB28" s="73">
        <v>0</v>
      </c>
      <c r="KC28" s="70">
        <v>17</v>
      </c>
      <c r="KD28" s="71">
        <v>20</v>
      </c>
      <c r="KE28" s="72">
        <v>37</v>
      </c>
      <c r="KF28" s="244"/>
      <c r="KG28" s="71">
        <v>24</v>
      </c>
      <c r="KH28" s="71">
        <v>18</v>
      </c>
      <c r="KI28" s="71">
        <v>9</v>
      </c>
      <c r="KJ28" s="71">
        <v>6</v>
      </c>
      <c r="KK28" s="71">
        <v>9</v>
      </c>
      <c r="KL28" s="72">
        <v>66</v>
      </c>
      <c r="KM28" s="73">
        <v>103</v>
      </c>
    </row>
    <row r="29" spans="2:299" ht="19.5" customHeight="1" x14ac:dyDescent="0.2">
      <c r="B29" s="126" t="s">
        <v>26</v>
      </c>
      <c r="C29" s="316">
        <v>15</v>
      </c>
      <c r="D29" s="82">
        <v>11</v>
      </c>
      <c r="E29" s="83">
        <v>26</v>
      </c>
      <c r="F29" s="241"/>
      <c r="G29" s="82">
        <v>23</v>
      </c>
      <c r="H29" s="82">
        <v>20</v>
      </c>
      <c r="I29" s="82">
        <v>8</v>
      </c>
      <c r="J29" s="82">
        <v>4</v>
      </c>
      <c r="K29" s="82">
        <v>2</v>
      </c>
      <c r="L29" s="84">
        <v>57</v>
      </c>
      <c r="M29" s="85">
        <v>83</v>
      </c>
      <c r="N29" s="70">
        <v>1</v>
      </c>
      <c r="O29" s="71">
        <v>0</v>
      </c>
      <c r="P29" s="72">
        <v>1</v>
      </c>
      <c r="Q29" s="244"/>
      <c r="R29" s="71">
        <v>2</v>
      </c>
      <c r="S29" s="71">
        <v>1</v>
      </c>
      <c r="T29" s="71">
        <v>0</v>
      </c>
      <c r="U29" s="71">
        <v>0</v>
      </c>
      <c r="V29" s="71">
        <v>0</v>
      </c>
      <c r="W29" s="72">
        <v>3</v>
      </c>
      <c r="X29" s="73">
        <v>4</v>
      </c>
      <c r="Y29" s="70">
        <v>2</v>
      </c>
      <c r="Z29" s="71">
        <v>0</v>
      </c>
      <c r="AA29" s="72">
        <v>2</v>
      </c>
      <c r="AB29" s="244"/>
      <c r="AC29" s="71">
        <v>0</v>
      </c>
      <c r="AD29" s="71">
        <v>3</v>
      </c>
      <c r="AE29" s="71">
        <v>1</v>
      </c>
      <c r="AF29" s="71">
        <v>0</v>
      </c>
      <c r="AG29" s="71">
        <v>0</v>
      </c>
      <c r="AH29" s="72">
        <v>4</v>
      </c>
      <c r="AI29" s="73">
        <v>6</v>
      </c>
      <c r="AJ29" s="70">
        <v>0</v>
      </c>
      <c r="AK29" s="71">
        <v>2</v>
      </c>
      <c r="AL29" s="72">
        <v>2</v>
      </c>
      <c r="AM29" s="244"/>
      <c r="AN29" s="71">
        <v>3</v>
      </c>
      <c r="AO29" s="71">
        <v>3</v>
      </c>
      <c r="AP29" s="71">
        <v>1</v>
      </c>
      <c r="AQ29" s="71">
        <v>1</v>
      </c>
      <c r="AR29" s="71">
        <v>0</v>
      </c>
      <c r="AS29" s="72">
        <v>8</v>
      </c>
      <c r="AT29" s="73">
        <v>10</v>
      </c>
      <c r="AU29" s="70">
        <v>1</v>
      </c>
      <c r="AV29" s="71">
        <v>2</v>
      </c>
      <c r="AW29" s="72">
        <v>3</v>
      </c>
      <c r="AX29" s="244"/>
      <c r="AY29" s="71">
        <v>6</v>
      </c>
      <c r="AZ29" s="71">
        <v>2</v>
      </c>
      <c r="BA29" s="71">
        <v>2</v>
      </c>
      <c r="BB29" s="71">
        <v>0</v>
      </c>
      <c r="BC29" s="71">
        <v>0</v>
      </c>
      <c r="BD29" s="72">
        <v>10</v>
      </c>
      <c r="BE29" s="73">
        <v>13</v>
      </c>
      <c r="BF29" s="70">
        <v>7</v>
      </c>
      <c r="BG29" s="71">
        <v>4</v>
      </c>
      <c r="BH29" s="72">
        <v>11</v>
      </c>
      <c r="BI29" s="244"/>
      <c r="BJ29" s="71">
        <v>2</v>
      </c>
      <c r="BK29" s="71">
        <v>7</v>
      </c>
      <c r="BL29" s="71">
        <v>1</v>
      </c>
      <c r="BM29" s="71">
        <v>1</v>
      </c>
      <c r="BN29" s="71">
        <v>2</v>
      </c>
      <c r="BO29" s="72">
        <v>13</v>
      </c>
      <c r="BP29" s="73">
        <v>24</v>
      </c>
      <c r="BQ29" s="70">
        <v>4</v>
      </c>
      <c r="BR29" s="71">
        <v>3</v>
      </c>
      <c r="BS29" s="72">
        <v>7</v>
      </c>
      <c r="BT29" s="244"/>
      <c r="BU29" s="71">
        <v>10</v>
      </c>
      <c r="BV29" s="71">
        <v>4</v>
      </c>
      <c r="BW29" s="71">
        <v>3</v>
      </c>
      <c r="BX29" s="71">
        <v>2</v>
      </c>
      <c r="BY29" s="71">
        <v>0</v>
      </c>
      <c r="BZ29" s="72">
        <v>19</v>
      </c>
      <c r="CA29" s="73">
        <v>26</v>
      </c>
      <c r="CB29" s="70">
        <v>0</v>
      </c>
      <c r="CC29" s="71">
        <v>0</v>
      </c>
      <c r="CD29" s="72">
        <v>0</v>
      </c>
      <c r="CE29" s="244"/>
      <c r="CF29" s="71">
        <v>0</v>
      </c>
      <c r="CG29" s="71">
        <v>0</v>
      </c>
      <c r="CH29" s="71">
        <v>0</v>
      </c>
      <c r="CI29" s="71">
        <v>0</v>
      </c>
      <c r="CJ29" s="71">
        <v>0</v>
      </c>
      <c r="CK29" s="72">
        <v>0</v>
      </c>
      <c r="CL29" s="73">
        <v>0</v>
      </c>
      <c r="CM29" s="70">
        <v>15</v>
      </c>
      <c r="CN29" s="71">
        <v>11</v>
      </c>
      <c r="CO29" s="72">
        <v>26</v>
      </c>
      <c r="CP29" s="244"/>
      <c r="CQ29" s="71">
        <v>23</v>
      </c>
      <c r="CR29" s="71">
        <v>20</v>
      </c>
      <c r="CS29" s="71">
        <v>8</v>
      </c>
      <c r="CT29" s="71">
        <v>4</v>
      </c>
      <c r="CU29" s="71">
        <v>2</v>
      </c>
      <c r="CV29" s="72">
        <v>57</v>
      </c>
      <c r="CW29" s="73">
        <v>83</v>
      </c>
      <c r="CX29" s="123">
        <v>6</v>
      </c>
      <c r="CY29" s="82">
        <v>6</v>
      </c>
      <c r="CZ29" s="83">
        <v>12</v>
      </c>
      <c r="DA29" s="241"/>
      <c r="DB29" s="82">
        <v>6</v>
      </c>
      <c r="DC29" s="82">
        <v>3</v>
      </c>
      <c r="DD29" s="82">
        <v>1</v>
      </c>
      <c r="DE29" s="82">
        <v>4</v>
      </c>
      <c r="DF29" s="82">
        <v>3</v>
      </c>
      <c r="DG29" s="84">
        <v>17</v>
      </c>
      <c r="DH29" s="85">
        <v>29</v>
      </c>
      <c r="DI29" s="70">
        <v>0</v>
      </c>
      <c r="DJ29" s="71">
        <v>0</v>
      </c>
      <c r="DK29" s="72">
        <v>0</v>
      </c>
      <c r="DL29" s="244"/>
      <c r="DM29" s="71">
        <v>0</v>
      </c>
      <c r="DN29" s="71">
        <v>0</v>
      </c>
      <c r="DO29" s="71">
        <v>0</v>
      </c>
      <c r="DP29" s="71">
        <v>0</v>
      </c>
      <c r="DQ29" s="71">
        <v>0</v>
      </c>
      <c r="DR29" s="72">
        <v>0</v>
      </c>
      <c r="DS29" s="73">
        <v>0</v>
      </c>
      <c r="DT29" s="70">
        <v>1</v>
      </c>
      <c r="DU29" s="71">
        <v>0</v>
      </c>
      <c r="DV29" s="72">
        <v>1</v>
      </c>
      <c r="DW29" s="244"/>
      <c r="DX29" s="71">
        <v>0</v>
      </c>
      <c r="DY29" s="71">
        <v>0</v>
      </c>
      <c r="DZ29" s="71">
        <v>0</v>
      </c>
      <c r="EA29" s="71">
        <v>0</v>
      </c>
      <c r="EB29" s="71">
        <v>0</v>
      </c>
      <c r="EC29" s="72">
        <v>0</v>
      </c>
      <c r="ED29" s="73">
        <v>1</v>
      </c>
      <c r="EE29" s="70">
        <v>2</v>
      </c>
      <c r="EF29" s="71">
        <v>0</v>
      </c>
      <c r="EG29" s="72">
        <v>2</v>
      </c>
      <c r="EH29" s="244"/>
      <c r="EI29" s="71">
        <v>0</v>
      </c>
      <c r="EJ29" s="71">
        <v>0</v>
      </c>
      <c r="EK29" s="71">
        <v>0</v>
      </c>
      <c r="EL29" s="71">
        <v>0</v>
      </c>
      <c r="EM29" s="71">
        <v>0</v>
      </c>
      <c r="EN29" s="72">
        <v>0</v>
      </c>
      <c r="EO29" s="73">
        <v>2</v>
      </c>
      <c r="EP29" s="70">
        <v>0</v>
      </c>
      <c r="EQ29" s="71">
        <v>0</v>
      </c>
      <c r="ER29" s="72">
        <v>0</v>
      </c>
      <c r="ES29" s="244"/>
      <c r="ET29" s="71">
        <v>0</v>
      </c>
      <c r="EU29" s="71">
        <v>0</v>
      </c>
      <c r="EV29" s="71">
        <v>0</v>
      </c>
      <c r="EW29" s="71">
        <v>0</v>
      </c>
      <c r="EX29" s="71">
        <v>0</v>
      </c>
      <c r="EY29" s="72">
        <v>0</v>
      </c>
      <c r="EZ29" s="73">
        <v>0</v>
      </c>
      <c r="FA29" s="70">
        <v>0</v>
      </c>
      <c r="FB29" s="71">
        <v>3</v>
      </c>
      <c r="FC29" s="72">
        <v>3</v>
      </c>
      <c r="FD29" s="244"/>
      <c r="FE29" s="71">
        <v>2</v>
      </c>
      <c r="FF29" s="71">
        <v>3</v>
      </c>
      <c r="FG29" s="71">
        <v>1</v>
      </c>
      <c r="FH29" s="71">
        <v>0</v>
      </c>
      <c r="FI29" s="71">
        <v>0</v>
      </c>
      <c r="FJ29" s="72">
        <v>6</v>
      </c>
      <c r="FK29" s="73">
        <v>9</v>
      </c>
      <c r="FL29" s="70">
        <v>3</v>
      </c>
      <c r="FM29" s="71">
        <v>3</v>
      </c>
      <c r="FN29" s="72">
        <v>6</v>
      </c>
      <c r="FO29" s="244"/>
      <c r="FP29" s="71">
        <v>4</v>
      </c>
      <c r="FQ29" s="71">
        <v>0</v>
      </c>
      <c r="FR29" s="71">
        <v>0</v>
      </c>
      <c r="FS29" s="71">
        <v>4</v>
      </c>
      <c r="FT29" s="71">
        <v>3</v>
      </c>
      <c r="FU29" s="72">
        <v>11</v>
      </c>
      <c r="FV29" s="73">
        <v>17</v>
      </c>
      <c r="FW29" s="70">
        <v>0</v>
      </c>
      <c r="FX29" s="71">
        <v>0</v>
      </c>
      <c r="FY29" s="72">
        <v>0</v>
      </c>
      <c r="FZ29" s="244"/>
      <c r="GA29" s="71">
        <v>0</v>
      </c>
      <c r="GB29" s="71">
        <v>0</v>
      </c>
      <c r="GC29" s="71">
        <v>0</v>
      </c>
      <c r="GD29" s="71">
        <v>0</v>
      </c>
      <c r="GE29" s="71">
        <v>0</v>
      </c>
      <c r="GF29" s="72">
        <v>0</v>
      </c>
      <c r="GG29" s="73">
        <v>0</v>
      </c>
      <c r="GH29" s="70">
        <v>6</v>
      </c>
      <c r="GI29" s="71">
        <v>6</v>
      </c>
      <c r="GJ29" s="72">
        <v>12</v>
      </c>
      <c r="GK29" s="244"/>
      <c r="GL29" s="71">
        <v>6</v>
      </c>
      <c r="GM29" s="71">
        <v>3</v>
      </c>
      <c r="GN29" s="71">
        <v>1</v>
      </c>
      <c r="GO29" s="71">
        <v>4</v>
      </c>
      <c r="GP29" s="71">
        <v>3</v>
      </c>
      <c r="GQ29" s="72">
        <v>17</v>
      </c>
      <c r="GR29" s="73">
        <v>29</v>
      </c>
      <c r="GS29" s="123">
        <v>21</v>
      </c>
      <c r="GT29" s="82">
        <v>17</v>
      </c>
      <c r="GU29" s="83">
        <v>38</v>
      </c>
      <c r="GV29" s="241"/>
      <c r="GW29" s="82">
        <v>29</v>
      </c>
      <c r="GX29" s="82">
        <v>23</v>
      </c>
      <c r="GY29" s="82">
        <v>9</v>
      </c>
      <c r="GZ29" s="82">
        <v>8</v>
      </c>
      <c r="HA29" s="82">
        <v>5</v>
      </c>
      <c r="HB29" s="84">
        <v>74</v>
      </c>
      <c r="HC29" s="85">
        <v>112</v>
      </c>
      <c r="HD29" s="70">
        <v>1</v>
      </c>
      <c r="HE29" s="71">
        <v>0</v>
      </c>
      <c r="HF29" s="72">
        <v>1</v>
      </c>
      <c r="HG29" s="244"/>
      <c r="HH29" s="71">
        <v>2</v>
      </c>
      <c r="HI29" s="71">
        <v>1</v>
      </c>
      <c r="HJ29" s="71">
        <v>0</v>
      </c>
      <c r="HK29" s="71">
        <v>0</v>
      </c>
      <c r="HL29" s="71">
        <v>0</v>
      </c>
      <c r="HM29" s="72">
        <v>3</v>
      </c>
      <c r="HN29" s="73">
        <v>4</v>
      </c>
      <c r="HO29" s="70">
        <v>3</v>
      </c>
      <c r="HP29" s="71">
        <v>0</v>
      </c>
      <c r="HQ29" s="72">
        <v>3</v>
      </c>
      <c r="HR29" s="244"/>
      <c r="HS29" s="71">
        <v>0</v>
      </c>
      <c r="HT29" s="71">
        <v>3</v>
      </c>
      <c r="HU29" s="71">
        <v>1</v>
      </c>
      <c r="HV29" s="71">
        <v>0</v>
      </c>
      <c r="HW29" s="71">
        <v>0</v>
      </c>
      <c r="HX29" s="72">
        <v>4</v>
      </c>
      <c r="HY29" s="73">
        <v>7</v>
      </c>
      <c r="HZ29" s="70">
        <v>2</v>
      </c>
      <c r="IA29" s="71">
        <v>2</v>
      </c>
      <c r="IB29" s="72">
        <v>4</v>
      </c>
      <c r="IC29" s="244"/>
      <c r="ID29" s="71">
        <v>3</v>
      </c>
      <c r="IE29" s="71">
        <v>3</v>
      </c>
      <c r="IF29" s="71">
        <v>1</v>
      </c>
      <c r="IG29" s="71">
        <v>1</v>
      </c>
      <c r="IH29" s="71">
        <v>0</v>
      </c>
      <c r="II29" s="72">
        <v>8</v>
      </c>
      <c r="IJ29" s="73">
        <v>12</v>
      </c>
      <c r="IK29" s="70">
        <v>1</v>
      </c>
      <c r="IL29" s="71">
        <v>2</v>
      </c>
      <c r="IM29" s="72">
        <v>3</v>
      </c>
      <c r="IN29" s="244"/>
      <c r="IO29" s="71">
        <v>6</v>
      </c>
      <c r="IP29" s="71">
        <v>2</v>
      </c>
      <c r="IQ29" s="71">
        <v>2</v>
      </c>
      <c r="IR29" s="71">
        <v>0</v>
      </c>
      <c r="IS29" s="71">
        <v>0</v>
      </c>
      <c r="IT29" s="72">
        <v>10</v>
      </c>
      <c r="IU29" s="73">
        <v>13</v>
      </c>
      <c r="IV29" s="70">
        <v>7</v>
      </c>
      <c r="IW29" s="71">
        <v>7</v>
      </c>
      <c r="IX29" s="72">
        <v>14</v>
      </c>
      <c r="IY29" s="244"/>
      <c r="IZ29" s="71">
        <v>4</v>
      </c>
      <c r="JA29" s="71">
        <v>10</v>
      </c>
      <c r="JB29" s="71">
        <v>2</v>
      </c>
      <c r="JC29" s="71">
        <v>1</v>
      </c>
      <c r="JD29" s="71">
        <v>2</v>
      </c>
      <c r="JE29" s="72">
        <v>19</v>
      </c>
      <c r="JF29" s="73">
        <v>33</v>
      </c>
      <c r="JG29" s="70">
        <v>7</v>
      </c>
      <c r="JH29" s="71">
        <v>6</v>
      </c>
      <c r="JI29" s="72">
        <v>13</v>
      </c>
      <c r="JJ29" s="244"/>
      <c r="JK29" s="71">
        <v>14</v>
      </c>
      <c r="JL29" s="71">
        <v>4</v>
      </c>
      <c r="JM29" s="71">
        <v>3</v>
      </c>
      <c r="JN29" s="71">
        <v>6</v>
      </c>
      <c r="JO29" s="71">
        <v>3</v>
      </c>
      <c r="JP29" s="72">
        <v>30</v>
      </c>
      <c r="JQ29" s="73">
        <v>43</v>
      </c>
      <c r="JR29" s="70">
        <v>0</v>
      </c>
      <c r="JS29" s="71">
        <v>0</v>
      </c>
      <c r="JT29" s="72">
        <v>0</v>
      </c>
      <c r="JU29" s="244"/>
      <c r="JV29" s="71">
        <v>0</v>
      </c>
      <c r="JW29" s="71">
        <v>0</v>
      </c>
      <c r="JX29" s="71">
        <v>0</v>
      </c>
      <c r="JY29" s="71">
        <v>0</v>
      </c>
      <c r="JZ29" s="71">
        <v>0</v>
      </c>
      <c r="KA29" s="72">
        <v>0</v>
      </c>
      <c r="KB29" s="73">
        <v>0</v>
      </c>
      <c r="KC29" s="70">
        <v>21</v>
      </c>
      <c r="KD29" s="71">
        <v>17</v>
      </c>
      <c r="KE29" s="72">
        <v>38</v>
      </c>
      <c r="KF29" s="244"/>
      <c r="KG29" s="71">
        <v>29</v>
      </c>
      <c r="KH29" s="71">
        <v>23</v>
      </c>
      <c r="KI29" s="71">
        <v>9</v>
      </c>
      <c r="KJ29" s="71">
        <v>8</v>
      </c>
      <c r="KK29" s="71">
        <v>5</v>
      </c>
      <c r="KL29" s="72">
        <v>74</v>
      </c>
      <c r="KM29" s="73">
        <v>112</v>
      </c>
    </row>
    <row r="30" spans="2:299" ht="19.5" customHeight="1" x14ac:dyDescent="0.2">
      <c r="B30" s="126" t="s">
        <v>27</v>
      </c>
      <c r="C30" s="316">
        <v>14</v>
      </c>
      <c r="D30" s="82">
        <v>20</v>
      </c>
      <c r="E30" s="83">
        <v>34</v>
      </c>
      <c r="F30" s="241"/>
      <c r="G30" s="82">
        <v>15</v>
      </c>
      <c r="H30" s="82">
        <v>11</v>
      </c>
      <c r="I30" s="82">
        <v>10</v>
      </c>
      <c r="J30" s="82">
        <v>5</v>
      </c>
      <c r="K30" s="82">
        <v>2</v>
      </c>
      <c r="L30" s="84">
        <v>43</v>
      </c>
      <c r="M30" s="85">
        <v>77</v>
      </c>
      <c r="N30" s="70">
        <v>2</v>
      </c>
      <c r="O30" s="71">
        <v>0</v>
      </c>
      <c r="P30" s="72">
        <v>2</v>
      </c>
      <c r="Q30" s="244"/>
      <c r="R30" s="71">
        <v>0</v>
      </c>
      <c r="S30" s="71">
        <v>0</v>
      </c>
      <c r="T30" s="71">
        <v>1</v>
      </c>
      <c r="U30" s="71">
        <v>0</v>
      </c>
      <c r="V30" s="71">
        <v>0</v>
      </c>
      <c r="W30" s="72">
        <v>1</v>
      </c>
      <c r="X30" s="73">
        <v>3</v>
      </c>
      <c r="Y30" s="70">
        <v>1</v>
      </c>
      <c r="Z30" s="71">
        <v>1</v>
      </c>
      <c r="AA30" s="72">
        <v>2</v>
      </c>
      <c r="AB30" s="244"/>
      <c r="AC30" s="71">
        <v>1</v>
      </c>
      <c r="AD30" s="71">
        <v>1</v>
      </c>
      <c r="AE30" s="71">
        <v>0</v>
      </c>
      <c r="AF30" s="71">
        <v>0</v>
      </c>
      <c r="AG30" s="71">
        <v>0</v>
      </c>
      <c r="AH30" s="72">
        <v>2</v>
      </c>
      <c r="AI30" s="73">
        <v>4</v>
      </c>
      <c r="AJ30" s="70">
        <v>1</v>
      </c>
      <c r="AK30" s="71">
        <v>5</v>
      </c>
      <c r="AL30" s="72">
        <v>6</v>
      </c>
      <c r="AM30" s="244"/>
      <c r="AN30" s="71">
        <v>1</v>
      </c>
      <c r="AO30" s="71">
        <v>1</v>
      </c>
      <c r="AP30" s="71">
        <v>2</v>
      </c>
      <c r="AQ30" s="71">
        <v>1</v>
      </c>
      <c r="AR30" s="71">
        <v>0</v>
      </c>
      <c r="AS30" s="72">
        <v>5</v>
      </c>
      <c r="AT30" s="73">
        <v>11</v>
      </c>
      <c r="AU30" s="70">
        <v>3</v>
      </c>
      <c r="AV30" s="71">
        <v>4</v>
      </c>
      <c r="AW30" s="72">
        <v>7</v>
      </c>
      <c r="AX30" s="244"/>
      <c r="AY30" s="71">
        <v>4</v>
      </c>
      <c r="AZ30" s="71">
        <v>2</v>
      </c>
      <c r="BA30" s="71">
        <v>4</v>
      </c>
      <c r="BB30" s="71">
        <v>0</v>
      </c>
      <c r="BC30" s="71">
        <v>1</v>
      </c>
      <c r="BD30" s="72">
        <v>11</v>
      </c>
      <c r="BE30" s="73">
        <v>18</v>
      </c>
      <c r="BF30" s="70">
        <v>3</v>
      </c>
      <c r="BG30" s="71">
        <v>8</v>
      </c>
      <c r="BH30" s="72">
        <v>11</v>
      </c>
      <c r="BI30" s="244"/>
      <c r="BJ30" s="71">
        <v>5</v>
      </c>
      <c r="BK30" s="71">
        <v>4</v>
      </c>
      <c r="BL30" s="71">
        <v>1</v>
      </c>
      <c r="BM30" s="71">
        <v>3</v>
      </c>
      <c r="BN30" s="71">
        <v>0</v>
      </c>
      <c r="BO30" s="72">
        <v>13</v>
      </c>
      <c r="BP30" s="73">
        <v>24</v>
      </c>
      <c r="BQ30" s="70">
        <v>4</v>
      </c>
      <c r="BR30" s="71">
        <v>2</v>
      </c>
      <c r="BS30" s="72">
        <v>6</v>
      </c>
      <c r="BT30" s="244"/>
      <c r="BU30" s="71">
        <v>4</v>
      </c>
      <c r="BV30" s="71">
        <v>3</v>
      </c>
      <c r="BW30" s="71">
        <v>2</v>
      </c>
      <c r="BX30" s="71">
        <v>1</v>
      </c>
      <c r="BY30" s="71">
        <v>1</v>
      </c>
      <c r="BZ30" s="72">
        <v>11</v>
      </c>
      <c r="CA30" s="73">
        <v>17</v>
      </c>
      <c r="CB30" s="70">
        <v>0</v>
      </c>
      <c r="CC30" s="71">
        <v>0</v>
      </c>
      <c r="CD30" s="72">
        <v>0</v>
      </c>
      <c r="CE30" s="244"/>
      <c r="CF30" s="71">
        <v>0</v>
      </c>
      <c r="CG30" s="71">
        <v>0</v>
      </c>
      <c r="CH30" s="71">
        <v>0</v>
      </c>
      <c r="CI30" s="71">
        <v>0</v>
      </c>
      <c r="CJ30" s="71">
        <v>0</v>
      </c>
      <c r="CK30" s="72">
        <v>0</v>
      </c>
      <c r="CL30" s="73">
        <v>0</v>
      </c>
      <c r="CM30" s="70">
        <v>14</v>
      </c>
      <c r="CN30" s="71">
        <v>20</v>
      </c>
      <c r="CO30" s="72">
        <v>34</v>
      </c>
      <c r="CP30" s="244"/>
      <c r="CQ30" s="71">
        <v>15</v>
      </c>
      <c r="CR30" s="71">
        <v>11</v>
      </c>
      <c r="CS30" s="71">
        <v>10</v>
      </c>
      <c r="CT30" s="71">
        <v>5</v>
      </c>
      <c r="CU30" s="71">
        <v>2</v>
      </c>
      <c r="CV30" s="72">
        <v>43</v>
      </c>
      <c r="CW30" s="73">
        <v>77</v>
      </c>
      <c r="CX30" s="123">
        <v>3</v>
      </c>
      <c r="CY30" s="82">
        <v>5</v>
      </c>
      <c r="CZ30" s="83">
        <v>8</v>
      </c>
      <c r="DA30" s="241"/>
      <c r="DB30" s="82">
        <v>4</v>
      </c>
      <c r="DC30" s="82">
        <v>3</v>
      </c>
      <c r="DD30" s="82">
        <v>7</v>
      </c>
      <c r="DE30" s="82">
        <v>2</v>
      </c>
      <c r="DF30" s="82">
        <v>1</v>
      </c>
      <c r="DG30" s="84">
        <v>17</v>
      </c>
      <c r="DH30" s="85">
        <v>25</v>
      </c>
      <c r="DI30" s="70">
        <v>0</v>
      </c>
      <c r="DJ30" s="71">
        <v>0</v>
      </c>
      <c r="DK30" s="72">
        <v>0</v>
      </c>
      <c r="DL30" s="244"/>
      <c r="DM30" s="71">
        <v>0</v>
      </c>
      <c r="DN30" s="71">
        <v>0</v>
      </c>
      <c r="DO30" s="71">
        <v>0</v>
      </c>
      <c r="DP30" s="71">
        <v>0</v>
      </c>
      <c r="DQ30" s="71">
        <v>0</v>
      </c>
      <c r="DR30" s="72">
        <v>0</v>
      </c>
      <c r="DS30" s="73">
        <v>0</v>
      </c>
      <c r="DT30" s="70">
        <v>0</v>
      </c>
      <c r="DU30" s="71">
        <v>1</v>
      </c>
      <c r="DV30" s="72">
        <v>1</v>
      </c>
      <c r="DW30" s="244"/>
      <c r="DX30" s="71">
        <v>0</v>
      </c>
      <c r="DY30" s="71">
        <v>0</v>
      </c>
      <c r="DZ30" s="71">
        <v>0</v>
      </c>
      <c r="EA30" s="71">
        <v>0</v>
      </c>
      <c r="EB30" s="71">
        <v>0</v>
      </c>
      <c r="EC30" s="72">
        <v>0</v>
      </c>
      <c r="ED30" s="73">
        <v>1</v>
      </c>
      <c r="EE30" s="70">
        <v>0</v>
      </c>
      <c r="EF30" s="71">
        <v>0</v>
      </c>
      <c r="EG30" s="72">
        <v>0</v>
      </c>
      <c r="EH30" s="244"/>
      <c r="EI30" s="71">
        <v>0</v>
      </c>
      <c r="EJ30" s="71">
        <v>2</v>
      </c>
      <c r="EK30" s="71">
        <v>0</v>
      </c>
      <c r="EL30" s="71">
        <v>0</v>
      </c>
      <c r="EM30" s="71">
        <v>0</v>
      </c>
      <c r="EN30" s="72">
        <v>2</v>
      </c>
      <c r="EO30" s="73">
        <v>2</v>
      </c>
      <c r="EP30" s="70">
        <v>2</v>
      </c>
      <c r="EQ30" s="71">
        <v>0</v>
      </c>
      <c r="ER30" s="72">
        <v>2</v>
      </c>
      <c r="ES30" s="244"/>
      <c r="ET30" s="71">
        <v>1</v>
      </c>
      <c r="EU30" s="71">
        <v>0</v>
      </c>
      <c r="EV30" s="71">
        <v>0</v>
      </c>
      <c r="EW30" s="71">
        <v>0</v>
      </c>
      <c r="EX30" s="71">
        <v>0</v>
      </c>
      <c r="EY30" s="72">
        <v>1</v>
      </c>
      <c r="EZ30" s="73">
        <v>3</v>
      </c>
      <c r="FA30" s="70">
        <v>1</v>
      </c>
      <c r="FB30" s="71">
        <v>3</v>
      </c>
      <c r="FC30" s="72">
        <v>4</v>
      </c>
      <c r="FD30" s="244"/>
      <c r="FE30" s="71">
        <v>2</v>
      </c>
      <c r="FF30" s="71">
        <v>0</v>
      </c>
      <c r="FG30" s="71">
        <v>3</v>
      </c>
      <c r="FH30" s="71">
        <v>0</v>
      </c>
      <c r="FI30" s="71">
        <v>0</v>
      </c>
      <c r="FJ30" s="72">
        <v>5</v>
      </c>
      <c r="FK30" s="73">
        <v>9</v>
      </c>
      <c r="FL30" s="70">
        <v>0</v>
      </c>
      <c r="FM30" s="71">
        <v>1</v>
      </c>
      <c r="FN30" s="72">
        <v>1</v>
      </c>
      <c r="FO30" s="244"/>
      <c r="FP30" s="71">
        <v>1</v>
      </c>
      <c r="FQ30" s="71">
        <v>1</v>
      </c>
      <c r="FR30" s="71">
        <v>4</v>
      </c>
      <c r="FS30" s="71">
        <v>2</v>
      </c>
      <c r="FT30" s="71">
        <v>1</v>
      </c>
      <c r="FU30" s="72">
        <v>9</v>
      </c>
      <c r="FV30" s="73">
        <v>10</v>
      </c>
      <c r="FW30" s="70">
        <v>0</v>
      </c>
      <c r="FX30" s="71">
        <v>0</v>
      </c>
      <c r="FY30" s="72">
        <v>0</v>
      </c>
      <c r="FZ30" s="244"/>
      <c r="GA30" s="71">
        <v>0</v>
      </c>
      <c r="GB30" s="71">
        <v>0</v>
      </c>
      <c r="GC30" s="71">
        <v>0</v>
      </c>
      <c r="GD30" s="71">
        <v>0</v>
      </c>
      <c r="GE30" s="71">
        <v>0</v>
      </c>
      <c r="GF30" s="72">
        <v>0</v>
      </c>
      <c r="GG30" s="73">
        <v>0</v>
      </c>
      <c r="GH30" s="70">
        <v>3</v>
      </c>
      <c r="GI30" s="71">
        <v>5</v>
      </c>
      <c r="GJ30" s="72">
        <v>8</v>
      </c>
      <c r="GK30" s="244"/>
      <c r="GL30" s="71">
        <v>4</v>
      </c>
      <c r="GM30" s="71">
        <v>3</v>
      </c>
      <c r="GN30" s="71">
        <v>7</v>
      </c>
      <c r="GO30" s="71">
        <v>2</v>
      </c>
      <c r="GP30" s="71">
        <v>1</v>
      </c>
      <c r="GQ30" s="72">
        <v>17</v>
      </c>
      <c r="GR30" s="73">
        <v>25</v>
      </c>
      <c r="GS30" s="123">
        <v>17</v>
      </c>
      <c r="GT30" s="82">
        <v>25</v>
      </c>
      <c r="GU30" s="83">
        <v>42</v>
      </c>
      <c r="GV30" s="241"/>
      <c r="GW30" s="82">
        <v>19</v>
      </c>
      <c r="GX30" s="82">
        <v>14</v>
      </c>
      <c r="GY30" s="82">
        <v>17</v>
      </c>
      <c r="GZ30" s="82">
        <v>7</v>
      </c>
      <c r="HA30" s="82">
        <v>3</v>
      </c>
      <c r="HB30" s="84">
        <v>60</v>
      </c>
      <c r="HC30" s="85">
        <v>102</v>
      </c>
      <c r="HD30" s="70">
        <v>2</v>
      </c>
      <c r="HE30" s="71">
        <v>0</v>
      </c>
      <c r="HF30" s="72">
        <v>2</v>
      </c>
      <c r="HG30" s="244"/>
      <c r="HH30" s="71">
        <v>0</v>
      </c>
      <c r="HI30" s="71">
        <v>0</v>
      </c>
      <c r="HJ30" s="71">
        <v>1</v>
      </c>
      <c r="HK30" s="71">
        <v>0</v>
      </c>
      <c r="HL30" s="71">
        <v>0</v>
      </c>
      <c r="HM30" s="72">
        <v>1</v>
      </c>
      <c r="HN30" s="73">
        <v>3</v>
      </c>
      <c r="HO30" s="70">
        <v>1</v>
      </c>
      <c r="HP30" s="71">
        <v>2</v>
      </c>
      <c r="HQ30" s="72">
        <v>3</v>
      </c>
      <c r="HR30" s="244"/>
      <c r="HS30" s="71">
        <v>1</v>
      </c>
      <c r="HT30" s="71">
        <v>1</v>
      </c>
      <c r="HU30" s="71">
        <v>0</v>
      </c>
      <c r="HV30" s="71">
        <v>0</v>
      </c>
      <c r="HW30" s="71">
        <v>0</v>
      </c>
      <c r="HX30" s="72">
        <v>2</v>
      </c>
      <c r="HY30" s="73">
        <v>5</v>
      </c>
      <c r="HZ30" s="70">
        <v>1</v>
      </c>
      <c r="IA30" s="71">
        <v>5</v>
      </c>
      <c r="IB30" s="72">
        <v>6</v>
      </c>
      <c r="IC30" s="244"/>
      <c r="ID30" s="71">
        <v>1</v>
      </c>
      <c r="IE30" s="71">
        <v>3</v>
      </c>
      <c r="IF30" s="71">
        <v>2</v>
      </c>
      <c r="IG30" s="71">
        <v>1</v>
      </c>
      <c r="IH30" s="71">
        <v>0</v>
      </c>
      <c r="II30" s="72">
        <v>7</v>
      </c>
      <c r="IJ30" s="73">
        <v>13</v>
      </c>
      <c r="IK30" s="70">
        <v>5</v>
      </c>
      <c r="IL30" s="71">
        <v>4</v>
      </c>
      <c r="IM30" s="72">
        <v>9</v>
      </c>
      <c r="IN30" s="244"/>
      <c r="IO30" s="71">
        <v>5</v>
      </c>
      <c r="IP30" s="71">
        <v>2</v>
      </c>
      <c r="IQ30" s="71">
        <v>4</v>
      </c>
      <c r="IR30" s="71">
        <v>0</v>
      </c>
      <c r="IS30" s="71">
        <v>1</v>
      </c>
      <c r="IT30" s="72">
        <v>12</v>
      </c>
      <c r="IU30" s="73">
        <v>21</v>
      </c>
      <c r="IV30" s="70">
        <v>4</v>
      </c>
      <c r="IW30" s="71">
        <v>11</v>
      </c>
      <c r="IX30" s="72">
        <v>15</v>
      </c>
      <c r="IY30" s="244"/>
      <c r="IZ30" s="71">
        <v>7</v>
      </c>
      <c r="JA30" s="71">
        <v>4</v>
      </c>
      <c r="JB30" s="71">
        <v>4</v>
      </c>
      <c r="JC30" s="71">
        <v>3</v>
      </c>
      <c r="JD30" s="71">
        <v>0</v>
      </c>
      <c r="JE30" s="72">
        <v>18</v>
      </c>
      <c r="JF30" s="73">
        <v>33</v>
      </c>
      <c r="JG30" s="70">
        <v>4</v>
      </c>
      <c r="JH30" s="71">
        <v>3</v>
      </c>
      <c r="JI30" s="72">
        <v>7</v>
      </c>
      <c r="JJ30" s="244"/>
      <c r="JK30" s="71">
        <v>5</v>
      </c>
      <c r="JL30" s="71">
        <v>4</v>
      </c>
      <c r="JM30" s="71">
        <v>6</v>
      </c>
      <c r="JN30" s="71">
        <v>3</v>
      </c>
      <c r="JO30" s="71">
        <v>2</v>
      </c>
      <c r="JP30" s="72">
        <v>20</v>
      </c>
      <c r="JQ30" s="73">
        <v>27</v>
      </c>
      <c r="JR30" s="70">
        <v>0</v>
      </c>
      <c r="JS30" s="71">
        <v>0</v>
      </c>
      <c r="JT30" s="72">
        <v>0</v>
      </c>
      <c r="JU30" s="244"/>
      <c r="JV30" s="71">
        <v>0</v>
      </c>
      <c r="JW30" s="71">
        <v>0</v>
      </c>
      <c r="JX30" s="71">
        <v>0</v>
      </c>
      <c r="JY30" s="71">
        <v>0</v>
      </c>
      <c r="JZ30" s="71">
        <v>0</v>
      </c>
      <c r="KA30" s="72">
        <v>0</v>
      </c>
      <c r="KB30" s="73">
        <v>0</v>
      </c>
      <c r="KC30" s="70">
        <v>17</v>
      </c>
      <c r="KD30" s="71">
        <v>25</v>
      </c>
      <c r="KE30" s="72">
        <v>42</v>
      </c>
      <c r="KF30" s="244"/>
      <c r="KG30" s="71">
        <v>19</v>
      </c>
      <c r="KH30" s="71">
        <v>14</v>
      </c>
      <c r="KI30" s="71">
        <v>17</v>
      </c>
      <c r="KJ30" s="71">
        <v>7</v>
      </c>
      <c r="KK30" s="71">
        <v>3</v>
      </c>
      <c r="KL30" s="72">
        <v>60</v>
      </c>
      <c r="KM30" s="73">
        <v>102</v>
      </c>
    </row>
    <row r="31" spans="2:299" ht="19.5" customHeight="1" x14ac:dyDescent="0.2">
      <c r="B31" s="126" t="s">
        <v>28</v>
      </c>
      <c r="C31" s="316">
        <v>2</v>
      </c>
      <c r="D31" s="82">
        <v>1</v>
      </c>
      <c r="E31" s="83">
        <v>3</v>
      </c>
      <c r="F31" s="241"/>
      <c r="G31" s="82">
        <v>10</v>
      </c>
      <c r="H31" s="82">
        <v>4</v>
      </c>
      <c r="I31" s="82">
        <v>3</v>
      </c>
      <c r="J31" s="82">
        <v>2</v>
      </c>
      <c r="K31" s="82">
        <v>4</v>
      </c>
      <c r="L31" s="84">
        <v>23</v>
      </c>
      <c r="M31" s="85">
        <v>26</v>
      </c>
      <c r="N31" s="70">
        <v>0</v>
      </c>
      <c r="O31" s="71">
        <v>0</v>
      </c>
      <c r="P31" s="72">
        <v>0</v>
      </c>
      <c r="Q31" s="244"/>
      <c r="R31" s="71">
        <v>0</v>
      </c>
      <c r="S31" s="71">
        <v>0</v>
      </c>
      <c r="T31" s="71">
        <v>1</v>
      </c>
      <c r="U31" s="71">
        <v>0</v>
      </c>
      <c r="V31" s="71">
        <v>0</v>
      </c>
      <c r="W31" s="72">
        <v>1</v>
      </c>
      <c r="X31" s="73">
        <v>1</v>
      </c>
      <c r="Y31" s="70">
        <v>0</v>
      </c>
      <c r="Z31" s="71">
        <v>1</v>
      </c>
      <c r="AA31" s="72">
        <v>1</v>
      </c>
      <c r="AB31" s="244"/>
      <c r="AC31" s="71">
        <v>1</v>
      </c>
      <c r="AD31" s="71">
        <v>1</v>
      </c>
      <c r="AE31" s="71">
        <v>0</v>
      </c>
      <c r="AF31" s="71">
        <v>0</v>
      </c>
      <c r="AG31" s="71">
        <v>0</v>
      </c>
      <c r="AH31" s="72">
        <v>2</v>
      </c>
      <c r="AI31" s="73">
        <v>3</v>
      </c>
      <c r="AJ31" s="70">
        <v>0</v>
      </c>
      <c r="AK31" s="71">
        <v>0</v>
      </c>
      <c r="AL31" s="72">
        <v>0</v>
      </c>
      <c r="AM31" s="244"/>
      <c r="AN31" s="71">
        <v>1</v>
      </c>
      <c r="AO31" s="71">
        <v>2</v>
      </c>
      <c r="AP31" s="71">
        <v>0</v>
      </c>
      <c r="AQ31" s="71">
        <v>0</v>
      </c>
      <c r="AR31" s="71">
        <v>0</v>
      </c>
      <c r="AS31" s="72">
        <v>3</v>
      </c>
      <c r="AT31" s="73">
        <v>3</v>
      </c>
      <c r="AU31" s="70">
        <v>1</v>
      </c>
      <c r="AV31" s="71">
        <v>0</v>
      </c>
      <c r="AW31" s="72">
        <v>1</v>
      </c>
      <c r="AX31" s="244"/>
      <c r="AY31" s="71">
        <v>2</v>
      </c>
      <c r="AZ31" s="71">
        <v>0</v>
      </c>
      <c r="BA31" s="71">
        <v>0</v>
      </c>
      <c r="BB31" s="71">
        <v>0</v>
      </c>
      <c r="BC31" s="71">
        <v>2</v>
      </c>
      <c r="BD31" s="72">
        <v>4</v>
      </c>
      <c r="BE31" s="73">
        <v>5</v>
      </c>
      <c r="BF31" s="70">
        <v>1</v>
      </c>
      <c r="BG31" s="71">
        <v>0</v>
      </c>
      <c r="BH31" s="72">
        <v>1</v>
      </c>
      <c r="BI31" s="244"/>
      <c r="BJ31" s="71">
        <v>3</v>
      </c>
      <c r="BK31" s="71">
        <v>0</v>
      </c>
      <c r="BL31" s="71">
        <v>0</v>
      </c>
      <c r="BM31" s="71">
        <v>1</v>
      </c>
      <c r="BN31" s="71">
        <v>0</v>
      </c>
      <c r="BO31" s="72">
        <v>4</v>
      </c>
      <c r="BP31" s="73">
        <v>5</v>
      </c>
      <c r="BQ31" s="70">
        <v>0</v>
      </c>
      <c r="BR31" s="71">
        <v>0</v>
      </c>
      <c r="BS31" s="72">
        <v>0</v>
      </c>
      <c r="BT31" s="244"/>
      <c r="BU31" s="71">
        <v>3</v>
      </c>
      <c r="BV31" s="71">
        <v>1</v>
      </c>
      <c r="BW31" s="71">
        <v>2</v>
      </c>
      <c r="BX31" s="71">
        <v>1</v>
      </c>
      <c r="BY31" s="71">
        <v>2</v>
      </c>
      <c r="BZ31" s="72">
        <v>9</v>
      </c>
      <c r="CA31" s="73">
        <v>9</v>
      </c>
      <c r="CB31" s="70">
        <v>0</v>
      </c>
      <c r="CC31" s="71">
        <v>0</v>
      </c>
      <c r="CD31" s="72">
        <v>0</v>
      </c>
      <c r="CE31" s="244"/>
      <c r="CF31" s="71">
        <v>0</v>
      </c>
      <c r="CG31" s="71">
        <v>0</v>
      </c>
      <c r="CH31" s="71">
        <v>0</v>
      </c>
      <c r="CI31" s="71">
        <v>0</v>
      </c>
      <c r="CJ31" s="71">
        <v>0</v>
      </c>
      <c r="CK31" s="72">
        <v>0</v>
      </c>
      <c r="CL31" s="73">
        <v>0</v>
      </c>
      <c r="CM31" s="70">
        <v>2</v>
      </c>
      <c r="CN31" s="71">
        <v>1</v>
      </c>
      <c r="CO31" s="72">
        <v>3</v>
      </c>
      <c r="CP31" s="244"/>
      <c r="CQ31" s="71">
        <v>10</v>
      </c>
      <c r="CR31" s="71">
        <v>4</v>
      </c>
      <c r="CS31" s="71">
        <v>3</v>
      </c>
      <c r="CT31" s="71">
        <v>2</v>
      </c>
      <c r="CU31" s="71">
        <v>4</v>
      </c>
      <c r="CV31" s="72">
        <v>23</v>
      </c>
      <c r="CW31" s="73">
        <v>26</v>
      </c>
      <c r="CX31" s="123">
        <v>0</v>
      </c>
      <c r="CY31" s="82">
        <v>0</v>
      </c>
      <c r="CZ31" s="83">
        <v>0</v>
      </c>
      <c r="DA31" s="241"/>
      <c r="DB31" s="82">
        <v>0</v>
      </c>
      <c r="DC31" s="82">
        <v>1</v>
      </c>
      <c r="DD31" s="82">
        <v>1</v>
      </c>
      <c r="DE31" s="82">
        <v>2</v>
      </c>
      <c r="DF31" s="82">
        <v>0</v>
      </c>
      <c r="DG31" s="84">
        <v>4</v>
      </c>
      <c r="DH31" s="85">
        <v>4</v>
      </c>
      <c r="DI31" s="70">
        <v>0</v>
      </c>
      <c r="DJ31" s="71">
        <v>0</v>
      </c>
      <c r="DK31" s="72">
        <v>0</v>
      </c>
      <c r="DL31" s="244"/>
      <c r="DM31" s="71">
        <v>0</v>
      </c>
      <c r="DN31" s="71">
        <v>0</v>
      </c>
      <c r="DO31" s="71">
        <v>0</v>
      </c>
      <c r="DP31" s="71">
        <v>0</v>
      </c>
      <c r="DQ31" s="71">
        <v>0</v>
      </c>
      <c r="DR31" s="72">
        <v>0</v>
      </c>
      <c r="DS31" s="73">
        <v>0</v>
      </c>
      <c r="DT31" s="70">
        <v>0</v>
      </c>
      <c r="DU31" s="71">
        <v>0</v>
      </c>
      <c r="DV31" s="72">
        <v>0</v>
      </c>
      <c r="DW31" s="244"/>
      <c r="DX31" s="71">
        <v>0</v>
      </c>
      <c r="DY31" s="71">
        <v>0</v>
      </c>
      <c r="DZ31" s="71">
        <v>1</v>
      </c>
      <c r="EA31" s="71">
        <v>0</v>
      </c>
      <c r="EB31" s="71">
        <v>0</v>
      </c>
      <c r="EC31" s="72">
        <v>1</v>
      </c>
      <c r="ED31" s="73">
        <v>1</v>
      </c>
      <c r="EE31" s="70">
        <v>0</v>
      </c>
      <c r="EF31" s="71">
        <v>0</v>
      </c>
      <c r="EG31" s="72">
        <v>0</v>
      </c>
      <c r="EH31" s="244"/>
      <c r="EI31" s="71">
        <v>0</v>
      </c>
      <c r="EJ31" s="71">
        <v>0</v>
      </c>
      <c r="EK31" s="71">
        <v>0</v>
      </c>
      <c r="EL31" s="71">
        <v>0</v>
      </c>
      <c r="EM31" s="71">
        <v>0</v>
      </c>
      <c r="EN31" s="72">
        <v>0</v>
      </c>
      <c r="EO31" s="73">
        <v>0</v>
      </c>
      <c r="EP31" s="70">
        <v>0</v>
      </c>
      <c r="EQ31" s="71">
        <v>0</v>
      </c>
      <c r="ER31" s="72">
        <v>0</v>
      </c>
      <c r="ES31" s="244"/>
      <c r="ET31" s="71">
        <v>0</v>
      </c>
      <c r="EU31" s="71">
        <v>1</v>
      </c>
      <c r="EV31" s="71">
        <v>0</v>
      </c>
      <c r="EW31" s="71">
        <v>0</v>
      </c>
      <c r="EX31" s="71">
        <v>0</v>
      </c>
      <c r="EY31" s="72">
        <v>1</v>
      </c>
      <c r="EZ31" s="73">
        <v>1</v>
      </c>
      <c r="FA31" s="70">
        <v>0</v>
      </c>
      <c r="FB31" s="71">
        <v>0</v>
      </c>
      <c r="FC31" s="72">
        <v>0</v>
      </c>
      <c r="FD31" s="244"/>
      <c r="FE31" s="71">
        <v>0</v>
      </c>
      <c r="FF31" s="71">
        <v>0</v>
      </c>
      <c r="FG31" s="71">
        <v>0</v>
      </c>
      <c r="FH31" s="71">
        <v>2</v>
      </c>
      <c r="FI31" s="71">
        <v>0</v>
      </c>
      <c r="FJ31" s="72">
        <v>2</v>
      </c>
      <c r="FK31" s="73">
        <v>2</v>
      </c>
      <c r="FL31" s="70">
        <v>0</v>
      </c>
      <c r="FM31" s="71">
        <v>0</v>
      </c>
      <c r="FN31" s="72">
        <v>0</v>
      </c>
      <c r="FO31" s="244"/>
      <c r="FP31" s="71">
        <v>0</v>
      </c>
      <c r="FQ31" s="71">
        <v>0</v>
      </c>
      <c r="FR31" s="71">
        <v>0</v>
      </c>
      <c r="FS31" s="71">
        <v>0</v>
      </c>
      <c r="FT31" s="71">
        <v>0</v>
      </c>
      <c r="FU31" s="72">
        <v>0</v>
      </c>
      <c r="FV31" s="73">
        <v>0</v>
      </c>
      <c r="FW31" s="70">
        <v>0</v>
      </c>
      <c r="FX31" s="71">
        <v>0</v>
      </c>
      <c r="FY31" s="72">
        <v>0</v>
      </c>
      <c r="FZ31" s="244"/>
      <c r="GA31" s="71">
        <v>0</v>
      </c>
      <c r="GB31" s="71">
        <v>0</v>
      </c>
      <c r="GC31" s="71">
        <v>0</v>
      </c>
      <c r="GD31" s="71">
        <v>0</v>
      </c>
      <c r="GE31" s="71">
        <v>0</v>
      </c>
      <c r="GF31" s="72">
        <v>0</v>
      </c>
      <c r="GG31" s="73">
        <v>0</v>
      </c>
      <c r="GH31" s="70">
        <v>0</v>
      </c>
      <c r="GI31" s="71">
        <v>0</v>
      </c>
      <c r="GJ31" s="72">
        <v>0</v>
      </c>
      <c r="GK31" s="244"/>
      <c r="GL31" s="71">
        <v>0</v>
      </c>
      <c r="GM31" s="71">
        <v>1</v>
      </c>
      <c r="GN31" s="71">
        <v>1</v>
      </c>
      <c r="GO31" s="71">
        <v>2</v>
      </c>
      <c r="GP31" s="71">
        <v>0</v>
      </c>
      <c r="GQ31" s="72">
        <v>4</v>
      </c>
      <c r="GR31" s="73">
        <v>4</v>
      </c>
      <c r="GS31" s="123">
        <v>2</v>
      </c>
      <c r="GT31" s="82">
        <v>1</v>
      </c>
      <c r="GU31" s="83">
        <v>3</v>
      </c>
      <c r="GV31" s="241"/>
      <c r="GW31" s="82">
        <v>10</v>
      </c>
      <c r="GX31" s="82">
        <v>5</v>
      </c>
      <c r="GY31" s="82">
        <v>4</v>
      </c>
      <c r="GZ31" s="82">
        <v>4</v>
      </c>
      <c r="HA31" s="82">
        <v>4</v>
      </c>
      <c r="HB31" s="84">
        <v>27</v>
      </c>
      <c r="HC31" s="85">
        <v>30</v>
      </c>
      <c r="HD31" s="70">
        <v>0</v>
      </c>
      <c r="HE31" s="71">
        <v>0</v>
      </c>
      <c r="HF31" s="72">
        <v>0</v>
      </c>
      <c r="HG31" s="244"/>
      <c r="HH31" s="71">
        <v>0</v>
      </c>
      <c r="HI31" s="71">
        <v>0</v>
      </c>
      <c r="HJ31" s="71">
        <v>1</v>
      </c>
      <c r="HK31" s="71">
        <v>0</v>
      </c>
      <c r="HL31" s="71">
        <v>0</v>
      </c>
      <c r="HM31" s="72">
        <v>1</v>
      </c>
      <c r="HN31" s="73">
        <v>1</v>
      </c>
      <c r="HO31" s="70">
        <v>0</v>
      </c>
      <c r="HP31" s="71">
        <v>1</v>
      </c>
      <c r="HQ31" s="72">
        <v>1</v>
      </c>
      <c r="HR31" s="244"/>
      <c r="HS31" s="71">
        <v>1</v>
      </c>
      <c r="HT31" s="71">
        <v>1</v>
      </c>
      <c r="HU31" s="71">
        <v>1</v>
      </c>
      <c r="HV31" s="71">
        <v>0</v>
      </c>
      <c r="HW31" s="71">
        <v>0</v>
      </c>
      <c r="HX31" s="72">
        <v>3</v>
      </c>
      <c r="HY31" s="73">
        <v>4</v>
      </c>
      <c r="HZ31" s="70">
        <v>0</v>
      </c>
      <c r="IA31" s="71">
        <v>0</v>
      </c>
      <c r="IB31" s="72">
        <v>0</v>
      </c>
      <c r="IC31" s="244"/>
      <c r="ID31" s="71">
        <v>1</v>
      </c>
      <c r="IE31" s="71">
        <v>2</v>
      </c>
      <c r="IF31" s="71">
        <v>0</v>
      </c>
      <c r="IG31" s="71">
        <v>0</v>
      </c>
      <c r="IH31" s="71">
        <v>0</v>
      </c>
      <c r="II31" s="72">
        <v>3</v>
      </c>
      <c r="IJ31" s="73">
        <v>3</v>
      </c>
      <c r="IK31" s="70">
        <v>1</v>
      </c>
      <c r="IL31" s="71">
        <v>0</v>
      </c>
      <c r="IM31" s="72">
        <v>1</v>
      </c>
      <c r="IN31" s="244"/>
      <c r="IO31" s="71">
        <v>2</v>
      </c>
      <c r="IP31" s="71">
        <v>1</v>
      </c>
      <c r="IQ31" s="71">
        <v>0</v>
      </c>
      <c r="IR31" s="71">
        <v>0</v>
      </c>
      <c r="IS31" s="71">
        <v>2</v>
      </c>
      <c r="IT31" s="72">
        <v>5</v>
      </c>
      <c r="IU31" s="73">
        <v>6</v>
      </c>
      <c r="IV31" s="70">
        <v>1</v>
      </c>
      <c r="IW31" s="71">
        <v>0</v>
      </c>
      <c r="IX31" s="72">
        <v>1</v>
      </c>
      <c r="IY31" s="244"/>
      <c r="IZ31" s="71">
        <v>3</v>
      </c>
      <c r="JA31" s="71">
        <v>0</v>
      </c>
      <c r="JB31" s="71">
        <v>0</v>
      </c>
      <c r="JC31" s="71">
        <v>3</v>
      </c>
      <c r="JD31" s="71">
        <v>0</v>
      </c>
      <c r="JE31" s="72">
        <v>6</v>
      </c>
      <c r="JF31" s="73">
        <v>7</v>
      </c>
      <c r="JG31" s="70">
        <v>0</v>
      </c>
      <c r="JH31" s="71">
        <v>0</v>
      </c>
      <c r="JI31" s="72">
        <v>0</v>
      </c>
      <c r="JJ31" s="244"/>
      <c r="JK31" s="71">
        <v>3</v>
      </c>
      <c r="JL31" s="71">
        <v>1</v>
      </c>
      <c r="JM31" s="71">
        <v>2</v>
      </c>
      <c r="JN31" s="71">
        <v>1</v>
      </c>
      <c r="JO31" s="71">
        <v>2</v>
      </c>
      <c r="JP31" s="72">
        <v>9</v>
      </c>
      <c r="JQ31" s="73">
        <v>9</v>
      </c>
      <c r="JR31" s="70">
        <v>0</v>
      </c>
      <c r="JS31" s="71">
        <v>0</v>
      </c>
      <c r="JT31" s="72">
        <v>0</v>
      </c>
      <c r="JU31" s="244"/>
      <c r="JV31" s="71">
        <v>0</v>
      </c>
      <c r="JW31" s="71">
        <v>0</v>
      </c>
      <c r="JX31" s="71">
        <v>0</v>
      </c>
      <c r="JY31" s="71">
        <v>0</v>
      </c>
      <c r="JZ31" s="71">
        <v>0</v>
      </c>
      <c r="KA31" s="72">
        <v>0</v>
      </c>
      <c r="KB31" s="73">
        <v>0</v>
      </c>
      <c r="KC31" s="70">
        <v>2</v>
      </c>
      <c r="KD31" s="71">
        <v>1</v>
      </c>
      <c r="KE31" s="72">
        <v>3</v>
      </c>
      <c r="KF31" s="244"/>
      <c r="KG31" s="71">
        <v>10</v>
      </c>
      <c r="KH31" s="71">
        <v>5</v>
      </c>
      <c r="KI31" s="71">
        <v>4</v>
      </c>
      <c r="KJ31" s="71">
        <v>4</v>
      </c>
      <c r="KK31" s="71">
        <v>4</v>
      </c>
      <c r="KL31" s="72">
        <v>27</v>
      </c>
      <c r="KM31" s="73">
        <v>30</v>
      </c>
    </row>
    <row r="32" spans="2:299" ht="19.5" customHeight="1" x14ac:dyDescent="0.2">
      <c r="B32" s="126" t="s">
        <v>29</v>
      </c>
      <c r="C32" s="316">
        <v>4</v>
      </c>
      <c r="D32" s="82">
        <v>1</v>
      </c>
      <c r="E32" s="83">
        <v>5</v>
      </c>
      <c r="F32" s="241"/>
      <c r="G32" s="82">
        <v>4</v>
      </c>
      <c r="H32" s="82">
        <v>2</v>
      </c>
      <c r="I32" s="82">
        <v>8</v>
      </c>
      <c r="J32" s="82">
        <v>3</v>
      </c>
      <c r="K32" s="82">
        <v>1</v>
      </c>
      <c r="L32" s="84">
        <v>18</v>
      </c>
      <c r="M32" s="85">
        <v>23</v>
      </c>
      <c r="N32" s="70">
        <v>0</v>
      </c>
      <c r="O32" s="71">
        <v>0</v>
      </c>
      <c r="P32" s="72">
        <v>0</v>
      </c>
      <c r="Q32" s="244"/>
      <c r="R32" s="71">
        <v>0</v>
      </c>
      <c r="S32" s="71">
        <v>0</v>
      </c>
      <c r="T32" s="71">
        <v>1</v>
      </c>
      <c r="U32" s="71">
        <v>0</v>
      </c>
      <c r="V32" s="71">
        <v>0</v>
      </c>
      <c r="W32" s="72">
        <v>1</v>
      </c>
      <c r="X32" s="73">
        <v>1</v>
      </c>
      <c r="Y32" s="70">
        <v>0</v>
      </c>
      <c r="Z32" s="71">
        <v>0</v>
      </c>
      <c r="AA32" s="72">
        <v>0</v>
      </c>
      <c r="AB32" s="244"/>
      <c r="AC32" s="71">
        <v>1</v>
      </c>
      <c r="AD32" s="71">
        <v>0</v>
      </c>
      <c r="AE32" s="71">
        <v>0</v>
      </c>
      <c r="AF32" s="71">
        <v>0</v>
      </c>
      <c r="AG32" s="71">
        <v>1</v>
      </c>
      <c r="AH32" s="72">
        <v>2</v>
      </c>
      <c r="AI32" s="73">
        <v>2</v>
      </c>
      <c r="AJ32" s="70">
        <v>1</v>
      </c>
      <c r="AK32" s="71">
        <v>1</v>
      </c>
      <c r="AL32" s="72">
        <v>2</v>
      </c>
      <c r="AM32" s="244"/>
      <c r="AN32" s="71">
        <v>0</v>
      </c>
      <c r="AO32" s="71">
        <v>1</v>
      </c>
      <c r="AP32" s="71">
        <v>1</v>
      </c>
      <c r="AQ32" s="71">
        <v>0</v>
      </c>
      <c r="AR32" s="71">
        <v>0</v>
      </c>
      <c r="AS32" s="72">
        <v>2</v>
      </c>
      <c r="AT32" s="73">
        <v>4</v>
      </c>
      <c r="AU32" s="70">
        <v>1</v>
      </c>
      <c r="AV32" s="71">
        <v>0</v>
      </c>
      <c r="AW32" s="72">
        <v>1</v>
      </c>
      <c r="AX32" s="244"/>
      <c r="AY32" s="71">
        <v>1</v>
      </c>
      <c r="AZ32" s="71">
        <v>0</v>
      </c>
      <c r="BA32" s="71">
        <v>4</v>
      </c>
      <c r="BB32" s="71">
        <v>1</v>
      </c>
      <c r="BC32" s="71">
        <v>0</v>
      </c>
      <c r="BD32" s="72">
        <v>6</v>
      </c>
      <c r="BE32" s="73">
        <v>7</v>
      </c>
      <c r="BF32" s="70">
        <v>2</v>
      </c>
      <c r="BG32" s="71">
        <v>0</v>
      </c>
      <c r="BH32" s="72">
        <v>2</v>
      </c>
      <c r="BI32" s="244"/>
      <c r="BJ32" s="71">
        <v>1</v>
      </c>
      <c r="BK32" s="71">
        <v>0</v>
      </c>
      <c r="BL32" s="71">
        <v>0</v>
      </c>
      <c r="BM32" s="71">
        <v>1</v>
      </c>
      <c r="BN32" s="71">
        <v>0</v>
      </c>
      <c r="BO32" s="72">
        <v>2</v>
      </c>
      <c r="BP32" s="73">
        <v>4</v>
      </c>
      <c r="BQ32" s="70">
        <v>0</v>
      </c>
      <c r="BR32" s="71">
        <v>0</v>
      </c>
      <c r="BS32" s="72">
        <v>0</v>
      </c>
      <c r="BT32" s="244"/>
      <c r="BU32" s="71">
        <v>1</v>
      </c>
      <c r="BV32" s="71">
        <v>1</v>
      </c>
      <c r="BW32" s="71">
        <v>2</v>
      </c>
      <c r="BX32" s="71">
        <v>1</v>
      </c>
      <c r="BY32" s="71">
        <v>0</v>
      </c>
      <c r="BZ32" s="72">
        <v>5</v>
      </c>
      <c r="CA32" s="73">
        <v>5</v>
      </c>
      <c r="CB32" s="70">
        <v>0</v>
      </c>
      <c r="CC32" s="71">
        <v>0</v>
      </c>
      <c r="CD32" s="72">
        <v>0</v>
      </c>
      <c r="CE32" s="244"/>
      <c r="CF32" s="71">
        <v>0</v>
      </c>
      <c r="CG32" s="71">
        <v>0</v>
      </c>
      <c r="CH32" s="71">
        <v>0</v>
      </c>
      <c r="CI32" s="71">
        <v>0</v>
      </c>
      <c r="CJ32" s="71">
        <v>0</v>
      </c>
      <c r="CK32" s="72">
        <v>0</v>
      </c>
      <c r="CL32" s="73">
        <v>0</v>
      </c>
      <c r="CM32" s="70">
        <v>4</v>
      </c>
      <c r="CN32" s="71">
        <v>1</v>
      </c>
      <c r="CO32" s="72">
        <v>5</v>
      </c>
      <c r="CP32" s="244"/>
      <c r="CQ32" s="71">
        <v>4</v>
      </c>
      <c r="CR32" s="71">
        <v>2</v>
      </c>
      <c r="CS32" s="71">
        <v>8</v>
      </c>
      <c r="CT32" s="71">
        <v>3</v>
      </c>
      <c r="CU32" s="71">
        <v>1</v>
      </c>
      <c r="CV32" s="72">
        <v>18</v>
      </c>
      <c r="CW32" s="73">
        <v>23</v>
      </c>
      <c r="CX32" s="123">
        <v>2</v>
      </c>
      <c r="CY32" s="82">
        <v>2</v>
      </c>
      <c r="CZ32" s="83">
        <v>4</v>
      </c>
      <c r="DA32" s="241"/>
      <c r="DB32" s="82">
        <v>5</v>
      </c>
      <c r="DC32" s="82">
        <v>0</v>
      </c>
      <c r="DD32" s="82">
        <v>2</v>
      </c>
      <c r="DE32" s="82">
        <v>2</v>
      </c>
      <c r="DF32" s="82">
        <v>0</v>
      </c>
      <c r="DG32" s="84">
        <v>9</v>
      </c>
      <c r="DH32" s="85">
        <v>13</v>
      </c>
      <c r="DI32" s="70">
        <v>0</v>
      </c>
      <c r="DJ32" s="71">
        <v>0</v>
      </c>
      <c r="DK32" s="72">
        <v>0</v>
      </c>
      <c r="DL32" s="244"/>
      <c r="DM32" s="71">
        <v>0</v>
      </c>
      <c r="DN32" s="71">
        <v>0</v>
      </c>
      <c r="DO32" s="71">
        <v>0</v>
      </c>
      <c r="DP32" s="71">
        <v>0</v>
      </c>
      <c r="DQ32" s="71">
        <v>0</v>
      </c>
      <c r="DR32" s="72">
        <v>0</v>
      </c>
      <c r="DS32" s="73">
        <v>0</v>
      </c>
      <c r="DT32" s="70">
        <v>0</v>
      </c>
      <c r="DU32" s="71">
        <v>0</v>
      </c>
      <c r="DV32" s="72">
        <v>0</v>
      </c>
      <c r="DW32" s="244"/>
      <c r="DX32" s="71">
        <v>0</v>
      </c>
      <c r="DY32" s="71">
        <v>0</v>
      </c>
      <c r="DZ32" s="71">
        <v>0</v>
      </c>
      <c r="EA32" s="71">
        <v>0</v>
      </c>
      <c r="EB32" s="71">
        <v>0</v>
      </c>
      <c r="EC32" s="72">
        <v>0</v>
      </c>
      <c r="ED32" s="73">
        <v>0</v>
      </c>
      <c r="EE32" s="70">
        <v>2</v>
      </c>
      <c r="EF32" s="71">
        <v>0</v>
      </c>
      <c r="EG32" s="72">
        <v>2</v>
      </c>
      <c r="EH32" s="244"/>
      <c r="EI32" s="71">
        <v>0</v>
      </c>
      <c r="EJ32" s="71">
        <v>0</v>
      </c>
      <c r="EK32" s="71">
        <v>0</v>
      </c>
      <c r="EL32" s="71">
        <v>1</v>
      </c>
      <c r="EM32" s="71">
        <v>0</v>
      </c>
      <c r="EN32" s="72">
        <v>1</v>
      </c>
      <c r="EO32" s="73">
        <v>3</v>
      </c>
      <c r="EP32" s="70">
        <v>0</v>
      </c>
      <c r="EQ32" s="71">
        <v>0</v>
      </c>
      <c r="ER32" s="72">
        <v>0</v>
      </c>
      <c r="ES32" s="244"/>
      <c r="ET32" s="71">
        <v>3</v>
      </c>
      <c r="EU32" s="71">
        <v>0</v>
      </c>
      <c r="EV32" s="71">
        <v>1</v>
      </c>
      <c r="EW32" s="71">
        <v>0</v>
      </c>
      <c r="EX32" s="71">
        <v>0</v>
      </c>
      <c r="EY32" s="72">
        <v>4</v>
      </c>
      <c r="EZ32" s="73">
        <v>4</v>
      </c>
      <c r="FA32" s="70">
        <v>0</v>
      </c>
      <c r="FB32" s="71">
        <v>2</v>
      </c>
      <c r="FC32" s="72">
        <v>2</v>
      </c>
      <c r="FD32" s="244"/>
      <c r="FE32" s="71">
        <v>2</v>
      </c>
      <c r="FF32" s="71">
        <v>0</v>
      </c>
      <c r="FG32" s="71">
        <v>0</v>
      </c>
      <c r="FH32" s="71">
        <v>0</v>
      </c>
      <c r="FI32" s="71">
        <v>0</v>
      </c>
      <c r="FJ32" s="72">
        <v>2</v>
      </c>
      <c r="FK32" s="73">
        <v>4</v>
      </c>
      <c r="FL32" s="70">
        <v>0</v>
      </c>
      <c r="FM32" s="71">
        <v>0</v>
      </c>
      <c r="FN32" s="72">
        <v>0</v>
      </c>
      <c r="FO32" s="244"/>
      <c r="FP32" s="71">
        <v>0</v>
      </c>
      <c r="FQ32" s="71">
        <v>0</v>
      </c>
      <c r="FR32" s="71">
        <v>1</v>
      </c>
      <c r="FS32" s="71">
        <v>1</v>
      </c>
      <c r="FT32" s="71">
        <v>0</v>
      </c>
      <c r="FU32" s="72">
        <v>2</v>
      </c>
      <c r="FV32" s="73">
        <v>2</v>
      </c>
      <c r="FW32" s="70">
        <v>0</v>
      </c>
      <c r="FX32" s="71">
        <v>0</v>
      </c>
      <c r="FY32" s="72">
        <v>0</v>
      </c>
      <c r="FZ32" s="244"/>
      <c r="GA32" s="71">
        <v>0</v>
      </c>
      <c r="GB32" s="71">
        <v>0</v>
      </c>
      <c r="GC32" s="71">
        <v>0</v>
      </c>
      <c r="GD32" s="71">
        <v>0</v>
      </c>
      <c r="GE32" s="71">
        <v>0</v>
      </c>
      <c r="GF32" s="72">
        <v>0</v>
      </c>
      <c r="GG32" s="73">
        <v>0</v>
      </c>
      <c r="GH32" s="70">
        <v>2</v>
      </c>
      <c r="GI32" s="71">
        <v>2</v>
      </c>
      <c r="GJ32" s="72">
        <v>4</v>
      </c>
      <c r="GK32" s="244"/>
      <c r="GL32" s="71">
        <v>5</v>
      </c>
      <c r="GM32" s="71">
        <v>0</v>
      </c>
      <c r="GN32" s="71">
        <v>2</v>
      </c>
      <c r="GO32" s="71">
        <v>2</v>
      </c>
      <c r="GP32" s="71">
        <v>0</v>
      </c>
      <c r="GQ32" s="72">
        <v>9</v>
      </c>
      <c r="GR32" s="73">
        <v>13</v>
      </c>
      <c r="GS32" s="123">
        <v>6</v>
      </c>
      <c r="GT32" s="82">
        <v>3</v>
      </c>
      <c r="GU32" s="83">
        <v>9</v>
      </c>
      <c r="GV32" s="241"/>
      <c r="GW32" s="82">
        <v>9</v>
      </c>
      <c r="GX32" s="82">
        <v>2</v>
      </c>
      <c r="GY32" s="82">
        <v>10</v>
      </c>
      <c r="GZ32" s="82">
        <v>5</v>
      </c>
      <c r="HA32" s="82">
        <v>1</v>
      </c>
      <c r="HB32" s="84">
        <v>27</v>
      </c>
      <c r="HC32" s="85">
        <v>36</v>
      </c>
      <c r="HD32" s="70">
        <v>0</v>
      </c>
      <c r="HE32" s="71">
        <v>0</v>
      </c>
      <c r="HF32" s="72">
        <v>0</v>
      </c>
      <c r="HG32" s="244"/>
      <c r="HH32" s="71">
        <v>0</v>
      </c>
      <c r="HI32" s="71">
        <v>0</v>
      </c>
      <c r="HJ32" s="71">
        <v>1</v>
      </c>
      <c r="HK32" s="71">
        <v>0</v>
      </c>
      <c r="HL32" s="71">
        <v>0</v>
      </c>
      <c r="HM32" s="72">
        <v>1</v>
      </c>
      <c r="HN32" s="73">
        <v>1</v>
      </c>
      <c r="HO32" s="70">
        <v>0</v>
      </c>
      <c r="HP32" s="71">
        <v>0</v>
      </c>
      <c r="HQ32" s="72">
        <v>0</v>
      </c>
      <c r="HR32" s="244"/>
      <c r="HS32" s="71">
        <v>1</v>
      </c>
      <c r="HT32" s="71">
        <v>0</v>
      </c>
      <c r="HU32" s="71">
        <v>0</v>
      </c>
      <c r="HV32" s="71">
        <v>0</v>
      </c>
      <c r="HW32" s="71">
        <v>1</v>
      </c>
      <c r="HX32" s="72">
        <v>2</v>
      </c>
      <c r="HY32" s="73">
        <v>2</v>
      </c>
      <c r="HZ32" s="70">
        <v>3</v>
      </c>
      <c r="IA32" s="71">
        <v>1</v>
      </c>
      <c r="IB32" s="72">
        <v>4</v>
      </c>
      <c r="IC32" s="244"/>
      <c r="ID32" s="71">
        <v>0</v>
      </c>
      <c r="IE32" s="71">
        <v>1</v>
      </c>
      <c r="IF32" s="71">
        <v>1</v>
      </c>
      <c r="IG32" s="71">
        <v>1</v>
      </c>
      <c r="IH32" s="71">
        <v>0</v>
      </c>
      <c r="II32" s="72">
        <v>3</v>
      </c>
      <c r="IJ32" s="73">
        <v>7</v>
      </c>
      <c r="IK32" s="70">
        <v>1</v>
      </c>
      <c r="IL32" s="71">
        <v>0</v>
      </c>
      <c r="IM32" s="72">
        <v>1</v>
      </c>
      <c r="IN32" s="244"/>
      <c r="IO32" s="71">
        <v>4</v>
      </c>
      <c r="IP32" s="71">
        <v>0</v>
      </c>
      <c r="IQ32" s="71">
        <v>5</v>
      </c>
      <c r="IR32" s="71">
        <v>1</v>
      </c>
      <c r="IS32" s="71">
        <v>0</v>
      </c>
      <c r="IT32" s="72">
        <v>10</v>
      </c>
      <c r="IU32" s="73">
        <v>11</v>
      </c>
      <c r="IV32" s="70">
        <v>2</v>
      </c>
      <c r="IW32" s="71">
        <v>2</v>
      </c>
      <c r="IX32" s="72">
        <v>4</v>
      </c>
      <c r="IY32" s="244"/>
      <c r="IZ32" s="71">
        <v>3</v>
      </c>
      <c r="JA32" s="71">
        <v>0</v>
      </c>
      <c r="JB32" s="71">
        <v>0</v>
      </c>
      <c r="JC32" s="71">
        <v>1</v>
      </c>
      <c r="JD32" s="71">
        <v>0</v>
      </c>
      <c r="JE32" s="72">
        <v>4</v>
      </c>
      <c r="JF32" s="73">
        <v>8</v>
      </c>
      <c r="JG32" s="70">
        <v>0</v>
      </c>
      <c r="JH32" s="71">
        <v>0</v>
      </c>
      <c r="JI32" s="72">
        <v>0</v>
      </c>
      <c r="JJ32" s="244"/>
      <c r="JK32" s="71">
        <v>1</v>
      </c>
      <c r="JL32" s="71">
        <v>1</v>
      </c>
      <c r="JM32" s="71">
        <v>3</v>
      </c>
      <c r="JN32" s="71">
        <v>2</v>
      </c>
      <c r="JO32" s="71">
        <v>0</v>
      </c>
      <c r="JP32" s="72">
        <v>7</v>
      </c>
      <c r="JQ32" s="73">
        <v>7</v>
      </c>
      <c r="JR32" s="70">
        <v>0</v>
      </c>
      <c r="JS32" s="71">
        <v>0</v>
      </c>
      <c r="JT32" s="72">
        <v>0</v>
      </c>
      <c r="JU32" s="244"/>
      <c r="JV32" s="71">
        <v>0</v>
      </c>
      <c r="JW32" s="71">
        <v>0</v>
      </c>
      <c r="JX32" s="71">
        <v>0</v>
      </c>
      <c r="JY32" s="71">
        <v>0</v>
      </c>
      <c r="JZ32" s="71">
        <v>0</v>
      </c>
      <c r="KA32" s="72">
        <v>0</v>
      </c>
      <c r="KB32" s="73">
        <v>0</v>
      </c>
      <c r="KC32" s="70">
        <v>6</v>
      </c>
      <c r="KD32" s="71">
        <v>3</v>
      </c>
      <c r="KE32" s="72">
        <v>9</v>
      </c>
      <c r="KF32" s="244"/>
      <c r="KG32" s="71">
        <v>9</v>
      </c>
      <c r="KH32" s="71">
        <v>2</v>
      </c>
      <c r="KI32" s="71">
        <v>10</v>
      </c>
      <c r="KJ32" s="71">
        <v>5</v>
      </c>
      <c r="KK32" s="71">
        <v>1</v>
      </c>
      <c r="KL32" s="72">
        <v>27</v>
      </c>
      <c r="KM32" s="73">
        <v>36</v>
      </c>
    </row>
    <row r="33" spans="2:299" ht="19.5" customHeight="1" x14ac:dyDescent="0.2">
      <c r="B33" s="126" t="s">
        <v>30</v>
      </c>
      <c r="C33" s="316">
        <v>4</v>
      </c>
      <c r="D33" s="82">
        <v>1</v>
      </c>
      <c r="E33" s="83">
        <v>5</v>
      </c>
      <c r="F33" s="241"/>
      <c r="G33" s="82">
        <v>5</v>
      </c>
      <c r="H33" s="82">
        <v>4</v>
      </c>
      <c r="I33" s="82">
        <v>2</v>
      </c>
      <c r="J33" s="82">
        <v>4</v>
      </c>
      <c r="K33" s="82">
        <v>1</v>
      </c>
      <c r="L33" s="84">
        <v>16</v>
      </c>
      <c r="M33" s="85">
        <v>21</v>
      </c>
      <c r="N33" s="70">
        <v>0</v>
      </c>
      <c r="O33" s="71">
        <v>0</v>
      </c>
      <c r="P33" s="72">
        <v>0</v>
      </c>
      <c r="Q33" s="244"/>
      <c r="R33" s="71">
        <v>0</v>
      </c>
      <c r="S33" s="71">
        <v>0</v>
      </c>
      <c r="T33" s="71">
        <v>0</v>
      </c>
      <c r="U33" s="71">
        <v>0</v>
      </c>
      <c r="V33" s="71">
        <v>0</v>
      </c>
      <c r="W33" s="72">
        <v>0</v>
      </c>
      <c r="X33" s="73">
        <v>0</v>
      </c>
      <c r="Y33" s="70">
        <v>1</v>
      </c>
      <c r="Z33" s="71">
        <v>0</v>
      </c>
      <c r="AA33" s="72">
        <v>1</v>
      </c>
      <c r="AB33" s="244"/>
      <c r="AC33" s="71">
        <v>1</v>
      </c>
      <c r="AD33" s="71">
        <v>0</v>
      </c>
      <c r="AE33" s="71">
        <v>0</v>
      </c>
      <c r="AF33" s="71">
        <v>1</v>
      </c>
      <c r="AG33" s="71">
        <v>0</v>
      </c>
      <c r="AH33" s="72">
        <v>2</v>
      </c>
      <c r="AI33" s="73">
        <v>3</v>
      </c>
      <c r="AJ33" s="70">
        <v>0</v>
      </c>
      <c r="AK33" s="71">
        <v>0</v>
      </c>
      <c r="AL33" s="72">
        <v>0</v>
      </c>
      <c r="AM33" s="244"/>
      <c r="AN33" s="71">
        <v>0</v>
      </c>
      <c r="AO33" s="71">
        <v>1</v>
      </c>
      <c r="AP33" s="71">
        <v>0</v>
      </c>
      <c r="AQ33" s="71">
        <v>0</v>
      </c>
      <c r="AR33" s="71">
        <v>0</v>
      </c>
      <c r="AS33" s="72">
        <v>1</v>
      </c>
      <c r="AT33" s="73">
        <v>1</v>
      </c>
      <c r="AU33" s="70">
        <v>1</v>
      </c>
      <c r="AV33" s="71">
        <v>1</v>
      </c>
      <c r="AW33" s="72">
        <v>2</v>
      </c>
      <c r="AX33" s="244"/>
      <c r="AY33" s="71">
        <v>1</v>
      </c>
      <c r="AZ33" s="71">
        <v>1</v>
      </c>
      <c r="BA33" s="71">
        <v>0</v>
      </c>
      <c r="BB33" s="71">
        <v>0</v>
      </c>
      <c r="BC33" s="71">
        <v>0</v>
      </c>
      <c r="BD33" s="72">
        <v>2</v>
      </c>
      <c r="BE33" s="73">
        <v>4</v>
      </c>
      <c r="BF33" s="70">
        <v>1</v>
      </c>
      <c r="BG33" s="71">
        <v>0</v>
      </c>
      <c r="BH33" s="72">
        <v>1</v>
      </c>
      <c r="BI33" s="244"/>
      <c r="BJ33" s="71">
        <v>1</v>
      </c>
      <c r="BK33" s="71">
        <v>2</v>
      </c>
      <c r="BL33" s="71">
        <v>1</v>
      </c>
      <c r="BM33" s="71">
        <v>2</v>
      </c>
      <c r="BN33" s="71">
        <v>1</v>
      </c>
      <c r="BO33" s="72">
        <v>7</v>
      </c>
      <c r="BP33" s="73">
        <v>8</v>
      </c>
      <c r="BQ33" s="70">
        <v>1</v>
      </c>
      <c r="BR33" s="71">
        <v>0</v>
      </c>
      <c r="BS33" s="72">
        <v>1</v>
      </c>
      <c r="BT33" s="244"/>
      <c r="BU33" s="71">
        <v>2</v>
      </c>
      <c r="BV33" s="71">
        <v>0</v>
      </c>
      <c r="BW33" s="71">
        <v>1</v>
      </c>
      <c r="BX33" s="71">
        <v>1</v>
      </c>
      <c r="BY33" s="71">
        <v>0</v>
      </c>
      <c r="BZ33" s="72">
        <v>4</v>
      </c>
      <c r="CA33" s="73">
        <v>5</v>
      </c>
      <c r="CB33" s="70">
        <v>0</v>
      </c>
      <c r="CC33" s="71">
        <v>0</v>
      </c>
      <c r="CD33" s="72">
        <v>0</v>
      </c>
      <c r="CE33" s="244"/>
      <c r="CF33" s="71">
        <v>0</v>
      </c>
      <c r="CG33" s="71">
        <v>0</v>
      </c>
      <c r="CH33" s="71">
        <v>0</v>
      </c>
      <c r="CI33" s="71">
        <v>0</v>
      </c>
      <c r="CJ33" s="71">
        <v>0</v>
      </c>
      <c r="CK33" s="72">
        <v>0</v>
      </c>
      <c r="CL33" s="73">
        <v>0</v>
      </c>
      <c r="CM33" s="70">
        <v>4</v>
      </c>
      <c r="CN33" s="71">
        <v>1</v>
      </c>
      <c r="CO33" s="72">
        <v>5</v>
      </c>
      <c r="CP33" s="244"/>
      <c r="CQ33" s="71">
        <v>5</v>
      </c>
      <c r="CR33" s="71">
        <v>4</v>
      </c>
      <c r="CS33" s="71">
        <v>2</v>
      </c>
      <c r="CT33" s="71">
        <v>4</v>
      </c>
      <c r="CU33" s="71">
        <v>1</v>
      </c>
      <c r="CV33" s="72">
        <v>16</v>
      </c>
      <c r="CW33" s="73">
        <v>21</v>
      </c>
      <c r="CX33" s="123">
        <v>2</v>
      </c>
      <c r="CY33" s="82">
        <v>1</v>
      </c>
      <c r="CZ33" s="83">
        <v>3</v>
      </c>
      <c r="DA33" s="241"/>
      <c r="DB33" s="82">
        <v>3</v>
      </c>
      <c r="DC33" s="82">
        <v>1</v>
      </c>
      <c r="DD33" s="82">
        <v>1</v>
      </c>
      <c r="DE33" s="82">
        <v>2</v>
      </c>
      <c r="DF33" s="82">
        <v>0</v>
      </c>
      <c r="DG33" s="84">
        <v>7</v>
      </c>
      <c r="DH33" s="85">
        <v>10</v>
      </c>
      <c r="DI33" s="70">
        <v>0</v>
      </c>
      <c r="DJ33" s="71">
        <v>0</v>
      </c>
      <c r="DK33" s="72">
        <v>0</v>
      </c>
      <c r="DL33" s="244"/>
      <c r="DM33" s="71">
        <v>0</v>
      </c>
      <c r="DN33" s="71">
        <v>0</v>
      </c>
      <c r="DO33" s="71">
        <v>0</v>
      </c>
      <c r="DP33" s="71">
        <v>0</v>
      </c>
      <c r="DQ33" s="71">
        <v>0</v>
      </c>
      <c r="DR33" s="72">
        <v>0</v>
      </c>
      <c r="DS33" s="73">
        <v>0</v>
      </c>
      <c r="DT33" s="70">
        <v>0</v>
      </c>
      <c r="DU33" s="71">
        <v>0</v>
      </c>
      <c r="DV33" s="72">
        <v>0</v>
      </c>
      <c r="DW33" s="244"/>
      <c r="DX33" s="71">
        <v>0</v>
      </c>
      <c r="DY33" s="71">
        <v>0</v>
      </c>
      <c r="DZ33" s="71">
        <v>0</v>
      </c>
      <c r="EA33" s="71">
        <v>0</v>
      </c>
      <c r="EB33" s="71">
        <v>0</v>
      </c>
      <c r="EC33" s="72">
        <v>0</v>
      </c>
      <c r="ED33" s="73">
        <v>0</v>
      </c>
      <c r="EE33" s="70">
        <v>0</v>
      </c>
      <c r="EF33" s="71">
        <v>0</v>
      </c>
      <c r="EG33" s="72">
        <v>0</v>
      </c>
      <c r="EH33" s="244"/>
      <c r="EI33" s="71">
        <v>0</v>
      </c>
      <c r="EJ33" s="71">
        <v>0</v>
      </c>
      <c r="EK33" s="71">
        <v>0</v>
      </c>
      <c r="EL33" s="71">
        <v>1</v>
      </c>
      <c r="EM33" s="71">
        <v>0</v>
      </c>
      <c r="EN33" s="72">
        <v>1</v>
      </c>
      <c r="EO33" s="73">
        <v>1</v>
      </c>
      <c r="EP33" s="70">
        <v>1</v>
      </c>
      <c r="EQ33" s="71">
        <v>1</v>
      </c>
      <c r="ER33" s="72">
        <v>2</v>
      </c>
      <c r="ES33" s="244"/>
      <c r="ET33" s="71">
        <v>0</v>
      </c>
      <c r="EU33" s="71">
        <v>0</v>
      </c>
      <c r="EV33" s="71">
        <v>0</v>
      </c>
      <c r="EW33" s="71">
        <v>0</v>
      </c>
      <c r="EX33" s="71">
        <v>0</v>
      </c>
      <c r="EY33" s="72">
        <v>0</v>
      </c>
      <c r="EZ33" s="73">
        <v>2</v>
      </c>
      <c r="FA33" s="70">
        <v>0</v>
      </c>
      <c r="FB33" s="71">
        <v>0</v>
      </c>
      <c r="FC33" s="72">
        <v>0</v>
      </c>
      <c r="FD33" s="244"/>
      <c r="FE33" s="71">
        <v>2</v>
      </c>
      <c r="FF33" s="71">
        <v>0</v>
      </c>
      <c r="FG33" s="71">
        <v>0</v>
      </c>
      <c r="FH33" s="71">
        <v>0</v>
      </c>
      <c r="FI33" s="71">
        <v>0</v>
      </c>
      <c r="FJ33" s="72">
        <v>2</v>
      </c>
      <c r="FK33" s="73">
        <v>2</v>
      </c>
      <c r="FL33" s="70">
        <v>1</v>
      </c>
      <c r="FM33" s="71">
        <v>0</v>
      </c>
      <c r="FN33" s="72">
        <v>1</v>
      </c>
      <c r="FO33" s="244"/>
      <c r="FP33" s="71">
        <v>1</v>
      </c>
      <c r="FQ33" s="71">
        <v>1</v>
      </c>
      <c r="FR33" s="71">
        <v>1</v>
      </c>
      <c r="FS33" s="71">
        <v>1</v>
      </c>
      <c r="FT33" s="71">
        <v>0</v>
      </c>
      <c r="FU33" s="72">
        <v>4</v>
      </c>
      <c r="FV33" s="73">
        <v>5</v>
      </c>
      <c r="FW33" s="70">
        <v>0</v>
      </c>
      <c r="FX33" s="71">
        <v>0</v>
      </c>
      <c r="FY33" s="72">
        <v>0</v>
      </c>
      <c r="FZ33" s="244"/>
      <c r="GA33" s="71">
        <v>0</v>
      </c>
      <c r="GB33" s="71">
        <v>0</v>
      </c>
      <c r="GC33" s="71">
        <v>0</v>
      </c>
      <c r="GD33" s="71">
        <v>0</v>
      </c>
      <c r="GE33" s="71">
        <v>0</v>
      </c>
      <c r="GF33" s="72">
        <v>0</v>
      </c>
      <c r="GG33" s="73">
        <v>0</v>
      </c>
      <c r="GH33" s="70">
        <v>2</v>
      </c>
      <c r="GI33" s="71">
        <v>1</v>
      </c>
      <c r="GJ33" s="72">
        <v>3</v>
      </c>
      <c r="GK33" s="244"/>
      <c r="GL33" s="71">
        <v>3</v>
      </c>
      <c r="GM33" s="71">
        <v>1</v>
      </c>
      <c r="GN33" s="71">
        <v>1</v>
      </c>
      <c r="GO33" s="71">
        <v>2</v>
      </c>
      <c r="GP33" s="71">
        <v>0</v>
      </c>
      <c r="GQ33" s="72">
        <v>7</v>
      </c>
      <c r="GR33" s="73">
        <v>10</v>
      </c>
      <c r="GS33" s="123">
        <v>6</v>
      </c>
      <c r="GT33" s="82">
        <v>2</v>
      </c>
      <c r="GU33" s="83">
        <v>8</v>
      </c>
      <c r="GV33" s="241"/>
      <c r="GW33" s="82">
        <v>8</v>
      </c>
      <c r="GX33" s="82">
        <v>5</v>
      </c>
      <c r="GY33" s="82">
        <v>3</v>
      </c>
      <c r="GZ33" s="82">
        <v>6</v>
      </c>
      <c r="HA33" s="82">
        <v>1</v>
      </c>
      <c r="HB33" s="84">
        <v>23</v>
      </c>
      <c r="HC33" s="85">
        <v>31</v>
      </c>
      <c r="HD33" s="70">
        <v>0</v>
      </c>
      <c r="HE33" s="71">
        <v>0</v>
      </c>
      <c r="HF33" s="72">
        <v>0</v>
      </c>
      <c r="HG33" s="244"/>
      <c r="HH33" s="71">
        <v>0</v>
      </c>
      <c r="HI33" s="71">
        <v>0</v>
      </c>
      <c r="HJ33" s="71">
        <v>0</v>
      </c>
      <c r="HK33" s="71">
        <v>0</v>
      </c>
      <c r="HL33" s="71">
        <v>0</v>
      </c>
      <c r="HM33" s="72">
        <v>0</v>
      </c>
      <c r="HN33" s="73">
        <v>0</v>
      </c>
      <c r="HO33" s="70">
        <v>1</v>
      </c>
      <c r="HP33" s="71">
        <v>0</v>
      </c>
      <c r="HQ33" s="72">
        <v>1</v>
      </c>
      <c r="HR33" s="244"/>
      <c r="HS33" s="71">
        <v>1</v>
      </c>
      <c r="HT33" s="71">
        <v>0</v>
      </c>
      <c r="HU33" s="71">
        <v>0</v>
      </c>
      <c r="HV33" s="71">
        <v>1</v>
      </c>
      <c r="HW33" s="71">
        <v>0</v>
      </c>
      <c r="HX33" s="72">
        <v>2</v>
      </c>
      <c r="HY33" s="73">
        <v>3</v>
      </c>
      <c r="HZ33" s="70">
        <v>0</v>
      </c>
      <c r="IA33" s="71">
        <v>0</v>
      </c>
      <c r="IB33" s="72">
        <v>0</v>
      </c>
      <c r="IC33" s="244"/>
      <c r="ID33" s="71">
        <v>0</v>
      </c>
      <c r="IE33" s="71">
        <v>1</v>
      </c>
      <c r="IF33" s="71">
        <v>0</v>
      </c>
      <c r="IG33" s="71">
        <v>1</v>
      </c>
      <c r="IH33" s="71">
        <v>0</v>
      </c>
      <c r="II33" s="72">
        <v>2</v>
      </c>
      <c r="IJ33" s="73">
        <v>2</v>
      </c>
      <c r="IK33" s="70">
        <v>2</v>
      </c>
      <c r="IL33" s="71">
        <v>2</v>
      </c>
      <c r="IM33" s="72">
        <v>4</v>
      </c>
      <c r="IN33" s="244"/>
      <c r="IO33" s="71">
        <v>1</v>
      </c>
      <c r="IP33" s="71">
        <v>1</v>
      </c>
      <c r="IQ33" s="71">
        <v>0</v>
      </c>
      <c r="IR33" s="71">
        <v>0</v>
      </c>
      <c r="IS33" s="71">
        <v>0</v>
      </c>
      <c r="IT33" s="72">
        <v>2</v>
      </c>
      <c r="IU33" s="73">
        <v>6</v>
      </c>
      <c r="IV33" s="70">
        <v>1</v>
      </c>
      <c r="IW33" s="71">
        <v>0</v>
      </c>
      <c r="IX33" s="72">
        <v>1</v>
      </c>
      <c r="IY33" s="244"/>
      <c r="IZ33" s="71">
        <v>3</v>
      </c>
      <c r="JA33" s="71">
        <v>2</v>
      </c>
      <c r="JB33" s="71">
        <v>1</v>
      </c>
      <c r="JC33" s="71">
        <v>2</v>
      </c>
      <c r="JD33" s="71">
        <v>1</v>
      </c>
      <c r="JE33" s="72">
        <v>9</v>
      </c>
      <c r="JF33" s="73">
        <v>10</v>
      </c>
      <c r="JG33" s="70">
        <v>2</v>
      </c>
      <c r="JH33" s="71">
        <v>0</v>
      </c>
      <c r="JI33" s="72">
        <v>2</v>
      </c>
      <c r="JJ33" s="244"/>
      <c r="JK33" s="71">
        <v>3</v>
      </c>
      <c r="JL33" s="71">
        <v>1</v>
      </c>
      <c r="JM33" s="71">
        <v>2</v>
      </c>
      <c r="JN33" s="71">
        <v>2</v>
      </c>
      <c r="JO33" s="71">
        <v>0</v>
      </c>
      <c r="JP33" s="72">
        <v>8</v>
      </c>
      <c r="JQ33" s="73">
        <v>10</v>
      </c>
      <c r="JR33" s="70">
        <v>0</v>
      </c>
      <c r="JS33" s="71">
        <v>0</v>
      </c>
      <c r="JT33" s="72">
        <v>0</v>
      </c>
      <c r="JU33" s="244"/>
      <c r="JV33" s="71">
        <v>0</v>
      </c>
      <c r="JW33" s="71">
        <v>0</v>
      </c>
      <c r="JX33" s="71">
        <v>0</v>
      </c>
      <c r="JY33" s="71">
        <v>0</v>
      </c>
      <c r="JZ33" s="71">
        <v>0</v>
      </c>
      <c r="KA33" s="72">
        <v>0</v>
      </c>
      <c r="KB33" s="73">
        <v>0</v>
      </c>
      <c r="KC33" s="70">
        <v>6</v>
      </c>
      <c r="KD33" s="71">
        <v>2</v>
      </c>
      <c r="KE33" s="72">
        <v>8</v>
      </c>
      <c r="KF33" s="244"/>
      <c r="KG33" s="71">
        <v>8</v>
      </c>
      <c r="KH33" s="71">
        <v>5</v>
      </c>
      <c r="KI33" s="71">
        <v>3</v>
      </c>
      <c r="KJ33" s="71">
        <v>6</v>
      </c>
      <c r="KK33" s="71">
        <v>1</v>
      </c>
      <c r="KL33" s="72">
        <v>23</v>
      </c>
      <c r="KM33" s="73">
        <v>31</v>
      </c>
    </row>
    <row r="34" spans="2:299" ht="19.5" customHeight="1" x14ac:dyDescent="0.2">
      <c r="B34" s="126" t="s">
        <v>31</v>
      </c>
      <c r="C34" s="316">
        <v>2</v>
      </c>
      <c r="D34" s="82">
        <v>2</v>
      </c>
      <c r="E34" s="83">
        <v>4</v>
      </c>
      <c r="F34" s="241"/>
      <c r="G34" s="82">
        <v>6</v>
      </c>
      <c r="H34" s="82">
        <v>5</v>
      </c>
      <c r="I34" s="82">
        <v>3</v>
      </c>
      <c r="J34" s="82">
        <v>3</v>
      </c>
      <c r="K34" s="82">
        <v>3</v>
      </c>
      <c r="L34" s="84">
        <v>20</v>
      </c>
      <c r="M34" s="85">
        <v>24</v>
      </c>
      <c r="N34" s="70">
        <v>0</v>
      </c>
      <c r="O34" s="71">
        <v>0</v>
      </c>
      <c r="P34" s="72">
        <v>0</v>
      </c>
      <c r="Q34" s="244"/>
      <c r="R34" s="71">
        <v>0</v>
      </c>
      <c r="S34" s="71">
        <v>1</v>
      </c>
      <c r="T34" s="71">
        <v>0</v>
      </c>
      <c r="U34" s="71">
        <v>0</v>
      </c>
      <c r="V34" s="71">
        <v>0</v>
      </c>
      <c r="W34" s="72">
        <v>1</v>
      </c>
      <c r="X34" s="73">
        <v>1</v>
      </c>
      <c r="Y34" s="70">
        <v>0</v>
      </c>
      <c r="Z34" s="71">
        <v>0</v>
      </c>
      <c r="AA34" s="72">
        <v>0</v>
      </c>
      <c r="AB34" s="244"/>
      <c r="AC34" s="71">
        <v>0</v>
      </c>
      <c r="AD34" s="71">
        <v>1</v>
      </c>
      <c r="AE34" s="71">
        <v>2</v>
      </c>
      <c r="AF34" s="71">
        <v>0</v>
      </c>
      <c r="AG34" s="71">
        <v>1</v>
      </c>
      <c r="AH34" s="72">
        <v>4</v>
      </c>
      <c r="AI34" s="73">
        <v>4</v>
      </c>
      <c r="AJ34" s="70">
        <v>0</v>
      </c>
      <c r="AK34" s="71">
        <v>0</v>
      </c>
      <c r="AL34" s="72">
        <v>0</v>
      </c>
      <c r="AM34" s="244"/>
      <c r="AN34" s="71">
        <v>0</v>
      </c>
      <c r="AO34" s="71">
        <v>0</v>
      </c>
      <c r="AP34" s="71">
        <v>0</v>
      </c>
      <c r="AQ34" s="71">
        <v>1</v>
      </c>
      <c r="AR34" s="71">
        <v>0</v>
      </c>
      <c r="AS34" s="72">
        <v>1</v>
      </c>
      <c r="AT34" s="73">
        <v>1</v>
      </c>
      <c r="AU34" s="70">
        <v>0</v>
      </c>
      <c r="AV34" s="71">
        <v>1</v>
      </c>
      <c r="AW34" s="72">
        <v>1</v>
      </c>
      <c r="AX34" s="244"/>
      <c r="AY34" s="71">
        <v>2</v>
      </c>
      <c r="AZ34" s="71">
        <v>1</v>
      </c>
      <c r="BA34" s="71">
        <v>0</v>
      </c>
      <c r="BB34" s="71">
        <v>0</v>
      </c>
      <c r="BC34" s="71">
        <v>1</v>
      </c>
      <c r="BD34" s="72">
        <v>4</v>
      </c>
      <c r="BE34" s="73">
        <v>5</v>
      </c>
      <c r="BF34" s="70">
        <v>2</v>
      </c>
      <c r="BG34" s="71">
        <v>1</v>
      </c>
      <c r="BH34" s="72">
        <v>3</v>
      </c>
      <c r="BI34" s="244"/>
      <c r="BJ34" s="71">
        <v>2</v>
      </c>
      <c r="BK34" s="71">
        <v>1</v>
      </c>
      <c r="BL34" s="71">
        <v>0</v>
      </c>
      <c r="BM34" s="71">
        <v>0</v>
      </c>
      <c r="BN34" s="71">
        <v>0</v>
      </c>
      <c r="BO34" s="72">
        <v>3</v>
      </c>
      <c r="BP34" s="73">
        <v>6</v>
      </c>
      <c r="BQ34" s="70">
        <v>0</v>
      </c>
      <c r="BR34" s="71">
        <v>0</v>
      </c>
      <c r="BS34" s="72">
        <v>0</v>
      </c>
      <c r="BT34" s="244"/>
      <c r="BU34" s="71">
        <v>2</v>
      </c>
      <c r="BV34" s="71">
        <v>1</v>
      </c>
      <c r="BW34" s="71">
        <v>1</v>
      </c>
      <c r="BX34" s="71">
        <v>2</v>
      </c>
      <c r="BY34" s="71">
        <v>1</v>
      </c>
      <c r="BZ34" s="72">
        <v>7</v>
      </c>
      <c r="CA34" s="73">
        <v>7</v>
      </c>
      <c r="CB34" s="70">
        <v>0</v>
      </c>
      <c r="CC34" s="71">
        <v>0</v>
      </c>
      <c r="CD34" s="72">
        <v>0</v>
      </c>
      <c r="CE34" s="244"/>
      <c r="CF34" s="71">
        <v>0</v>
      </c>
      <c r="CG34" s="71">
        <v>0</v>
      </c>
      <c r="CH34" s="71">
        <v>0</v>
      </c>
      <c r="CI34" s="71">
        <v>0</v>
      </c>
      <c r="CJ34" s="71">
        <v>0</v>
      </c>
      <c r="CK34" s="72">
        <v>0</v>
      </c>
      <c r="CL34" s="73">
        <v>0</v>
      </c>
      <c r="CM34" s="70">
        <v>2</v>
      </c>
      <c r="CN34" s="71">
        <v>2</v>
      </c>
      <c r="CO34" s="72">
        <v>4</v>
      </c>
      <c r="CP34" s="244"/>
      <c r="CQ34" s="71">
        <v>6</v>
      </c>
      <c r="CR34" s="71">
        <v>5</v>
      </c>
      <c r="CS34" s="71">
        <v>3</v>
      </c>
      <c r="CT34" s="71">
        <v>3</v>
      </c>
      <c r="CU34" s="71">
        <v>3</v>
      </c>
      <c r="CV34" s="72">
        <v>20</v>
      </c>
      <c r="CW34" s="73">
        <v>24</v>
      </c>
      <c r="CX34" s="123">
        <v>0</v>
      </c>
      <c r="CY34" s="82">
        <v>1</v>
      </c>
      <c r="CZ34" s="83">
        <v>1</v>
      </c>
      <c r="DA34" s="241"/>
      <c r="DB34" s="82">
        <v>1</v>
      </c>
      <c r="DC34" s="82">
        <v>0</v>
      </c>
      <c r="DD34" s="82">
        <v>3</v>
      </c>
      <c r="DE34" s="82">
        <v>1</v>
      </c>
      <c r="DF34" s="82">
        <v>2</v>
      </c>
      <c r="DG34" s="84">
        <v>7</v>
      </c>
      <c r="DH34" s="85">
        <v>8</v>
      </c>
      <c r="DI34" s="70">
        <v>0</v>
      </c>
      <c r="DJ34" s="71">
        <v>0</v>
      </c>
      <c r="DK34" s="72">
        <v>0</v>
      </c>
      <c r="DL34" s="244"/>
      <c r="DM34" s="71">
        <v>0</v>
      </c>
      <c r="DN34" s="71">
        <v>0</v>
      </c>
      <c r="DO34" s="71">
        <v>0</v>
      </c>
      <c r="DP34" s="71">
        <v>0</v>
      </c>
      <c r="DQ34" s="71">
        <v>0</v>
      </c>
      <c r="DR34" s="72">
        <v>0</v>
      </c>
      <c r="DS34" s="73">
        <v>0</v>
      </c>
      <c r="DT34" s="70">
        <v>0</v>
      </c>
      <c r="DU34" s="71">
        <v>1</v>
      </c>
      <c r="DV34" s="72">
        <v>1</v>
      </c>
      <c r="DW34" s="244"/>
      <c r="DX34" s="71">
        <v>0</v>
      </c>
      <c r="DY34" s="71">
        <v>0</v>
      </c>
      <c r="DZ34" s="71">
        <v>0</v>
      </c>
      <c r="EA34" s="71">
        <v>0</v>
      </c>
      <c r="EB34" s="71">
        <v>0</v>
      </c>
      <c r="EC34" s="72">
        <v>0</v>
      </c>
      <c r="ED34" s="73">
        <v>1</v>
      </c>
      <c r="EE34" s="70">
        <v>0</v>
      </c>
      <c r="EF34" s="71">
        <v>0</v>
      </c>
      <c r="EG34" s="72">
        <v>0</v>
      </c>
      <c r="EH34" s="244"/>
      <c r="EI34" s="71">
        <v>0</v>
      </c>
      <c r="EJ34" s="71">
        <v>0</v>
      </c>
      <c r="EK34" s="71">
        <v>2</v>
      </c>
      <c r="EL34" s="71">
        <v>0</v>
      </c>
      <c r="EM34" s="71">
        <v>0</v>
      </c>
      <c r="EN34" s="72">
        <v>2</v>
      </c>
      <c r="EO34" s="73">
        <v>2</v>
      </c>
      <c r="EP34" s="70">
        <v>0</v>
      </c>
      <c r="EQ34" s="71">
        <v>0</v>
      </c>
      <c r="ER34" s="72">
        <v>0</v>
      </c>
      <c r="ES34" s="244"/>
      <c r="ET34" s="71">
        <v>1</v>
      </c>
      <c r="EU34" s="71">
        <v>0</v>
      </c>
      <c r="EV34" s="71">
        <v>0</v>
      </c>
      <c r="EW34" s="71">
        <v>1</v>
      </c>
      <c r="EX34" s="71">
        <v>0</v>
      </c>
      <c r="EY34" s="72">
        <v>2</v>
      </c>
      <c r="EZ34" s="73">
        <v>2</v>
      </c>
      <c r="FA34" s="70">
        <v>0</v>
      </c>
      <c r="FB34" s="71">
        <v>0</v>
      </c>
      <c r="FC34" s="72">
        <v>0</v>
      </c>
      <c r="FD34" s="244"/>
      <c r="FE34" s="71">
        <v>0</v>
      </c>
      <c r="FF34" s="71">
        <v>0</v>
      </c>
      <c r="FG34" s="71">
        <v>0</v>
      </c>
      <c r="FH34" s="71">
        <v>0</v>
      </c>
      <c r="FI34" s="71">
        <v>0</v>
      </c>
      <c r="FJ34" s="72">
        <v>0</v>
      </c>
      <c r="FK34" s="73">
        <v>0</v>
      </c>
      <c r="FL34" s="70">
        <v>0</v>
      </c>
      <c r="FM34" s="71">
        <v>0</v>
      </c>
      <c r="FN34" s="72">
        <v>0</v>
      </c>
      <c r="FO34" s="244"/>
      <c r="FP34" s="71">
        <v>0</v>
      </c>
      <c r="FQ34" s="71">
        <v>0</v>
      </c>
      <c r="FR34" s="71">
        <v>1</v>
      </c>
      <c r="FS34" s="71">
        <v>0</v>
      </c>
      <c r="FT34" s="71">
        <v>2</v>
      </c>
      <c r="FU34" s="72">
        <v>3</v>
      </c>
      <c r="FV34" s="73">
        <v>3</v>
      </c>
      <c r="FW34" s="70">
        <v>0</v>
      </c>
      <c r="FX34" s="71">
        <v>0</v>
      </c>
      <c r="FY34" s="72">
        <v>0</v>
      </c>
      <c r="FZ34" s="244"/>
      <c r="GA34" s="71">
        <v>0</v>
      </c>
      <c r="GB34" s="71">
        <v>0</v>
      </c>
      <c r="GC34" s="71">
        <v>0</v>
      </c>
      <c r="GD34" s="71">
        <v>0</v>
      </c>
      <c r="GE34" s="71">
        <v>0</v>
      </c>
      <c r="GF34" s="72">
        <v>0</v>
      </c>
      <c r="GG34" s="73">
        <v>0</v>
      </c>
      <c r="GH34" s="70">
        <v>0</v>
      </c>
      <c r="GI34" s="71">
        <v>1</v>
      </c>
      <c r="GJ34" s="72">
        <v>1</v>
      </c>
      <c r="GK34" s="244"/>
      <c r="GL34" s="71">
        <v>1</v>
      </c>
      <c r="GM34" s="71">
        <v>0</v>
      </c>
      <c r="GN34" s="71">
        <v>3</v>
      </c>
      <c r="GO34" s="71">
        <v>1</v>
      </c>
      <c r="GP34" s="71">
        <v>2</v>
      </c>
      <c r="GQ34" s="72">
        <v>7</v>
      </c>
      <c r="GR34" s="73">
        <v>8</v>
      </c>
      <c r="GS34" s="123">
        <v>2</v>
      </c>
      <c r="GT34" s="82">
        <v>3</v>
      </c>
      <c r="GU34" s="83">
        <v>5</v>
      </c>
      <c r="GV34" s="241"/>
      <c r="GW34" s="82">
        <v>7</v>
      </c>
      <c r="GX34" s="82">
        <v>5</v>
      </c>
      <c r="GY34" s="82">
        <v>6</v>
      </c>
      <c r="GZ34" s="82">
        <v>4</v>
      </c>
      <c r="HA34" s="82">
        <v>5</v>
      </c>
      <c r="HB34" s="84">
        <v>27</v>
      </c>
      <c r="HC34" s="85">
        <v>32</v>
      </c>
      <c r="HD34" s="70">
        <v>0</v>
      </c>
      <c r="HE34" s="71">
        <v>0</v>
      </c>
      <c r="HF34" s="72">
        <v>0</v>
      </c>
      <c r="HG34" s="244"/>
      <c r="HH34" s="71">
        <v>0</v>
      </c>
      <c r="HI34" s="71">
        <v>1</v>
      </c>
      <c r="HJ34" s="71">
        <v>0</v>
      </c>
      <c r="HK34" s="71">
        <v>0</v>
      </c>
      <c r="HL34" s="71">
        <v>0</v>
      </c>
      <c r="HM34" s="72">
        <v>1</v>
      </c>
      <c r="HN34" s="73">
        <v>1</v>
      </c>
      <c r="HO34" s="70">
        <v>0</v>
      </c>
      <c r="HP34" s="71">
        <v>1</v>
      </c>
      <c r="HQ34" s="72">
        <v>1</v>
      </c>
      <c r="HR34" s="244"/>
      <c r="HS34" s="71">
        <v>0</v>
      </c>
      <c r="HT34" s="71">
        <v>1</v>
      </c>
      <c r="HU34" s="71">
        <v>2</v>
      </c>
      <c r="HV34" s="71">
        <v>0</v>
      </c>
      <c r="HW34" s="71">
        <v>1</v>
      </c>
      <c r="HX34" s="72">
        <v>4</v>
      </c>
      <c r="HY34" s="73">
        <v>5</v>
      </c>
      <c r="HZ34" s="70">
        <v>0</v>
      </c>
      <c r="IA34" s="71">
        <v>0</v>
      </c>
      <c r="IB34" s="72">
        <v>0</v>
      </c>
      <c r="IC34" s="244"/>
      <c r="ID34" s="71">
        <v>0</v>
      </c>
      <c r="IE34" s="71">
        <v>0</v>
      </c>
      <c r="IF34" s="71">
        <v>2</v>
      </c>
      <c r="IG34" s="71">
        <v>1</v>
      </c>
      <c r="IH34" s="71">
        <v>0</v>
      </c>
      <c r="II34" s="72">
        <v>3</v>
      </c>
      <c r="IJ34" s="73">
        <v>3</v>
      </c>
      <c r="IK34" s="70">
        <v>0</v>
      </c>
      <c r="IL34" s="71">
        <v>1</v>
      </c>
      <c r="IM34" s="72">
        <v>1</v>
      </c>
      <c r="IN34" s="244"/>
      <c r="IO34" s="71">
        <v>3</v>
      </c>
      <c r="IP34" s="71">
        <v>1</v>
      </c>
      <c r="IQ34" s="71">
        <v>0</v>
      </c>
      <c r="IR34" s="71">
        <v>1</v>
      </c>
      <c r="IS34" s="71">
        <v>1</v>
      </c>
      <c r="IT34" s="72">
        <v>6</v>
      </c>
      <c r="IU34" s="73">
        <v>7</v>
      </c>
      <c r="IV34" s="70">
        <v>2</v>
      </c>
      <c r="IW34" s="71">
        <v>1</v>
      </c>
      <c r="IX34" s="72">
        <v>3</v>
      </c>
      <c r="IY34" s="244"/>
      <c r="IZ34" s="71">
        <v>2</v>
      </c>
      <c r="JA34" s="71">
        <v>1</v>
      </c>
      <c r="JB34" s="71">
        <v>0</v>
      </c>
      <c r="JC34" s="71">
        <v>0</v>
      </c>
      <c r="JD34" s="71">
        <v>0</v>
      </c>
      <c r="JE34" s="72">
        <v>3</v>
      </c>
      <c r="JF34" s="73">
        <v>6</v>
      </c>
      <c r="JG34" s="70">
        <v>0</v>
      </c>
      <c r="JH34" s="71">
        <v>0</v>
      </c>
      <c r="JI34" s="72">
        <v>0</v>
      </c>
      <c r="JJ34" s="244"/>
      <c r="JK34" s="71">
        <v>2</v>
      </c>
      <c r="JL34" s="71">
        <v>1</v>
      </c>
      <c r="JM34" s="71">
        <v>2</v>
      </c>
      <c r="JN34" s="71">
        <v>2</v>
      </c>
      <c r="JO34" s="71">
        <v>3</v>
      </c>
      <c r="JP34" s="72">
        <v>10</v>
      </c>
      <c r="JQ34" s="73">
        <v>10</v>
      </c>
      <c r="JR34" s="70">
        <v>0</v>
      </c>
      <c r="JS34" s="71">
        <v>0</v>
      </c>
      <c r="JT34" s="72">
        <v>0</v>
      </c>
      <c r="JU34" s="244"/>
      <c r="JV34" s="71">
        <v>0</v>
      </c>
      <c r="JW34" s="71">
        <v>0</v>
      </c>
      <c r="JX34" s="71">
        <v>0</v>
      </c>
      <c r="JY34" s="71">
        <v>0</v>
      </c>
      <c r="JZ34" s="71">
        <v>0</v>
      </c>
      <c r="KA34" s="72">
        <v>0</v>
      </c>
      <c r="KB34" s="73">
        <v>0</v>
      </c>
      <c r="KC34" s="70">
        <v>2</v>
      </c>
      <c r="KD34" s="71">
        <v>3</v>
      </c>
      <c r="KE34" s="72">
        <v>5</v>
      </c>
      <c r="KF34" s="244"/>
      <c r="KG34" s="71">
        <v>7</v>
      </c>
      <c r="KH34" s="71">
        <v>5</v>
      </c>
      <c r="KI34" s="71">
        <v>6</v>
      </c>
      <c r="KJ34" s="71">
        <v>4</v>
      </c>
      <c r="KK34" s="71">
        <v>5</v>
      </c>
      <c r="KL34" s="72">
        <v>27</v>
      </c>
      <c r="KM34" s="73">
        <v>32</v>
      </c>
    </row>
    <row r="35" spans="2:299" ht="19.5" customHeight="1" x14ac:dyDescent="0.2">
      <c r="B35" s="126" t="s">
        <v>32</v>
      </c>
      <c r="C35" s="316">
        <v>6</v>
      </c>
      <c r="D35" s="82">
        <v>1</v>
      </c>
      <c r="E35" s="83">
        <v>7</v>
      </c>
      <c r="F35" s="241"/>
      <c r="G35" s="82">
        <v>7</v>
      </c>
      <c r="H35" s="82">
        <v>4</v>
      </c>
      <c r="I35" s="82">
        <v>2</v>
      </c>
      <c r="J35" s="82">
        <v>5</v>
      </c>
      <c r="K35" s="82">
        <v>4</v>
      </c>
      <c r="L35" s="84">
        <v>22</v>
      </c>
      <c r="M35" s="85">
        <v>29</v>
      </c>
      <c r="N35" s="70">
        <v>1</v>
      </c>
      <c r="O35" s="71">
        <v>0</v>
      </c>
      <c r="P35" s="72">
        <v>1</v>
      </c>
      <c r="Q35" s="244"/>
      <c r="R35" s="71">
        <v>0</v>
      </c>
      <c r="S35" s="71">
        <v>0</v>
      </c>
      <c r="T35" s="71">
        <v>0</v>
      </c>
      <c r="U35" s="71">
        <v>1</v>
      </c>
      <c r="V35" s="71">
        <v>0</v>
      </c>
      <c r="W35" s="72">
        <v>1</v>
      </c>
      <c r="X35" s="73">
        <v>2</v>
      </c>
      <c r="Y35" s="70">
        <v>2</v>
      </c>
      <c r="Z35" s="71">
        <v>0</v>
      </c>
      <c r="AA35" s="72">
        <v>2</v>
      </c>
      <c r="AB35" s="244"/>
      <c r="AC35" s="71">
        <v>0</v>
      </c>
      <c r="AD35" s="71">
        <v>0</v>
      </c>
      <c r="AE35" s="71">
        <v>1</v>
      </c>
      <c r="AF35" s="71">
        <v>0</v>
      </c>
      <c r="AG35" s="71">
        <v>0</v>
      </c>
      <c r="AH35" s="72">
        <v>1</v>
      </c>
      <c r="AI35" s="73">
        <v>3</v>
      </c>
      <c r="AJ35" s="70">
        <v>2</v>
      </c>
      <c r="AK35" s="71">
        <v>0</v>
      </c>
      <c r="AL35" s="72">
        <v>2</v>
      </c>
      <c r="AM35" s="244"/>
      <c r="AN35" s="71">
        <v>1</v>
      </c>
      <c r="AO35" s="71">
        <v>1</v>
      </c>
      <c r="AP35" s="71">
        <v>0</v>
      </c>
      <c r="AQ35" s="71">
        <v>0</v>
      </c>
      <c r="AR35" s="71">
        <v>2</v>
      </c>
      <c r="AS35" s="72">
        <v>4</v>
      </c>
      <c r="AT35" s="73">
        <v>6</v>
      </c>
      <c r="AU35" s="70">
        <v>0</v>
      </c>
      <c r="AV35" s="71">
        <v>0</v>
      </c>
      <c r="AW35" s="72">
        <v>0</v>
      </c>
      <c r="AX35" s="244"/>
      <c r="AY35" s="71">
        <v>1</v>
      </c>
      <c r="AZ35" s="71">
        <v>0</v>
      </c>
      <c r="BA35" s="71">
        <v>0</v>
      </c>
      <c r="BB35" s="71">
        <v>1</v>
      </c>
      <c r="BC35" s="71">
        <v>1</v>
      </c>
      <c r="BD35" s="72">
        <v>3</v>
      </c>
      <c r="BE35" s="73">
        <v>3</v>
      </c>
      <c r="BF35" s="70">
        <v>1</v>
      </c>
      <c r="BG35" s="71">
        <v>0</v>
      </c>
      <c r="BH35" s="72">
        <v>1</v>
      </c>
      <c r="BI35" s="244"/>
      <c r="BJ35" s="71">
        <v>3</v>
      </c>
      <c r="BK35" s="71">
        <v>2</v>
      </c>
      <c r="BL35" s="71">
        <v>0</v>
      </c>
      <c r="BM35" s="71">
        <v>2</v>
      </c>
      <c r="BN35" s="71">
        <v>0</v>
      </c>
      <c r="BO35" s="72">
        <v>7</v>
      </c>
      <c r="BP35" s="73">
        <v>8</v>
      </c>
      <c r="BQ35" s="70">
        <v>0</v>
      </c>
      <c r="BR35" s="71">
        <v>1</v>
      </c>
      <c r="BS35" s="72">
        <v>1</v>
      </c>
      <c r="BT35" s="244"/>
      <c r="BU35" s="71">
        <v>2</v>
      </c>
      <c r="BV35" s="71">
        <v>1</v>
      </c>
      <c r="BW35" s="71">
        <v>1</v>
      </c>
      <c r="BX35" s="71">
        <v>1</v>
      </c>
      <c r="BY35" s="71">
        <v>1</v>
      </c>
      <c r="BZ35" s="72">
        <v>6</v>
      </c>
      <c r="CA35" s="73">
        <v>7</v>
      </c>
      <c r="CB35" s="70">
        <v>0</v>
      </c>
      <c r="CC35" s="71">
        <v>0</v>
      </c>
      <c r="CD35" s="72">
        <v>0</v>
      </c>
      <c r="CE35" s="244"/>
      <c r="CF35" s="71">
        <v>0</v>
      </c>
      <c r="CG35" s="71">
        <v>0</v>
      </c>
      <c r="CH35" s="71">
        <v>0</v>
      </c>
      <c r="CI35" s="71">
        <v>0</v>
      </c>
      <c r="CJ35" s="71">
        <v>0</v>
      </c>
      <c r="CK35" s="72">
        <v>0</v>
      </c>
      <c r="CL35" s="73">
        <v>0</v>
      </c>
      <c r="CM35" s="70">
        <v>6</v>
      </c>
      <c r="CN35" s="71">
        <v>1</v>
      </c>
      <c r="CO35" s="72">
        <v>7</v>
      </c>
      <c r="CP35" s="244"/>
      <c r="CQ35" s="71">
        <v>7</v>
      </c>
      <c r="CR35" s="71">
        <v>4</v>
      </c>
      <c r="CS35" s="71">
        <v>2</v>
      </c>
      <c r="CT35" s="71">
        <v>5</v>
      </c>
      <c r="CU35" s="71">
        <v>4</v>
      </c>
      <c r="CV35" s="72">
        <v>22</v>
      </c>
      <c r="CW35" s="73">
        <v>29</v>
      </c>
      <c r="CX35" s="123">
        <v>0</v>
      </c>
      <c r="CY35" s="82">
        <v>1</v>
      </c>
      <c r="CZ35" s="83">
        <v>1</v>
      </c>
      <c r="DA35" s="241"/>
      <c r="DB35" s="82">
        <v>2</v>
      </c>
      <c r="DC35" s="82">
        <v>4</v>
      </c>
      <c r="DD35" s="82">
        <v>1</v>
      </c>
      <c r="DE35" s="82">
        <v>2</v>
      </c>
      <c r="DF35" s="82">
        <v>0</v>
      </c>
      <c r="DG35" s="84">
        <v>9</v>
      </c>
      <c r="DH35" s="85">
        <v>10</v>
      </c>
      <c r="DI35" s="70">
        <v>0</v>
      </c>
      <c r="DJ35" s="71">
        <v>0</v>
      </c>
      <c r="DK35" s="72">
        <v>0</v>
      </c>
      <c r="DL35" s="244"/>
      <c r="DM35" s="71">
        <v>0</v>
      </c>
      <c r="DN35" s="71">
        <v>0</v>
      </c>
      <c r="DO35" s="71">
        <v>0</v>
      </c>
      <c r="DP35" s="71">
        <v>0</v>
      </c>
      <c r="DQ35" s="71">
        <v>0</v>
      </c>
      <c r="DR35" s="72">
        <v>0</v>
      </c>
      <c r="DS35" s="73">
        <v>0</v>
      </c>
      <c r="DT35" s="70">
        <v>0</v>
      </c>
      <c r="DU35" s="71">
        <v>0</v>
      </c>
      <c r="DV35" s="72">
        <v>0</v>
      </c>
      <c r="DW35" s="244"/>
      <c r="DX35" s="71">
        <v>0</v>
      </c>
      <c r="DY35" s="71">
        <v>0</v>
      </c>
      <c r="DZ35" s="71">
        <v>0</v>
      </c>
      <c r="EA35" s="71">
        <v>0</v>
      </c>
      <c r="EB35" s="71">
        <v>0</v>
      </c>
      <c r="EC35" s="72">
        <v>0</v>
      </c>
      <c r="ED35" s="73">
        <v>0</v>
      </c>
      <c r="EE35" s="70">
        <v>0</v>
      </c>
      <c r="EF35" s="71">
        <v>1</v>
      </c>
      <c r="EG35" s="72">
        <v>1</v>
      </c>
      <c r="EH35" s="244"/>
      <c r="EI35" s="71">
        <v>0</v>
      </c>
      <c r="EJ35" s="71">
        <v>0</v>
      </c>
      <c r="EK35" s="71">
        <v>0</v>
      </c>
      <c r="EL35" s="71">
        <v>0</v>
      </c>
      <c r="EM35" s="71">
        <v>0</v>
      </c>
      <c r="EN35" s="72">
        <v>0</v>
      </c>
      <c r="EO35" s="73">
        <v>1</v>
      </c>
      <c r="EP35" s="70">
        <v>0</v>
      </c>
      <c r="EQ35" s="71">
        <v>0</v>
      </c>
      <c r="ER35" s="72">
        <v>0</v>
      </c>
      <c r="ES35" s="244"/>
      <c r="ET35" s="71">
        <v>1</v>
      </c>
      <c r="EU35" s="71">
        <v>0</v>
      </c>
      <c r="EV35" s="71">
        <v>0</v>
      </c>
      <c r="EW35" s="71">
        <v>0</v>
      </c>
      <c r="EX35" s="71">
        <v>0</v>
      </c>
      <c r="EY35" s="72">
        <v>1</v>
      </c>
      <c r="EZ35" s="73">
        <v>1</v>
      </c>
      <c r="FA35" s="70">
        <v>0</v>
      </c>
      <c r="FB35" s="71">
        <v>0</v>
      </c>
      <c r="FC35" s="72">
        <v>0</v>
      </c>
      <c r="FD35" s="244"/>
      <c r="FE35" s="71">
        <v>0</v>
      </c>
      <c r="FF35" s="71">
        <v>3</v>
      </c>
      <c r="FG35" s="71">
        <v>0</v>
      </c>
      <c r="FH35" s="71">
        <v>0</v>
      </c>
      <c r="FI35" s="71">
        <v>0</v>
      </c>
      <c r="FJ35" s="72">
        <v>3</v>
      </c>
      <c r="FK35" s="73">
        <v>3</v>
      </c>
      <c r="FL35" s="70">
        <v>0</v>
      </c>
      <c r="FM35" s="71">
        <v>0</v>
      </c>
      <c r="FN35" s="72">
        <v>0</v>
      </c>
      <c r="FO35" s="244"/>
      <c r="FP35" s="71">
        <v>1</v>
      </c>
      <c r="FQ35" s="71">
        <v>1</v>
      </c>
      <c r="FR35" s="71">
        <v>1</v>
      </c>
      <c r="FS35" s="71">
        <v>2</v>
      </c>
      <c r="FT35" s="71">
        <v>0</v>
      </c>
      <c r="FU35" s="72">
        <v>5</v>
      </c>
      <c r="FV35" s="73">
        <v>5</v>
      </c>
      <c r="FW35" s="70">
        <v>0</v>
      </c>
      <c r="FX35" s="71">
        <v>0</v>
      </c>
      <c r="FY35" s="72">
        <v>0</v>
      </c>
      <c r="FZ35" s="244"/>
      <c r="GA35" s="71">
        <v>0</v>
      </c>
      <c r="GB35" s="71">
        <v>0</v>
      </c>
      <c r="GC35" s="71">
        <v>0</v>
      </c>
      <c r="GD35" s="71">
        <v>0</v>
      </c>
      <c r="GE35" s="71">
        <v>0</v>
      </c>
      <c r="GF35" s="72">
        <v>0</v>
      </c>
      <c r="GG35" s="73">
        <v>0</v>
      </c>
      <c r="GH35" s="70">
        <v>0</v>
      </c>
      <c r="GI35" s="71">
        <v>1</v>
      </c>
      <c r="GJ35" s="72">
        <v>1</v>
      </c>
      <c r="GK35" s="244"/>
      <c r="GL35" s="71">
        <v>2</v>
      </c>
      <c r="GM35" s="71">
        <v>4</v>
      </c>
      <c r="GN35" s="71">
        <v>1</v>
      </c>
      <c r="GO35" s="71">
        <v>2</v>
      </c>
      <c r="GP35" s="71">
        <v>0</v>
      </c>
      <c r="GQ35" s="72">
        <v>9</v>
      </c>
      <c r="GR35" s="73">
        <v>10</v>
      </c>
      <c r="GS35" s="123">
        <v>6</v>
      </c>
      <c r="GT35" s="82">
        <v>2</v>
      </c>
      <c r="GU35" s="83">
        <v>8</v>
      </c>
      <c r="GV35" s="241"/>
      <c r="GW35" s="82">
        <v>9</v>
      </c>
      <c r="GX35" s="82">
        <v>8</v>
      </c>
      <c r="GY35" s="82">
        <v>3</v>
      </c>
      <c r="GZ35" s="82">
        <v>7</v>
      </c>
      <c r="HA35" s="82">
        <v>4</v>
      </c>
      <c r="HB35" s="84">
        <v>31</v>
      </c>
      <c r="HC35" s="85">
        <v>39</v>
      </c>
      <c r="HD35" s="70">
        <v>1</v>
      </c>
      <c r="HE35" s="71">
        <v>0</v>
      </c>
      <c r="HF35" s="72">
        <v>1</v>
      </c>
      <c r="HG35" s="244"/>
      <c r="HH35" s="71">
        <v>0</v>
      </c>
      <c r="HI35" s="71">
        <v>0</v>
      </c>
      <c r="HJ35" s="71">
        <v>0</v>
      </c>
      <c r="HK35" s="71">
        <v>1</v>
      </c>
      <c r="HL35" s="71">
        <v>0</v>
      </c>
      <c r="HM35" s="72">
        <v>1</v>
      </c>
      <c r="HN35" s="73">
        <v>2</v>
      </c>
      <c r="HO35" s="70">
        <v>2</v>
      </c>
      <c r="HP35" s="71">
        <v>0</v>
      </c>
      <c r="HQ35" s="72">
        <v>2</v>
      </c>
      <c r="HR35" s="244"/>
      <c r="HS35" s="71">
        <v>0</v>
      </c>
      <c r="HT35" s="71">
        <v>0</v>
      </c>
      <c r="HU35" s="71">
        <v>1</v>
      </c>
      <c r="HV35" s="71">
        <v>0</v>
      </c>
      <c r="HW35" s="71">
        <v>0</v>
      </c>
      <c r="HX35" s="72">
        <v>1</v>
      </c>
      <c r="HY35" s="73">
        <v>3</v>
      </c>
      <c r="HZ35" s="70">
        <v>2</v>
      </c>
      <c r="IA35" s="71">
        <v>1</v>
      </c>
      <c r="IB35" s="72">
        <v>3</v>
      </c>
      <c r="IC35" s="244"/>
      <c r="ID35" s="71">
        <v>1</v>
      </c>
      <c r="IE35" s="71">
        <v>1</v>
      </c>
      <c r="IF35" s="71">
        <v>0</v>
      </c>
      <c r="IG35" s="71">
        <v>0</v>
      </c>
      <c r="IH35" s="71">
        <v>2</v>
      </c>
      <c r="II35" s="72">
        <v>4</v>
      </c>
      <c r="IJ35" s="73">
        <v>7</v>
      </c>
      <c r="IK35" s="70">
        <v>0</v>
      </c>
      <c r="IL35" s="71">
        <v>0</v>
      </c>
      <c r="IM35" s="72">
        <v>0</v>
      </c>
      <c r="IN35" s="244"/>
      <c r="IO35" s="71">
        <v>2</v>
      </c>
      <c r="IP35" s="71">
        <v>0</v>
      </c>
      <c r="IQ35" s="71">
        <v>0</v>
      </c>
      <c r="IR35" s="71">
        <v>1</v>
      </c>
      <c r="IS35" s="71">
        <v>1</v>
      </c>
      <c r="IT35" s="72">
        <v>4</v>
      </c>
      <c r="IU35" s="73">
        <v>4</v>
      </c>
      <c r="IV35" s="70">
        <v>1</v>
      </c>
      <c r="IW35" s="71">
        <v>0</v>
      </c>
      <c r="IX35" s="72">
        <v>1</v>
      </c>
      <c r="IY35" s="244"/>
      <c r="IZ35" s="71">
        <v>3</v>
      </c>
      <c r="JA35" s="71">
        <v>5</v>
      </c>
      <c r="JB35" s="71">
        <v>0</v>
      </c>
      <c r="JC35" s="71">
        <v>2</v>
      </c>
      <c r="JD35" s="71">
        <v>0</v>
      </c>
      <c r="JE35" s="72">
        <v>10</v>
      </c>
      <c r="JF35" s="73">
        <v>11</v>
      </c>
      <c r="JG35" s="70">
        <v>0</v>
      </c>
      <c r="JH35" s="71">
        <v>1</v>
      </c>
      <c r="JI35" s="72">
        <v>1</v>
      </c>
      <c r="JJ35" s="244"/>
      <c r="JK35" s="71">
        <v>3</v>
      </c>
      <c r="JL35" s="71">
        <v>2</v>
      </c>
      <c r="JM35" s="71">
        <v>2</v>
      </c>
      <c r="JN35" s="71">
        <v>3</v>
      </c>
      <c r="JO35" s="71">
        <v>1</v>
      </c>
      <c r="JP35" s="72">
        <v>11</v>
      </c>
      <c r="JQ35" s="73">
        <v>12</v>
      </c>
      <c r="JR35" s="70">
        <v>0</v>
      </c>
      <c r="JS35" s="71">
        <v>0</v>
      </c>
      <c r="JT35" s="72">
        <v>0</v>
      </c>
      <c r="JU35" s="244"/>
      <c r="JV35" s="71">
        <v>0</v>
      </c>
      <c r="JW35" s="71">
        <v>0</v>
      </c>
      <c r="JX35" s="71">
        <v>0</v>
      </c>
      <c r="JY35" s="71">
        <v>0</v>
      </c>
      <c r="JZ35" s="71">
        <v>0</v>
      </c>
      <c r="KA35" s="72">
        <v>0</v>
      </c>
      <c r="KB35" s="73">
        <v>0</v>
      </c>
      <c r="KC35" s="70">
        <v>6</v>
      </c>
      <c r="KD35" s="71">
        <v>2</v>
      </c>
      <c r="KE35" s="72">
        <v>8</v>
      </c>
      <c r="KF35" s="244"/>
      <c r="KG35" s="71">
        <v>9</v>
      </c>
      <c r="KH35" s="71">
        <v>8</v>
      </c>
      <c r="KI35" s="71">
        <v>3</v>
      </c>
      <c r="KJ35" s="71">
        <v>7</v>
      </c>
      <c r="KK35" s="71">
        <v>4</v>
      </c>
      <c r="KL35" s="72">
        <v>31</v>
      </c>
      <c r="KM35" s="73">
        <v>39</v>
      </c>
    </row>
    <row r="36" spans="2:299" ht="19.5" customHeight="1" x14ac:dyDescent="0.2">
      <c r="B36" s="126" t="s">
        <v>33</v>
      </c>
      <c r="C36" s="316">
        <v>4</v>
      </c>
      <c r="D36" s="82">
        <v>1</v>
      </c>
      <c r="E36" s="83">
        <v>5</v>
      </c>
      <c r="F36" s="241"/>
      <c r="G36" s="82">
        <v>9</v>
      </c>
      <c r="H36" s="82">
        <v>1</v>
      </c>
      <c r="I36" s="82">
        <v>2</v>
      </c>
      <c r="J36" s="82">
        <v>1</v>
      </c>
      <c r="K36" s="82">
        <v>3</v>
      </c>
      <c r="L36" s="84">
        <v>16</v>
      </c>
      <c r="M36" s="85">
        <v>21</v>
      </c>
      <c r="N36" s="70">
        <v>0</v>
      </c>
      <c r="O36" s="71">
        <v>0</v>
      </c>
      <c r="P36" s="72">
        <v>0</v>
      </c>
      <c r="Q36" s="244"/>
      <c r="R36" s="71">
        <v>1</v>
      </c>
      <c r="S36" s="71">
        <v>0</v>
      </c>
      <c r="T36" s="71">
        <v>0</v>
      </c>
      <c r="U36" s="71">
        <v>0</v>
      </c>
      <c r="V36" s="71">
        <v>0</v>
      </c>
      <c r="W36" s="72">
        <v>1</v>
      </c>
      <c r="X36" s="73">
        <v>1</v>
      </c>
      <c r="Y36" s="70">
        <v>0</v>
      </c>
      <c r="Z36" s="71">
        <v>0</v>
      </c>
      <c r="AA36" s="72">
        <v>0</v>
      </c>
      <c r="AB36" s="244"/>
      <c r="AC36" s="71">
        <v>1</v>
      </c>
      <c r="AD36" s="71">
        <v>0</v>
      </c>
      <c r="AE36" s="71">
        <v>0</v>
      </c>
      <c r="AF36" s="71">
        <v>1</v>
      </c>
      <c r="AG36" s="71">
        <v>2</v>
      </c>
      <c r="AH36" s="72">
        <v>4</v>
      </c>
      <c r="AI36" s="73">
        <v>4</v>
      </c>
      <c r="AJ36" s="70">
        <v>0</v>
      </c>
      <c r="AK36" s="71">
        <v>0</v>
      </c>
      <c r="AL36" s="72">
        <v>0</v>
      </c>
      <c r="AM36" s="244"/>
      <c r="AN36" s="71">
        <v>2</v>
      </c>
      <c r="AO36" s="71">
        <v>0</v>
      </c>
      <c r="AP36" s="71">
        <v>0</v>
      </c>
      <c r="AQ36" s="71">
        <v>0</v>
      </c>
      <c r="AR36" s="71">
        <v>1</v>
      </c>
      <c r="AS36" s="72">
        <v>3</v>
      </c>
      <c r="AT36" s="73">
        <v>3</v>
      </c>
      <c r="AU36" s="70">
        <v>0</v>
      </c>
      <c r="AV36" s="71">
        <v>0</v>
      </c>
      <c r="AW36" s="72">
        <v>0</v>
      </c>
      <c r="AX36" s="244"/>
      <c r="AY36" s="71">
        <v>0</v>
      </c>
      <c r="AZ36" s="71">
        <v>1</v>
      </c>
      <c r="BA36" s="71">
        <v>0</v>
      </c>
      <c r="BB36" s="71">
        <v>0</v>
      </c>
      <c r="BC36" s="71">
        <v>0</v>
      </c>
      <c r="BD36" s="72">
        <v>1</v>
      </c>
      <c r="BE36" s="73">
        <v>1</v>
      </c>
      <c r="BF36" s="70">
        <v>2</v>
      </c>
      <c r="BG36" s="71">
        <v>0</v>
      </c>
      <c r="BH36" s="72">
        <v>2</v>
      </c>
      <c r="BI36" s="244"/>
      <c r="BJ36" s="71">
        <v>1</v>
      </c>
      <c r="BK36" s="71">
        <v>0</v>
      </c>
      <c r="BL36" s="71">
        <v>1</v>
      </c>
      <c r="BM36" s="71">
        <v>0</v>
      </c>
      <c r="BN36" s="71">
        <v>0</v>
      </c>
      <c r="BO36" s="72">
        <v>2</v>
      </c>
      <c r="BP36" s="73">
        <v>4</v>
      </c>
      <c r="BQ36" s="70">
        <v>2</v>
      </c>
      <c r="BR36" s="71">
        <v>1</v>
      </c>
      <c r="BS36" s="72">
        <v>3</v>
      </c>
      <c r="BT36" s="244"/>
      <c r="BU36" s="71">
        <v>4</v>
      </c>
      <c r="BV36" s="71">
        <v>0</v>
      </c>
      <c r="BW36" s="71">
        <v>1</v>
      </c>
      <c r="BX36" s="71">
        <v>0</v>
      </c>
      <c r="BY36" s="71">
        <v>0</v>
      </c>
      <c r="BZ36" s="72">
        <v>5</v>
      </c>
      <c r="CA36" s="73">
        <v>8</v>
      </c>
      <c r="CB36" s="70">
        <v>0</v>
      </c>
      <c r="CC36" s="71">
        <v>0</v>
      </c>
      <c r="CD36" s="72">
        <v>0</v>
      </c>
      <c r="CE36" s="244"/>
      <c r="CF36" s="71">
        <v>0</v>
      </c>
      <c r="CG36" s="71">
        <v>0</v>
      </c>
      <c r="CH36" s="71">
        <v>0</v>
      </c>
      <c r="CI36" s="71">
        <v>0</v>
      </c>
      <c r="CJ36" s="71">
        <v>0</v>
      </c>
      <c r="CK36" s="72">
        <v>0</v>
      </c>
      <c r="CL36" s="73">
        <v>0</v>
      </c>
      <c r="CM36" s="70">
        <v>4</v>
      </c>
      <c r="CN36" s="71">
        <v>1</v>
      </c>
      <c r="CO36" s="72">
        <v>5</v>
      </c>
      <c r="CP36" s="244"/>
      <c r="CQ36" s="71">
        <v>9</v>
      </c>
      <c r="CR36" s="71">
        <v>1</v>
      </c>
      <c r="CS36" s="71">
        <v>2</v>
      </c>
      <c r="CT36" s="71">
        <v>1</v>
      </c>
      <c r="CU36" s="71">
        <v>3</v>
      </c>
      <c r="CV36" s="72">
        <v>16</v>
      </c>
      <c r="CW36" s="73">
        <v>21</v>
      </c>
      <c r="CX36" s="123">
        <v>4</v>
      </c>
      <c r="CY36" s="82">
        <v>3</v>
      </c>
      <c r="CZ36" s="83">
        <v>7</v>
      </c>
      <c r="DA36" s="241"/>
      <c r="DB36" s="82">
        <v>1</v>
      </c>
      <c r="DC36" s="82">
        <v>1</v>
      </c>
      <c r="DD36" s="82">
        <v>3</v>
      </c>
      <c r="DE36" s="82">
        <v>4</v>
      </c>
      <c r="DF36" s="82">
        <v>1</v>
      </c>
      <c r="DG36" s="84">
        <v>10</v>
      </c>
      <c r="DH36" s="85">
        <v>17</v>
      </c>
      <c r="DI36" s="70">
        <v>0</v>
      </c>
      <c r="DJ36" s="71">
        <v>0</v>
      </c>
      <c r="DK36" s="72">
        <v>0</v>
      </c>
      <c r="DL36" s="244"/>
      <c r="DM36" s="71">
        <v>0</v>
      </c>
      <c r="DN36" s="71">
        <v>0</v>
      </c>
      <c r="DO36" s="71">
        <v>0</v>
      </c>
      <c r="DP36" s="71">
        <v>0</v>
      </c>
      <c r="DQ36" s="71">
        <v>0</v>
      </c>
      <c r="DR36" s="72">
        <v>0</v>
      </c>
      <c r="DS36" s="73">
        <v>0</v>
      </c>
      <c r="DT36" s="70">
        <v>0</v>
      </c>
      <c r="DU36" s="71">
        <v>0</v>
      </c>
      <c r="DV36" s="72">
        <v>0</v>
      </c>
      <c r="DW36" s="244"/>
      <c r="DX36" s="71">
        <v>0</v>
      </c>
      <c r="DY36" s="71">
        <v>1</v>
      </c>
      <c r="DZ36" s="71">
        <v>1</v>
      </c>
      <c r="EA36" s="71">
        <v>0</v>
      </c>
      <c r="EB36" s="71">
        <v>0</v>
      </c>
      <c r="EC36" s="72">
        <v>2</v>
      </c>
      <c r="ED36" s="73">
        <v>2</v>
      </c>
      <c r="EE36" s="70">
        <v>0</v>
      </c>
      <c r="EF36" s="71">
        <v>1</v>
      </c>
      <c r="EG36" s="72">
        <v>1</v>
      </c>
      <c r="EH36" s="244"/>
      <c r="EI36" s="71">
        <v>0</v>
      </c>
      <c r="EJ36" s="71">
        <v>0</v>
      </c>
      <c r="EK36" s="71">
        <v>0</v>
      </c>
      <c r="EL36" s="71">
        <v>2</v>
      </c>
      <c r="EM36" s="71">
        <v>0</v>
      </c>
      <c r="EN36" s="72">
        <v>2</v>
      </c>
      <c r="EO36" s="73">
        <v>3</v>
      </c>
      <c r="EP36" s="70">
        <v>2</v>
      </c>
      <c r="EQ36" s="71">
        <v>0</v>
      </c>
      <c r="ER36" s="72">
        <v>2</v>
      </c>
      <c r="ES36" s="244"/>
      <c r="ET36" s="71">
        <v>0</v>
      </c>
      <c r="EU36" s="71">
        <v>0</v>
      </c>
      <c r="EV36" s="71">
        <v>0</v>
      </c>
      <c r="EW36" s="71">
        <v>0</v>
      </c>
      <c r="EX36" s="71">
        <v>0</v>
      </c>
      <c r="EY36" s="72">
        <v>0</v>
      </c>
      <c r="EZ36" s="73">
        <v>2</v>
      </c>
      <c r="FA36" s="70">
        <v>1</v>
      </c>
      <c r="FB36" s="71">
        <v>1</v>
      </c>
      <c r="FC36" s="72">
        <v>2</v>
      </c>
      <c r="FD36" s="244"/>
      <c r="FE36" s="71">
        <v>1</v>
      </c>
      <c r="FF36" s="71">
        <v>0</v>
      </c>
      <c r="FG36" s="71">
        <v>0</v>
      </c>
      <c r="FH36" s="71">
        <v>1</v>
      </c>
      <c r="FI36" s="71">
        <v>1</v>
      </c>
      <c r="FJ36" s="72">
        <v>3</v>
      </c>
      <c r="FK36" s="73">
        <v>5</v>
      </c>
      <c r="FL36" s="70">
        <v>1</v>
      </c>
      <c r="FM36" s="71">
        <v>1</v>
      </c>
      <c r="FN36" s="72">
        <v>2</v>
      </c>
      <c r="FO36" s="244"/>
      <c r="FP36" s="71">
        <v>0</v>
      </c>
      <c r="FQ36" s="71">
        <v>0</v>
      </c>
      <c r="FR36" s="71">
        <v>2</v>
      </c>
      <c r="FS36" s="71">
        <v>1</v>
      </c>
      <c r="FT36" s="71">
        <v>0</v>
      </c>
      <c r="FU36" s="72">
        <v>3</v>
      </c>
      <c r="FV36" s="73">
        <v>5</v>
      </c>
      <c r="FW36" s="70">
        <v>0</v>
      </c>
      <c r="FX36" s="71">
        <v>0</v>
      </c>
      <c r="FY36" s="72">
        <v>0</v>
      </c>
      <c r="FZ36" s="244"/>
      <c r="GA36" s="71">
        <v>0</v>
      </c>
      <c r="GB36" s="71">
        <v>0</v>
      </c>
      <c r="GC36" s="71">
        <v>0</v>
      </c>
      <c r="GD36" s="71">
        <v>0</v>
      </c>
      <c r="GE36" s="71">
        <v>0</v>
      </c>
      <c r="GF36" s="72">
        <v>0</v>
      </c>
      <c r="GG36" s="73">
        <v>0</v>
      </c>
      <c r="GH36" s="70">
        <v>4</v>
      </c>
      <c r="GI36" s="71">
        <v>3</v>
      </c>
      <c r="GJ36" s="72">
        <v>7</v>
      </c>
      <c r="GK36" s="244"/>
      <c r="GL36" s="71">
        <v>1</v>
      </c>
      <c r="GM36" s="71">
        <v>1</v>
      </c>
      <c r="GN36" s="71">
        <v>3</v>
      </c>
      <c r="GO36" s="71">
        <v>4</v>
      </c>
      <c r="GP36" s="71">
        <v>1</v>
      </c>
      <c r="GQ36" s="72">
        <v>10</v>
      </c>
      <c r="GR36" s="73">
        <v>17</v>
      </c>
      <c r="GS36" s="123">
        <v>8</v>
      </c>
      <c r="GT36" s="82">
        <v>4</v>
      </c>
      <c r="GU36" s="83">
        <v>12</v>
      </c>
      <c r="GV36" s="241"/>
      <c r="GW36" s="82">
        <v>10</v>
      </c>
      <c r="GX36" s="82">
        <v>2</v>
      </c>
      <c r="GY36" s="82">
        <v>5</v>
      </c>
      <c r="GZ36" s="82">
        <v>5</v>
      </c>
      <c r="HA36" s="82">
        <v>4</v>
      </c>
      <c r="HB36" s="84">
        <v>26</v>
      </c>
      <c r="HC36" s="85">
        <v>38</v>
      </c>
      <c r="HD36" s="70">
        <v>0</v>
      </c>
      <c r="HE36" s="71">
        <v>0</v>
      </c>
      <c r="HF36" s="72">
        <v>0</v>
      </c>
      <c r="HG36" s="244"/>
      <c r="HH36" s="71">
        <v>1</v>
      </c>
      <c r="HI36" s="71">
        <v>0</v>
      </c>
      <c r="HJ36" s="71">
        <v>0</v>
      </c>
      <c r="HK36" s="71">
        <v>0</v>
      </c>
      <c r="HL36" s="71">
        <v>0</v>
      </c>
      <c r="HM36" s="72">
        <v>1</v>
      </c>
      <c r="HN36" s="73">
        <v>1</v>
      </c>
      <c r="HO36" s="70">
        <v>0</v>
      </c>
      <c r="HP36" s="71">
        <v>0</v>
      </c>
      <c r="HQ36" s="72">
        <v>0</v>
      </c>
      <c r="HR36" s="244"/>
      <c r="HS36" s="71">
        <v>1</v>
      </c>
      <c r="HT36" s="71">
        <v>1</v>
      </c>
      <c r="HU36" s="71">
        <v>1</v>
      </c>
      <c r="HV36" s="71">
        <v>1</v>
      </c>
      <c r="HW36" s="71">
        <v>2</v>
      </c>
      <c r="HX36" s="72">
        <v>6</v>
      </c>
      <c r="HY36" s="73">
        <v>6</v>
      </c>
      <c r="HZ36" s="70">
        <v>0</v>
      </c>
      <c r="IA36" s="71">
        <v>1</v>
      </c>
      <c r="IB36" s="72">
        <v>1</v>
      </c>
      <c r="IC36" s="244"/>
      <c r="ID36" s="71">
        <v>2</v>
      </c>
      <c r="IE36" s="71">
        <v>0</v>
      </c>
      <c r="IF36" s="71">
        <v>0</v>
      </c>
      <c r="IG36" s="71">
        <v>2</v>
      </c>
      <c r="IH36" s="71">
        <v>1</v>
      </c>
      <c r="II36" s="72">
        <v>5</v>
      </c>
      <c r="IJ36" s="73">
        <v>6</v>
      </c>
      <c r="IK36" s="70">
        <v>2</v>
      </c>
      <c r="IL36" s="71">
        <v>0</v>
      </c>
      <c r="IM36" s="72">
        <v>2</v>
      </c>
      <c r="IN36" s="244"/>
      <c r="IO36" s="71">
        <v>0</v>
      </c>
      <c r="IP36" s="71">
        <v>1</v>
      </c>
      <c r="IQ36" s="71">
        <v>0</v>
      </c>
      <c r="IR36" s="71">
        <v>0</v>
      </c>
      <c r="IS36" s="71">
        <v>0</v>
      </c>
      <c r="IT36" s="72">
        <v>1</v>
      </c>
      <c r="IU36" s="73">
        <v>3</v>
      </c>
      <c r="IV36" s="70">
        <v>3</v>
      </c>
      <c r="IW36" s="71">
        <v>1</v>
      </c>
      <c r="IX36" s="72">
        <v>4</v>
      </c>
      <c r="IY36" s="244"/>
      <c r="IZ36" s="71">
        <v>2</v>
      </c>
      <c r="JA36" s="71">
        <v>0</v>
      </c>
      <c r="JB36" s="71">
        <v>1</v>
      </c>
      <c r="JC36" s="71">
        <v>1</v>
      </c>
      <c r="JD36" s="71">
        <v>1</v>
      </c>
      <c r="JE36" s="72">
        <v>5</v>
      </c>
      <c r="JF36" s="73">
        <v>9</v>
      </c>
      <c r="JG36" s="70">
        <v>3</v>
      </c>
      <c r="JH36" s="71">
        <v>2</v>
      </c>
      <c r="JI36" s="72">
        <v>5</v>
      </c>
      <c r="JJ36" s="244"/>
      <c r="JK36" s="71">
        <v>4</v>
      </c>
      <c r="JL36" s="71">
        <v>0</v>
      </c>
      <c r="JM36" s="71">
        <v>3</v>
      </c>
      <c r="JN36" s="71">
        <v>1</v>
      </c>
      <c r="JO36" s="71">
        <v>0</v>
      </c>
      <c r="JP36" s="72">
        <v>8</v>
      </c>
      <c r="JQ36" s="73">
        <v>13</v>
      </c>
      <c r="JR36" s="70">
        <v>0</v>
      </c>
      <c r="JS36" s="71">
        <v>0</v>
      </c>
      <c r="JT36" s="72">
        <v>0</v>
      </c>
      <c r="JU36" s="244"/>
      <c r="JV36" s="71">
        <v>0</v>
      </c>
      <c r="JW36" s="71">
        <v>0</v>
      </c>
      <c r="JX36" s="71">
        <v>0</v>
      </c>
      <c r="JY36" s="71">
        <v>0</v>
      </c>
      <c r="JZ36" s="71">
        <v>0</v>
      </c>
      <c r="KA36" s="72">
        <v>0</v>
      </c>
      <c r="KB36" s="73">
        <v>0</v>
      </c>
      <c r="KC36" s="70">
        <v>8</v>
      </c>
      <c r="KD36" s="71">
        <v>4</v>
      </c>
      <c r="KE36" s="72">
        <v>12</v>
      </c>
      <c r="KF36" s="244"/>
      <c r="KG36" s="71">
        <v>10</v>
      </c>
      <c r="KH36" s="71">
        <v>2</v>
      </c>
      <c r="KI36" s="71">
        <v>5</v>
      </c>
      <c r="KJ36" s="71">
        <v>5</v>
      </c>
      <c r="KK36" s="71">
        <v>4</v>
      </c>
      <c r="KL36" s="72">
        <v>26</v>
      </c>
      <c r="KM36" s="73">
        <v>38</v>
      </c>
    </row>
    <row r="37" spans="2:299" ht="19.5" customHeight="1" x14ac:dyDescent="0.2">
      <c r="B37" s="126" t="s">
        <v>34</v>
      </c>
      <c r="C37" s="316">
        <v>1</v>
      </c>
      <c r="D37" s="82">
        <v>1</v>
      </c>
      <c r="E37" s="83">
        <v>2</v>
      </c>
      <c r="F37" s="241"/>
      <c r="G37" s="82">
        <v>3</v>
      </c>
      <c r="H37" s="82">
        <v>4</v>
      </c>
      <c r="I37" s="82">
        <v>1</v>
      </c>
      <c r="J37" s="82">
        <v>1</v>
      </c>
      <c r="K37" s="82">
        <v>0</v>
      </c>
      <c r="L37" s="84">
        <v>9</v>
      </c>
      <c r="M37" s="85">
        <v>11</v>
      </c>
      <c r="N37" s="70">
        <v>0</v>
      </c>
      <c r="O37" s="71">
        <v>0</v>
      </c>
      <c r="P37" s="72">
        <v>0</v>
      </c>
      <c r="Q37" s="244"/>
      <c r="R37" s="71">
        <v>0</v>
      </c>
      <c r="S37" s="71">
        <v>1</v>
      </c>
      <c r="T37" s="71">
        <v>0</v>
      </c>
      <c r="U37" s="71">
        <v>0</v>
      </c>
      <c r="V37" s="71">
        <v>0</v>
      </c>
      <c r="W37" s="72">
        <v>1</v>
      </c>
      <c r="X37" s="73">
        <v>1</v>
      </c>
      <c r="Y37" s="70">
        <v>0</v>
      </c>
      <c r="Z37" s="71">
        <v>0</v>
      </c>
      <c r="AA37" s="72">
        <v>0</v>
      </c>
      <c r="AB37" s="244"/>
      <c r="AC37" s="71">
        <v>0</v>
      </c>
      <c r="AD37" s="71">
        <v>0</v>
      </c>
      <c r="AE37" s="71">
        <v>0</v>
      </c>
      <c r="AF37" s="71">
        <v>0</v>
      </c>
      <c r="AG37" s="71">
        <v>0</v>
      </c>
      <c r="AH37" s="72">
        <v>0</v>
      </c>
      <c r="AI37" s="73">
        <v>0</v>
      </c>
      <c r="AJ37" s="70">
        <v>0</v>
      </c>
      <c r="AK37" s="71">
        <v>1</v>
      </c>
      <c r="AL37" s="72">
        <v>1</v>
      </c>
      <c r="AM37" s="244"/>
      <c r="AN37" s="71">
        <v>0</v>
      </c>
      <c r="AO37" s="71">
        <v>0</v>
      </c>
      <c r="AP37" s="71">
        <v>1</v>
      </c>
      <c r="AQ37" s="71">
        <v>1</v>
      </c>
      <c r="AR37" s="71">
        <v>0</v>
      </c>
      <c r="AS37" s="72">
        <v>2</v>
      </c>
      <c r="AT37" s="73">
        <v>3</v>
      </c>
      <c r="AU37" s="70">
        <v>1</v>
      </c>
      <c r="AV37" s="71">
        <v>0</v>
      </c>
      <c r="AW37" s="72">
        <v>1</v>
      </c>
      <c r="AX37" s="244"/>
      <c r="AY37" s="71">
        <v>1</v>
      </c>
      <c r="AZ37" s="71">
        <v>0</v>
      </c>
      <c r="BA37" s="71">
        <v>0</v>
      </c>
      <c r="BB37" s="71">
        <v>0</v>
      </c>
      <c r="BC37" s="71">
        <v>0</v>
      </c>
      <c r="BD37" s="72">
        <v>1</v>
      </c>
      <c r="BE37" s="73">
        <v>2</v>
      </c>
      <c r="BF37" s="70">
        <v>0</v>
      </c>
      <c r="BG37" s="71">
        <v>0</v>
      </c>
      <c r="BH37" s="72">
        <v>0</v>
      </c>
      <c r="BI37" s="244"/>
      <c r="BJ37" s="71">
        <v>0</v>
      </c>
      <c r="BK37" s="71">
        <v>1</v>
      </c>
      <c r="BL37" s="71">
        <v>0</v>
      </c>
      <c r="BM37" s="71">
        <v>0</v>
      </c>
      <c r="BN37" s="71">
        <v>0</v>
      </c>
      <c r="BO37" s="72">
        <v>1</v>
      </c>
      <c r="BP37" s="73">
        <v>1</v>
      </c>
      <c r="BQ37" s="70">
        <v>0</v>
      </c>
      <c r="BR37" s="71">
        <v>0</v>
      </c>
      <c r="BS37" s="72">
        <v>0</v>
      </c>
      <c r="BT37" s="244"/>
      <c r="BU37" s="71">
        <v>2</v>
      </c>
      <c r="BV37" s="71">
        <v>2</v>
      </c>
      <c r="BW37" s="71">
        <v>0</v>
      </c>
      <c r="BX37" s="71">
        <v>0</v>
      </c>
      <c r="BY37" s="71">
        <v>0</v>
      </c>
      <c r="BZ37" s="72">
        <v>4</v>
      </c>
      <c r="CA37" s="73">
        <v>4</v>
      </c>
      <c r="CB37" s="70">
        <v>0</v>
      </c>
      <c r="CC37" s="71">
        <v>0</v>
      </c>
      <c r="CD37" s="72">
        <v>0</v>
      </c>
      <c r="CE37" s="244"/>
      <c r="CF37" s="71">
        <v>0</v>
      </c>
      <c r="CG37" s="71">
        <v>0</v>
      </c>
      <c r="CH37" s="71">
        <v>0</v>
      </c>
      <c r="CI37" s="71">
        <v>0</v>
      </c>
      <c r="CJ37" s="71">
        <v>0</v>
      </c>
      <c r="CK37" s="72">
        <v>0</v>
      </c>
      <c r="CL37" s="73">
        <v>0</v>
      </c>
      <c r="CM37" s="70">
        <v>1</v>
      </c>
      <c r="CN37" s="71">
        <v>1</v>
      </c>
      <c r="CO37" s="72">
        <v>2</v>
      </c>
      <c r="CP37" s="244"/>
      <c r="CQ37" s="71">
        <v>3</v>
      </c>
      <c r="CR37" s="71">
        <v>4</v>
      </c>
      <c r="CS37" s="71">
        <v>1</v>
      </c>
      <c r="CT37" s="71">
        <v>1</v>
      </c>
      <c r="CU37" s="71">
        <v>0</v>
      </c>
      <c r="CV37" s="72">
        <v>9</v>
      </c>
      <c r="CW37" s="73">
        <v>11</v>
      </c>
      <c r="CX37" s="123">
        <v>0</v>
      </c>
      <c r="CY37" s="82">
        <v>0</v>
      </c>
      <c r="CZ37" s="83">
        <v>0</v>
      </c>
      <c r="DA37" s="241"/>
      <c r="DB37" s="82">
        <v>1</v>
      </c>
      <c r="DC37" s="82">
        <v>0</v>
      </c>
      <c r="DD37" s="82">
        <v>1</v>
      </c>
      <c r="DE37" s="82">
        <v>1</v>
      </c>
      <c r="DF37" s="82">
        <v>0</v>
      </c>
      <c r="DG37" s="84">
        <v>3</v>
      </c>
      <c r="DH37" s="85">
        <v>3</v>
      </c>
      <c r="DI37" s="70">
        <v>0</v>
      </c>
      <c r="DJ37" s="71">
        <v>0</v>
      </c>
      <c r="DK37" s="72">
        <v>0</v>
      </c>
      <c r="DL37" s="244"/>
      <c r="DM37" s="71">
        <v>0</v>
      </c>
      <c r="DN37" s="71">
        <v>0</v>
      </c>
      <c r="DO37" s="71">
        <v>0</v>
      </c>
      <c r="DP37" s="71">
        <v>0</v>
      </c>
      <c r="DQ37" s="71">
        <v>0</v>
      </c>
      <c r="DR37" s="72">
        <v>0</v>
      </c>
      <c r="DS37" s="73">
        <v>0</v>
      </c>
      <c r="DT37" s="70">
        <v>0</v>
      </c>
      <c r="DU37" s="71">
        <v>0</v>
      </c>
      <c r="DV37" s="72">
        <v>0</v>
      </c>
      <c r="DW37" s="244"/>
      <c r="DX37" s="71">
        <v>0</v>
      </c>
      <c r="DY37" s="71">
        <v>0</v>
      </c>
      <c r="DZ37" s="71">
        <v>0</v>
      </c>
      <c r="EA37" s="71">
        <v>0</v>
      </c>
      <c r="EB37" s="71">
        <v>0</v>
      </c>
      <c r="EC37" s="72">
        <v>0</v>
      </c>
      <c r="ED37" s="73">
        <v>0</v>
      </c>
      <c r="EE37" s="70">
        <v>0</v>
      </c>
      <c r="EF37" s="71">
        <v>0</v>
      </c>
      <c r="EG37" s="72">
        <v>0</v>
      </c>
      <c r="EH37" s="244"/>
      <c r="EI37" s="71">
        <v>0</v>
      </c>
      <c r="EJ37" s="71">
        <v>0</v>
      </c>
      <c r="EK37" s="71">
        <v>1</v>
      </c>
      <c r="EL37" s="71">
        <v>0</v>
      </c>
      <c r="EM37" s="71">
        <v>0</v>
      </c>
      <c r="EN37" s="72">
        <v>1</v>
      </c>
      <c r="EO37" s="73">
        <v>1</v>
      </c>
      <c r="EP37" s="70">
        <v>0</v>
      </c>
      <c r="EQ37" s="71">
        <v>0</v>
      </c>
      <c r="ER37" s="72">
        <v>0</v>
      </c>
      <c r="ES37" s="244"/>
      <c r="ET37" s="71">
        <v>0</v>
      </c>
      <c r="EU37" s="71">
        <v>0</v>
      </c>
      <c r="EV37" s="71">
        <v>0</v>
      </c>
      <c r="EW37" s="71">
        <v>1</v>
      </c>
      <c r="EX37" s="71">
        <v>0</v>
      </c>
      <c r="EY37" s="72">
        <v>1</v>
      </c>
      <c r="EZ37" s="73">
        <v>1</v>
      </c>
      <c r="FA37" s="70">
        <v>0</v>
      </c>
      <c r="FB37" s="71">
        <v>0</v>
      </c>
      <c r="FC37" s="72">
        <v>0</v>
      </c>
      <c r="FD37" s="244"/>
      <c r="FE37" s="71">
        <v>1</v>
      </c>
      <c r="FF37" s="71">
        <v>0</v>
      </c>
      <c r="FG37" s="71">
        <v>0</v>
      </c>
      <c r="FH37" s="71">
        <v>0</v>
      </c>
      <c r="FI37" s="71">
        <v>0</v>
      </c>
      <c r="FJ37" s="72">
        <v>1</v>
      </c>
      <c r="FK37" s="73">
        <v>1</v>
      </c>
      <c r="FL37" s="70">
        <v>0</v>
      </c>
      <c r="FM37" s="71">
        <v>0</v>
      </c>
      <c r="FN37" s="72">
        <v>0</v>
      </c>
      <c r="FO37" s="244"/>
      <c r="FP37" s="71">
        <v>0</v>
      </c>
      <c r="FQ37" s="71">
        <v>0</v>
      </c>
      <c r="FR37" s="71">
        <v>0</v>
      </c>
      <c r="FS37" s="71">
        <v>0</v>
      </c>
      <c r="FT37" s="71">
        <v>0</v>
      </c>
      <c r="FU37" s="72">
        <v>0</v>
      </c>
      <c r="FV37" s="73">
        <v>0</v>
      </c>
      <c r="FW37" s="70">
        <v>0</v>
      </c>
      <c r="FX37" s="71">
        <v>0</v>
      </c>
      <c r="FY37" s="72">
        <v>0</v>
      </c>
      <c r="FZ37" s="244"/>
      <c r="GA37" s="71">
        <v>0</v>
      </c>
      <c r="GB37" s="71">
        <v>0</v>
      </c>
      <c r="GC37" s="71">
        <v>0</v>
      </c>
      <c r="GD37" s="71">
        <v>0</v>
      </c>
      <c r="GE37" s="71">
        <v>0</v>
      </c>
      <c r="GF37" s="72">
        <v>0</v>
      </c>
      <c r="GG37" s="73">
        <v>0</v>
      </c>
      <c r="GH37" s="70">
        <v>0</v>
      </c>
      <c r="GI37" s="71">
        <v>0</v>
      </c>
      <c r="GJ37" s="72">
        <v>0</v>
      </c>
      <c r="GK37" s="244"/>
      <c r="GL37" s="71">
        <v>1</v>
      </c>
      <c r="GM37" s="71">
        <v>0</v>
      </c>
      <c r="GN37" s="71">
        <v>1</v>
      </c>
      <c r="GO37" s="71">
        <v>1</v>
      </c>
      <c r="GP37" s="71">
        <v>0</v>
      </c>
      <c r="GQ37" s="72">
        <v>3</v>
      </c>
      <c r="GR37" s="73">
        <v>3</v>
      </c>
      <c r="GS37" s="123">
        <v>1</v>
      </c>
      <c r="GT37" s="82">
        <v>1</v>
      </c>
      <c r="GU37" s="83">
        <v>2</v>
      </c>
      <c r="GV37" s="241"/>
      <c r="GW37" s="82">
        <v>4</v>
      </c>
      <c r="GX37" s="82">
        <v>4</v>
      </c>
      <c r="GY37" s="82">
        <v>2</v>
      </c>
      <c r="GZ37" s="82">
        <v>2</v>
      </c>
      <c r="HA37" s="82">
        <v>0</v>
      </c>
      <c r="HB37" s="84">
        <v>12</v>
      </c>
      <c r="HC37" s="85">
        <v>14</v>
      </c>
      <c r="HD37" s="70">
        <v>0</v>
      </c>
      <c r="HE37" s="71">
        <v>0</v>
      </c>
      <c r="HF37" s="72">
        <v>0</v>
      </c>
      <c r="HG37" s="244"/>
      <c r="HH37" s="71">
        <v>0</v>
      </c>
      <c r="HI37" s="71">
        <v>1</v>
      </c>
      <c r="HJ37" s="71">
        <v>0</v>
      </c>
      <c r="HK37" s="71">
        <v>0</v>
      </c>
      <c r="HL37" s="71">
        <v>0</v>
      </c>
      <c r="HM37" s="72">
        <v>1</v>
      </c>
      <c r="HN37" s="73">
        <v>1</v>
      </c>
      <c r="HO37" s="70">
        <v>0</v>
      </c>
      <c r="HP37" s="71">
        <v>0</v>
      </c>
      <c r="HQ37" s="72">
        <v>0</v>
      </c>
      <c r="HR37" s="244"/>
      <c r="HS37" s="71">
        <v>0</v>
      </c>
      <c r="HT37" s="71">
        <v>0</v>
      </c>
      <c r="HU37" s="71">
        <v>0</v>
      </c>
      <c r="HV37" s="71">
        <v>0</v>
      </c>
      <c r="HW37" s="71">
        <v>0</v>
      </c>
      <c r="HX37" s="72">
        <v>0</v>
      </c>
      <c r="HY37" s="73">
        <v>0</v>
      </c>
      <c r="HZ37" s="70">
        <v>0</v>
      </c>
      <c r="IA37" s="71">
        <v>1</v>
      </c>
      <c r="IB37" s="72">
        <v>1</v>
      </c>
      <c r="IC37" s="244"/>
      <c r="ID37" s="71">
        <v>0</v>
      </c>
      <c r="IE37" s="71">
        <v>0</v>
      </c>
      <c r="IF37" s="71">
        <v>2</v>
      </c>
      <c r="IG37" s="71">
        <v>1</v>
      </c>
      <c r="IH37" s="71">
        <v>0</v>
      </c>
      <c r="II37" s="72">
        <v>3</v>
      </c>
      <c r="IJ37" s="73">
        <v>4</v>
      </c>
      <c r="IK37" s="70">
        <v>1</v>
      </c>
      <c r="IL37" s="71">
        <v>0</v>
      </c>
      <c r="IM37" s="72">
        <v>1</v>
      </c>
      <c r="IN37" s="244"/>
      <c r="IO37" s="71">
        <v>1</v>
      </c>
      <c r="IP37" s="71">
        <v>0</v>
      </c>
      <c r="IQ37" s="71">
        <v>0</v>
      </c>
      <c r="IR37" s="71">
        <v>1</v>
      </c>
      <c r="IS37" s="71">
        <v>0</v>
      </c>
      <c r="IT37" s="72">
        <v>2</v>
      </c>
      <c r="IU37" s="73">
        <v>3</v>
      </c>
      <c r="IV37" s="70">
        <v>0</v>
      </c>
      <c r="IW37" s="71">
        <v>0</v>
      </c>
      <c r="IX37" s="72">
        <v>0</v>
      </c>
      <c r="IY37" s="244"/>
      <c r="IZ37" s="71">
        <v>1</v>
      </c>
      <c r="JA37" s="71">
        <v>1</v>
      </c>
      <c r="JB37" s="71">
        <v>0</v>
      </c>
      <c r="JC37" s="71">
        <v>0</v>
      </c>
      <c r="JD37" s="71">
        <v>0</v>
      </c>
      <c r="JE37" s="72">
        <v>2</v>
      </c>
      <c r="JF37" s="73">
        <v>2</v>
      </c>
      <c r="JG37" s="70">
        <v>0</v>
      </c>
      <c r="JH37" s="71">
        <v>0</v>
      </c>
      <c r="JI37" s="72">
        <v>0</v>
      </c>
      <c r="JJ37" s="244"/>
      <c r="JK37" s="71">
        <v>2</v>
      </c>
      <c r="JL37" s="71">
        <v>2</v>
      </c>
      <c r="JM37" s="71">
        <v>0</v>
      </c>
      <c r="JN37" s="71">
        <v>0</v>
      </c>
      <c r="JO37" s="71">
        <v>0</v>
      </c>
      <c r="JP37" s="72">
        <v>4</v>
      </c>
      <c r="JQ37" s="73">
        <v>4</v>
      </c>
      <c r="JR37" s="70">
        <v>0</v>
      </c>
      <c r="JS37" s="71">
        <v>0</v>
      </c>
      <c r="JT37" s="72">
        <v>0</v>
      </c>
      <c r="JU37" s="244"/>
      <c r="JV37" s="71">
        <v>0</v>
      </c>
      <c r="JW37" s="71">
        <v>0</v>
      </c>
      <c r="JX37" s="71">
        <v>0</v>
      </c>
      <c r="JY37" s="71">
        <v>0</v>
      </c>
      <c r="JZ37" s="71">
        <v>0</v>
      </c>
      <c r="KA37" s="72">
        <v>0</v>
      </c>
      <c r="KB37" s="73">
        <v>0</v>
      </c>
      <c r="KC37" s="70">
        <v>1</v>
      </c>
      <c r="KD37" s="71">
        <v>1</v>
      </c>
      <c r="KE37" s="72">
        <v>2</v>
      </c>
      <c r="KF37" s="244"/>
      <c r="KG37" s="71">
        <v>4</v>
      </c>
      <c r="KH37" s="71">
        <v>4</v>
      </c>
      <c r="KI37" s="71">
        <v>2</v>
      </c>
      <c r="KJ37" s="71">
        <v>2</v>
      </c>
      <c r="KK37" s="71">
        <v>0</v>
      </c>
      <c r="KL37" s="72">
        <v>12</v>
      </c>
      <c r="KM37" s="73">
        <v>14</v>
      </c>
    </row>
    <row r="38" spans="2:299" ht="19.5" customHeight="1" x14ac:dyDescent="0.2">
      <c r="B38" s="126" t="s">
        <v>35</v>
      </c>
      <c r="C38" s="316">
        <v>7</v>
      </c>
      <c r="D38" s="82">
        <v>7</v>
      </c>
      <c r="E38" s="83">
        <v>14</v>
      </c>
      <c r="F38" s="241"/>
      <c r="G38" s="82">
        <v>15</v>
      </c>
      <c r="H38" s="82">
        <v>6</v>
      </c>
      <c r="I38" s="82">
        <v>3</v>
      </c>
      <c r="J38" s="82">
        <v>5</v>
      </c>
      <c r="K38" s="82">
        <v>0</v>
      </c>
      <c r="L38" s="84">
        <v>29</v>
      </c>
      <c r="M38" s="85">
        <v>43</v>
      </c>
      <c r="N38" s="70">
        <v>0</v>
      </c>
      <c r="O38" s="71">
        <v>0</v>
      </c>
      <c r="P38" s="72">
        <v>0</v>
      </c>
      <c r="Q38" s="244"/>
      <c r="R38" s="71">
        <v>1</v>
      </c>
      <c r="S38" s="71">
        <v>0</v>
      </c>
      <c r="T38" s="71">
        <v>0</v>
      </c>
      <c r="U38" s="71">
        <v>0</v>
      </c>
      <c r="V38" s="71">
        <v>0</v>
      </c>
      <c r="W38" s="72">
        <v>1</v>
      </c>
      <c r="X38" s="73">
        <v>1</v>
      </c>
      <c r="Y38" s="70">
        <v>0</v>
      </c>
      <c r="Z38" s="71">
        <v>0</v>
      </c>
      <c r="AA38" s="72">
        <v>0</v>
      </c>
      <c r="AB38" s="244"/>
      <c r="AC38" s="71">
        <v>2</v>
      </c>
      <c r="AD38" s="71">
        <v>0</v>
      </c>
      <c r="AE38" s="71">
        <v>0</v>
      </c>
      <c r="AF38" s="71">
        <v>0</v>
      </c>
      <c r="AG38" s="71">
        <v>0</v>
      </c>
      <c r="AH38" s="72">
        <v>2</v>
      </c>
      <c r="AI38" s="73">
        <v>2</v>
      </c>
      <c r="AJ38" s="70">
        <v>1</v>
      </c>
      <c r="AK38" s="71">
        <v>2</v>
      </c>
      <c r="AL38" s="72">
        <v>3</v>
      </c>
      <c r="AM38" s="244"/>
      <c r="AN38" s="71">
        <v>1</v>
      </c>
      <c r="AO38" s="71">
        <v>1</v>
      </c>
      <c r="AP38" s="71">
        <v>2</v>
      </c>
      <c r="AQ38" s="71">
        <v>2</v>
      </c>
      <c r="AR38" s="71">
        <v>0</v>
      </c>
      <c r="AS38" s="72">
        <v>6</v>
      </c>
      <c r="AT38" s="73">
        <v>9</v>
      </c>
      <c r="AU38" s="70">
        <v>2</v>
      </c>
      <c r="AV38" s="71">
        <v>1</v>
      </c>
      <c r="AW38" s="72">
        <v>3</v>
      </c>
      <c r="AX38" s="244"/>
      <c r="AY38" s="71">
        <v>3</v>
      </c>
      <c r="AZ38" s="71">
        <v>2</v>
      </c>
      <c r="BA38" s="71">
        <v>0</v>
      </c>
      <c r="BB38" s="71">
        <v>0</v>
      </c>
      <c r="BC38" s="71">
        <v>0</v>
      </c>
      <c r="BD38" s="72">
        <v>5</v>
      </c>
      <c r="BE38" s="73">
        <v>8</v>
      </c>
      <c r="BF38" s="70">
        <v>0</v>
      </c>
      <c r="BG38" s="71">
        <v>4</v>
      </c>
      <c r="BH38" s="72">
        <v>4</v>
      </c>
      <c r="BI38" s="244"/>
      <c r="BJ38" s="71">
        <v>4</v>
      </c>
      <c r="BK38" s="71">
        <v>1</v>
      </c>
      <c r="BL38" s="71">
        <v>0</v>
      </c>
      <c r="BM38" s="71">
        <v>1</v>
      </c>
      <c r="BN38" s="71">
        <v>0</v>
      </c>
      <c r="BO38" s="72">
        <v>6</v>
      </c>
      <c r="BP38" s="73">
        <v>10</v>
      </c>
      <c r="BQ38" s="70">
        <v>4</v>
      </c>
      <c r="BR38" s="71">
        <v>0</v>
      </c>
      <c r="BS38" s="72">
        <v>4</v>
      </c>
      <c r="BT38" s="244"/>
      <c r="BU38" s="71">
        <v>4</v>
      </c>
      <c r="BV38" s="71">
        <v>2</v>
      </c>
      <c r="BW38" s="71">
        <v>1</v>
      </c>
      <c r="BX38" s="71">
        <v>2</v>
      </c>
      <c r="BY38" s="71">
        <v>0</v>
      </c>
      <c r="BZ38" s="72">
        <v>9</v>
      </c>
      <c r="CA38" s="73">
        <v>13</v>
      </c>
      <c r="CB38" s="70">
        <v>0</v>
      </c>
      <c r="CC38" s="71">
        <v>0</v>
      </c>
      <c r="CD38" s="72">
        <v>0</v>
      </c>
      <c r="CE38" s="244"/>
      <c r="CF38" s="71">
        <v>0</v>
      </c>
      <c r="CG38" s="71">
        <v>0</v>
      </c>
      <c r="CH38" s="71">
        <v>0</v>
      </c>
      <c r="CI38" s="71">
        <v>0</v>
      </c>
      <c r="CJ38" s="71">
        <v>0</v>
      </c>
      <c r="CK38" s="72">
        <v>0</v>
      </c>
      <c r="CL38" s="73">
        <v>0</v>
      </c>
      <c r="CM38" s="70">
        <v>7</v>
      </c>
      <c r="CN38" s="71">
        <v>7</v>
      </c>
      <c r="CO38" s="72">
        <v>14</v>
      </c>
      <c r="CP38" s="244"/>
      <c r="CQ38" s="71">
        <v>15</v>
      </c>
      <c r="CR38" s="71">
        <v>6</v>
      </c>
      <c r="CS38" s="71">
        <v>3</v>
      </c>
      <c r="CT38" s="71">
        <v>5</v>
      </c>
      <c r="CU38" s="71">
        <v>0</v>
      </c>
      <c r="CV38" s="72">
        <v>29</v>
      </c>
      <c r="CW38" s="73">
        <v>43</v>
      </c>
      <c r="CX38" s="123">
        <v>2</v>
      </c>
      <c r="CY38" s="82">
        <v>1</v>
      </c>
      <c r="CZ38" s="83">
        <v>3</v>
      </c>
      <c r="DA38" s="241"/>
      <c r="DB38" s="82">
        <v>5</v>
      </c>
      <c r="DC38" s="82">
        <v>3</v>
      </c>
      <c r="DD38" s="82">
        <v>2</v>
      </c>
      <c r="DE38" s="82">
        <v>8</v>
      </c>
      <c r="DF38" s="82">
        <v>0</v>
      </c>
      <c r="DG38" s="84">
        <v>18</v>
      </c>
      <c r="DH38" s="85">
        <v>21</v>
      </c>
      <c r="DI38" s="70">
        <v>0</v>
      </c>
      <c r="DJ38" s="71">
        <v>0</v>
      </c>
      <c r="DK38" s="72">
        <v>0</v>
      </c>
      <c r="DL38" s="244"/>
      <c r="DM38" s="71">
        <v>0</v>
      </c>
      <c r="DN38" s="71">
        <v>0</v>
      </c>
      <c r="DO38" s="71">
        <v>0</v>
      </c>
      <c r="DP38" s="71">
        <v>0</v>
      </c>
      <c r="DQ38" s="71">
        <v>0</v>
      </c>
      <c r="DR38" s="72">
        <v>0</v>
      </c>
      <c r="DS38" s="73">
        <v>0</v>
      </c>
      <c r="DT38" s="70">
        <v>0</v>
      </c>
      <c r="DU38" s="71">
        <v>0</v>
      </c>
      <c r="DV38" s="72">
        <v>0</v>
      </c>
      <c r="DW38" s="244"/>
      <c r="DX38" s="71">
        <v>1</v>
      </c>
      <c r="DY38" s="71">
        <v>0</v>
      </c>
      <c r="DZ38" s="71">
        <v>1</v>
      </c>
      <c r="EA38" s="71">
        <v>0</v>
      </c>
      <c r="EB38" s="71">
        <v>0</v>
      </c>
      <c r="EC38" s="72">
        <v>2</v>
      </c>
      <c r="ED38" s="73">
        <v>2</v>
      </c>
      <c r="EE38" s="70">
        <v>0</v>
      </c>
      <c r="EF38" s="71">
        <v>0</v>
      </c>
      <c r="EG38" s="72">
        <v>0</v>
      </c>
      <c r="EH38" s="244"/>
      <c r="EI38" s="71">
        <v>1</v>
      </c>
      <c r="EJ38" s="71">
        <v>0</v>
      </c>
      <c r="EK38" s="71">
        <v>0</v>
      </c>
      <c r="EL38" s="71">
        <v>0</v>
      </c>
      <c r="EM38" s="71">
        <v>0</v>
      </c>
      <c r="EN38" s="72">
        <v>1</v>
      </c>
      <c r="EO38" s="73">
        <v>1</v>
      </c>
      <c r="EP38" s="70">
        <v>1</v>
      </c>
      <c r="EQ38" s="71">
        <v>0</v>
      </c>
      <c r="ER38" s="72">
        <v>1</v>
      </c>
      <c r="ES38" s="244"/>
      <c r="ET38" s="71">
        <v>1</v>
      </c>
      <c r="EU38" s="71">
        <v>1</v>
      </c>
      <c r="EV38" s="71">
        <v>0</v>
      </c>
      <c r="EW38" s="71">
        <v>2</v>
      </c>
      <c r="EX38" s="71">
        <v>0</v>
      </c>
      <c r="EY38" s="72">
        <v>4</v>
      </c>
      <c r="EZ38" s="73">
        <v>5</v>
      </c>
      <c r="FA38" s="70">
        <v>1</v>
      </c>
      <c r="FB38" s="71">
        <v>0</v>
      </c>
      <c r="FC38" s="72">
        <v>1</v>
      </c>
      <c r="FD38" s="244"/>
      <c r="FE38" s="71">
        <v>2</v>
      </c>
      <c r="FF38" s="71">
        <v>2</v>
      </c>
      <c r="FG38" s="71">
        <v>0</v>
      </c>
      <c r="FH38" s="71">
        <v>1</v>
      </c>
      <c r="FI38" s="71">
        <v>0</v>
      </c>
      <c r="FJ38" s="72">
        <v>5</v>
      </c>
      <c r="FK38" s="73">
        <v>6</v>
      </c>
      <c r="FL38" s="70">
        <v>0</v>
      </c>
      <c r="FM38" s="71">
        <v>1</v>
      </c>
      <c r="FN38" s="72">
        <v>1</v>
      </c>
      <c r="FO38" s="244"/>
      <c r="FP38" s="71">
        <v>0</v>
      </c>
      <c r="FQ38" s="71">
        <v>0</v>
      </c>
      <c r="FR38" s="71">
        <v>1</v>
      </c>
      <c r="FS38" s="71">
        <v>5</v>
      </c>
      <c r="FT38" s="71">
        <v>0</v>
      </c>
      <c r="FU38" s="72">
        <v>6</v>
      </c>
      <c r="FV38" s="73">
        <v>7</v>
      </c>
      <c r="FW38" s="70">
        <v>0</v>
      </c>
      <c r="FX38" s="71">
        <v>0</v>
      </c>
      <c r="FY38" s="72">
        <v>0</v>
      </c>
      <c r="FZ38" s="244"/>
      <c r="GA38" s="71">
        <v>0</v>
      </c>
      <c r="GB38" s="71">
        <v>0</v>
      </c>
      <c r="GC38" s="71">
        <v>0</v>
      </c>
      <c r="GD38" s="71">
        <v>0</v>
      </c>
      <c r="GE38" s="71">
        <v>0</v>
      </c>
      <c r="GF38" s="72">
        <v>0</v>
      </c>
      <c r="GG38" s="73">
        <v>0</v>
      </c>
      <c r="GH38" s="70">
        <v>2</v>
      </c>
      <c r="GI38" s="71">
        <v>1</v>
      </c>
      <c r="GJ38" s="72">
        <v>3</v>
      </c>
      <c r="GK38" s="244"/>
      <c r="GL38" s="71">
        <v>5</v>
      </c>
      <c r="GM38" s="71">
        <v>3</v>
      </c>
      <c r="GN38" s="71">
        <v>2</v>
      </c>
      <c r="GO38" s="71">
        <v>8</v>
      </c>
      <c r="GP38" s="71">
        <v>0</v>
      </c>
      <c r="GQ38" s="72">
        <v>18</v>
      </c>
      <c r="GR38" s="73">
        <v>21</v>
      </c>
      <c r="GS38" s="123">
        <v>9</v>
      </c>
      <c r="GT38" s="82">
        <v>8</v>
      </c>
      <c r="GU38" s="83">
        <v>17</v>
      </c>
      <c r="GV38" s="241"/>
      <c r="GW38" s="82">
        <v>20</v>
      </c>
      <c r="GX38" s="82">
        <v>9</v>
      </c>
      <c r="GY38" s="82">
        <v>5</v>
      </c>
      <c r="GZ38" s="82">
        <v>13</v>
      </c>
      <c r="HA38" s="82">
        <v>0</v>
      </c>
      <c r="HB38" s="84">
        <v>47</v>
      </c>
      <c r="HC38" s="85">
        <v>64</v>
      </c>
      <c r="HD38" s="70">
        <v>0</v>
      </c>
      <c r="HE38" s="71">
        <v>0</v>
      </c>
      <c r="HF38" s="72">
        <v>0</v>
      </c>
      <c r="HG38" s="244"/>
      <c r="HH38" s="71">
        <v>1</v>
      </c>
      <c r="HI38" s="71">
        <v>0</v>
      </c>
      <c r="HJ38" s="71">
        <v>0</v>
      </c>
      <c r="HK38" s="71">
        <v>0</v>
      </c>
      <c r="HL38" s="71">
        <v>0</v>
      </c>
      <c r="HM38" s="72">
        <v>1</v>
      </c>
      <c r="HN38" s="73">
        <v>1</v>
      </c>
      <c r="HO38" s="70">
        <v>0</v>
      </c>
      <c r="HP38" s="71">
        <v>0</v>
      </c>
      <c r="HQ38" s="72">
        <v>0</v>
      </c>
      <c r="HR38" s="244"/>
      <c r="HS38" s="71">
        <v>3</v>
      </c>
      <c r="HT38" s="71">
        <v>0</v>
      </c>
      <c r="HU38" s="71">
        <v>1</v>
      </c>
      <c r="HV38" s="71">
        <v>0</v>
      </c>
      <c r="HW38" s="71">
        <v>0</v>
      </c>
      <c r="HX38" s="72">
        <v>4</v>
      </c>
      <c r="HY38" s="73">
        <v>4</v>
      </c>
      <c r="HZ38" s="70">
        <v>1</v>
      </c>
      <c r="IA38" s="71">
        <v>2</v>
      </c>
      <c r="IB38" s="72">
        <v>3</v>
      </c>
      <c r="IC38" s="244"/>
      <c r="ID38" s="71">
        <v>2</v>
      </c>
      <c r="IE38" s="71">
        <v>1</v>
      </c>
      <c r="IF38" s="71">
        <v>2</v>
      </c>
      <c r="IG38" s="71">
        <v>2</v>
      </c>
      <c r="IH38" s="71">
        <v>0</v>
      </c>
      <c r="II38" s="72">
        <v>7</v>
      </c>
      <c r="IJ38" s="73">
        <v>10</v>
      </c>
      <c r="IK38" s="70">
        <v>3</v>
      </c>
      <c r="IL38" s="71">
        <v>1</v>
      </c>
      <c r="IM38" s="72">
        <v>4</v>
      </c>
      <c r="IN38" s="244"/>
      <c r="IO38" s="71">
        <v>4</v>
      </c>
      <c r="IP38" s="71">
        <v>3</v>
      </c>
      <c r="IQ38" s="71">
        <v>0</v>
      </c>
      <c r="IR38" s="71">
        <v>2</v>
      </c>
      <c r="IS38" s="71">
        <v>0</v>
      </c>
      <c r="IT38" s="72">
        <v>9</v>
      </c>
      <c r="IU38" s="73">
        <v>13</v>
      </c>
      <c r="IV38" s="70">
        <v>1</v>
      </c>
      <c r="IW38" s="71">
        <v>4</v>
      </c>
      <c r="IX38" s="72">
        <v>5</v>
      </c>
      <c r="IY38" s="244"/>
      <c r="IZ38" s="71">
        <v>6</v>
      </c>
      <c r="JA38" s="71">
        <v>3</v>
      </c>
      <c r="JB38" s="71">
        <v>0</v>
      </c>
      <c r="JC38" s="71">
        <v>2</v>
      </c>
      <c r="JD38" s="71">
        <v>0</v>
      </c>
      <c r="JE38" s="72">
        <v>11</v>
      </c>
      <c r="JF38" s="73">
        <v>16</v>
      </c>
      <c r="JG38" s="70">
        <v>4</v>
      </c>
      <c r="JH38" s="71">
        <v>1</v>
      </c>
      <c r="JI38" s="72">
        <v>5</v>
      </c>
      <c r="JJ38" s="244"/>
      <c r="JK38" s="71">
        <v>4</v>
      </c>
      <c r="JL38" s="71">
        <v>2</v>
      </c>
      <c r="JM38" s="71">
        <v>2</v>
      </c>
      <c r="JN38" s="71">
        <v>7</v>
      </c>
      <c r="JO38" s="71">
        <v>0</v>
      </c>
      <c r="JP38" s="72">
        <v>15</v>
      </c>
      <c r="JQ38" s="73">
        <v>20</v>
      </c>
      <c r="JR38" s="70">
        <v>0</v>
      </c>
      <c r="JS38" s="71">
        <v>0</v>
      </c>
      <c r="JT38" s="72">
        <v>0</v>
      </c>
      <c r="JU38" s="244"/>
      <c r="JV38" s="71">
        <v>0</v>
      </c>
      <c r="JW38" s="71">
        <v>0</v>
      </c>
      <c r="JX38" s="71">
        <v>0</v>
      </c>
      <c r="JY38" s="71">
        <v>0</v>
      </c>
      <c r="JZ38" s="71">
        <v>0</v>
      </c>
      <c r="KA38" s="72">
        <v>0</v>
      </c>
      <c r="KB38" s="73">
        <v>0</v>
      </c>
      <c r="KC38" s="70">
        <v>9</v>
      </c>
      <c r="KD38" s="71">
        <v>8</v>
      </c>
      <c r="KE38" s="72">
        <v>17</v>
      </c>
      <c r="KF38" s="244"/>
      <c r="KG38" s="71">
        <v>20</v>
      </c>
      <c r="KH38" s="71">
        <v>9</v>
      </c>
      <c r="KI38" s="71">
        <v>5</v>
      </c>
      <c r="KJ38" s="71">
        <v>13</v>
      </c>
      <c r="KK38" s="71">
        <v>0</v>
      </c>
      <c r="KL38" s="72">
        <v>47</v>
      </c>
      <c r="KM38" s="73">
        <v>64</v>
      </c>
    </row>
    <row r="39" spans="2:299" ht="19.5" customHeight="1" x14ac:dyDescent="0.2">
      <c r="B39" s="126" t="s">
        <v>36</v>
      </c>
      <c r="C39" s="316">
        <v>1</v>
      </c>
      <c r="D39" s="82">
        <v>7</v>
      </c>
      <c r="E39" s="83">
        <v>8</v>
      </c>
      <c r="F39" s="241"/>
      <c r="G39" s="82">
        <v>8</v>
      </c>
      <c r="H39" s="82">
        <v>5</v>
      </c>
      <c r="I39" s="82">
        <v>4</v>
      </c>
      <c r="J39" s="82">
        <v>3</v>
      </c>
      <c r="K39" s="82">
        <v>2</v>
      </c>
      <c r="L39" s="84">
        <v>22</v>
      </c>
      <c r="M39" s="85">
        <v>30</v>
      </c>
      <c r="N39" s="70">
        <v>0</v>
      </c>
      <c r="O39" s="71">
        <v>0</v>
      </c>
      <c r="P39" s="72">
        <v>0</v>
      </c>
      <c r="Q39" s="244"/>
      <c r="R39" s="71">
        <v>0</v>
      </c>
      <c r="S39" s="71">
        <v>0</v>
      </c>
      <c r="T39" s="71">
        <v>0</v>
      </c>
      <c r="U39" s="71">
        <v>0</v>
      </c>
      <c r="V39" s="71">
        <v>0</v>
      </c>
      <c r="W39" s="72">
        <v>0</v>
      </c>
      <c r="X39" s="73">
        <v>0</v>
      </c>
      <c r="Y39" s="70">
        <v>0</v>
      </c>
      <c r="Z39" s="71">
        <v>0</v>
      </c>
      <c r="AA39" s="72">
        <v>0</v>
      </c>
      <c r="AB39" s="244"/>
      <c r="AC39" s="71">
        <v>1</v>
      </c>
      <c r="AD39" s="71">
        <v>2</v>
      </c>
      <c r="AE39" s="71">
        <v>0</v>
      </c>
      <c r="AF39" s="71">
        <v>0</v>
      </c>
      <c r="AG39" s="71">
        <v>0</v>
      </c>
      <c r="AH39" s="72">
        <v>3</v>
      </c>
      <c r="AI39" s="73">
        <v>3</v>
      </c>
      <c r="AJ39" s="70">
        <v>0</v>
      </c>
      <c r="AK39" s="71">
        <v>0</v>
      </c>
      <c r="AL39" s="72">
        <v>0</v>
      </c>
      <c r="AM39" s="244"/>
      <c r="AN39" s="71">
        <v>1</v>
      </c>
      <c r="AO39" s="71">
        <v>0</v>
      </c>
      <c r="AP39" s="71">
        <v>0</v>
      </c>
      <c r="AQ39" s="71">
        <v>0</v>
      </c>
      <c r="AR39" s="71">
        <v>1</v>
      </c>
      <c r="AS39" s="72">
        <v>2</v>
      </c>
      <c r="AT39" s="73">
        <v>2</v>
      </c>
      <c r="AU39" s="70">
        <v>0</v>
      </c>
      <c r="AV39" s="71">
        <v>4</v>
      </c>
      <c r="AW39" s="72">
        <v>4</v>
      </c>
      <c r="AX39" s="244"/>
      <c r="AY39" s="71">
        <v>3</v>
      </c>
      <c r="AZ39" s="71">
        <v>2</v>
      </c>
      <c r="BA39" s="71">
        <v>1</v>
      </c>
      <c r="BB39" s="71">
        <v>0</v>
      </c>
      <c r="BC39" s="71">
        <v>1</v>
      </c>
      <c r="BD39" s="72">
        <v>7</v>
      </c>
      <c r="BE39" s="73">
        <v>11</v>
      </c>
      <c r="BF39" s="70">
        <v>0</v>
      </c>
      <c r="BG39" s="71">
        <v>3</v>
      </c>
      <c r="BH39" s="72">
        <v>3</v>
      </c>
      <c r="BI39" s="244"/>
      <c r="BJ39" s="71">
        <v>0</v>
      </c>
      <c r="BK39" s="71">
        <v>0</v>
      </c>
      <c r="BL39" s="71">
        <v>2</v>
      </c>
      <c r="BM39" s="71">
        <v>2</v>
      </c>
      <c r="BN39" s="71">
        <v>0</v>
      </c>
      <c r="BO39" s="72">
        <v>4</v>
      </c>
      <c r="BP39" s="73">
        <v>7</v>
      </c>
      <c r="BQ39" s="70">
        <v>1</v>
      </c>
      <c r="BR39" s="71">
        <v>0</v>
      </c>
      <c r="BS39" s="72">
        <v>1</v>
      </c>
      <c r="BT39" s="244"/>
      <c r="BU39" s="71">
        <v>3</v>
      </c>
      <c r="BV39" s="71">
        <v>1</v>
      </c>
      <c r="BW39" s="71">
        <v>1</v>
      </c>
      <c r="BX39" s="71">
        <v>1</v>
      </c>
      <c r="BY39" s="71">
        <v>0</v>
      </c>
      <c r="BZ39" s="72">
        <v>6</v>
      </c>
      <c r="CA39" s="73">
        <v>7</v>
      </c>
      <c r="CB39" s="70">
        <v>0</v>
      </c>
      <c r="CC39" s="71">
        <v>0</v>
      </c>
      <c r="CD39" s="72">
        <v>0</v>
      </c>
      <c r="CE39" s="244"/>
      <c r="CF39" s="71">
        <v>0</v>
      </c>
      <c r="CG39" s="71">
        <v>0</v>
      </c>
      <c r="CH39" s="71">
        <v>0</v>
      </c>
      <c r="CI39" s="71">
        <v>0</v>
      </c>
      <c r="CJ39" s="71">
        <v>0</v>
      </c>
      <c r="CK39" s="72">
        <v>0</v>
      </c>
      <c r="CL39" s="73">
        <v>0</v>
      </c>
      <c r="CM39" s="70">
        <v>1</v>
      </c>
      <c r="CN39" s="71">
        <v>7</v>
      </c>
      <c r="CO39" s="72">
        <v>8</v>
      </c>
      <c r="CP39" s="244"/>
      <c r="CQ39" s="71">
        <v>8</v>
      </c>
      <c r="CR39" s="71">
        <v>5</v>
      </c>
      <c r="CS39" s="71">
        <v>4</v>
      </c>
      <c r="CT39" s="71">
        <v>3</v>
      </c>
      <c r="CU39" s="71">
        <v>2</v>
      </c>
      <c r="CV39" s="72">
        <v>22</v>
      </c>
      <c r="CW39" s="73">
        <v>30</v>
      </c>
      <c r="CX39" s="123">
        <v>2</v>
      </c>
      <c r="CY39" s="82">
        <v>3</v>
      </c>
      <c r="CZ39" s="83">
        <v>5</v>
      </c>
      <c r="DA39" s="241"/>
      <c r="DB39" s="82">
        <v>6</v>
      </c>
      <c r="DC39" s="82">
        <v>3</v>
      </c>
      <c r="DD39" s="82">
        <v>3</v>
      </c>
      <c r="DE39" s="82">
        <v>5</v>
      </c>
      <c r="DF39" s="82">
        <v>2</v>
      </c>
      <c r="DG39" s="84">
        <v>19</v>
      </c>
      <c r="DH39" s="85">
        <v>24</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1</v>
      </c>
      <c r="EG39" s="72">
        <v>1</v>
      </c>
      <c r="EH39" s="244"/>
      <c r="EI39" s="71">
        <v>0</v>
      </c>
      <c r="EJ39" s="71">
        <v>0</v>
      </c>
      <c r="EK39" s="71">
        <v>0</v>
      </c>
      <c r="EL39" s="71">
        <v>0</v>
      </c>
      <c r="EM39" s="71">
        <v>0</v>
      </c>
      <c r="EN39" s="72">
        <v>0</v>
      </c>
      <c r="EO39" s="73">
        <v>1</v>
      </c>
      <c r="EP39" s="70">
        <v>0</v>
      </c>
      <c r="EQ39" s="71">
        <v>1</v>
      </c>
      <c r="ER39" s="72">
        <v>1</v>
      </c>
      <c r="ES39" s="244"/>
      <c r="ET39" s="71">
        <v>2</v>
      </c>
      <c r="EU39" s="71">
        <v>0</v>
      </c>
      <c r="EV39" s="71">
        <v>1</v>
      </c>
      <c r="EW39" s="71">
        <v>0</v>
      </c>
      <c r="EX39" s="71">
        <v>0</v>
      </c>
      <c r="EY39" s="72">
        <v>3</v>
      </c>
      <c r="EZ39" s="73">
        <v>4</v>
      </c>
      <c r="FA39" s="70">
        <v>1</v>
      </c>
      <c r="FB39" s="71">
        <v>1</v>
      </c>
      <c r="FC39" s="72">
        <v>2</v>
      </c>
      <c r="FD39" s="244"/>
      <c r="FE39" s="71">
        <v>2</v>
      </c>
      <c r="FF39" s="71">
        <v>2</v>
      </c>
      <c r="FG39" s="71">
        <v>1</v>
      </c>
      <c r="FH39" s="71">
        <v>3</v>
      </c>
      <c r="FI39" s="71">
        <v>0</v>
      </c>
      <c r="FJ39" s="72">
        <v>8</v>
      </c>
      <c r="FK39" s="73">
        <v>10</v>
      </c>
      <c r="FL39" s="70">
        <v>1</v>
      </c>
      <c r="FM39" s="71">
        <v>0</v>
      </c>
      <c r="FN39" s="72">
        <v>1</v>
      </c>
      <c r="FO39" s="244"/>
      <c r="FP39" s="71">
        <v>2</v>
      </c>
      <c r="FQ39" s="71">
        <v>1</v>
      </c>
      <c r="FR39" s="71">
        <v>1</v>
      </c>
      <c r="FS39" s="71">
        <v>2</v>
      </c>
      <c r="FT39" s="71">
        <v>2</v>
      </c>
      <c r="FU39" s="72">
        <v>8</v>
      </c>
      <c r="FV39" s="73">
        <v>9</v>
      </c>
      <c r="FW39" s="70">
        <v>0</v>
      </c>
      <c r="FX39" s="71">
        <v>0</v>
      </c>
      <c r="FY39" s="72">
        <v>0</v>
      </c>
      <c r="FZ39" s="244"/>
      <c r="GA39" s="71">
        <v>0</v>
      </c>
      <c r="GB39" s="71">
        <v>0</v>
      </c>
      <c r="GC39" s="71">
        <v>0</v>
      </c>
      <c r="GD39" s="71">
        <v>0</v>
      </c>
      <c r="GE39" s="71">
        <v>0</v>
      </c>
      <c r="GF39" s="72">
        <v>0</v>
      </c>
      <c r="GG39" s="73">
        <v>0</v>
      </c>
      <c r="GH39" s="70">
        <v>2</v>
      </c>
      <c r="GI39" s="71">
        <v>3</v>
      </c>
      <c r="GJ39" s="72">
        <v>5</v>
      </c>
      <c r="GK39" s="244"/>
      <c r="GL39" s="71">
        <v>6</v>
      </c>
      <c r="GM39" s="71">
        <v>3</v>
      </c>
      <c r="GN39" s="71">
        <v>3</v>
      </c>
      <c r="GO39" s="71">
        <v>5</v>
      </c>
      <c r="GP39" s="71">
        <v>2</v>
      </c>
      <c r="GQ39" s="72">
        <v>19</v>
      </c>
      <c r="GR39" s="73">
        <v>24</v>
      </c>
      <c r="GS39" s="123">
        <v>3</v>
      </c>
      <c r="GT39" s="82">
        <v>10</v>
      </c>
      <c r="GU39" s="83">
        <v>13</v>
      </c>
      <c r="GV39" s="241"/>
      <c r="GW39" s="82">
        <v>14</v>
      </c>
      <c r="GX39" s="82">
        <v>8</v>
      </c>
      <c r="GY39" s="82">
        <v>7</v>
      </c>
      <c r="GZ39" s="82">
        <v>8</v>
      </c>
      <c r="HA39" s="82">
        <v>4</v>
      </c>
      <c r="HB39" s="84">
        <v>41</v>
      </c>
      <c r="HC39" s="85">
        <v>54</v>
      </c>
      <c r="HD39" s="70">
        <v>0</v>
      </c>
      <c r="HE39" s="71">
        <v>0</v>
      </c>
      <c r="HF39" s="72">
        <v>0</v>
      </c>
      <c r="HG39" s="244"/>
      <c r="HH39" s="71">
        <v>0</v>
      </c>
      <c r="HI39" s="71">
        <v>0</v>
      </c>
      <c r="HJ39" s="71">
        <v>0</v>
      </c>
      <c r="HK39" s="71">
        <v>0</v>
      </c>
      <c r="HL39" s="71">
        <v>0</v>
      </c>
      <c r="HM39" s="72">
        <v>0</v>
      </c>
      <c r="HN39" s="73">
        <v>0</v>
      </c>
      <c r="HO39" s="70">
        <v>0</v>
      </c>
      <c r="HP39" s="71">
        <v>0</v>
      </c>
      <c r="HQ39" s="72">
        <v>0</v>
      </c>
      <c r="HR39" s="244"/>
      <c r="HS39" s="71">
        <v>1</v>
      </c>
      <c r="HT39" s="71">
        <v>2</v>
      </c>
      <c r="HU39" s="71">
        <v>0</v>
      </c>
      <c r="HV39" s="71">
        <v>0</v>
      </c>
      <c r="HW39" s="71">
        <v>0</v>
      </c>
      <c r="HX39" s="72">
        <v>3</v>
      </c>
      <c r="HY39" s="73">
        <v>3</v>
      </c>
      <c r="HZ39" s="70">
        <v>0</v>
      </c>
      <c r="IA39" s="71">
        <v>1</v>
      </c>
      <c r="IB39" s="72">
        <v>1</v>
      </c>
      <c r="IC39" s="244"/>
      <c r="ID39" s="71">
        <v>1</v>
      </c>
      <c r="IE39" s="71">
        <v>0</v>
      </c>
      <c r="IF39" s="71">
        <v>0</v>
      </c>
      <c r="IG39" s="71">
        <v>0</v>
      </c>
      <c r="IH39" s="71">
        <v>1</v>
      </c>
      <c r="II39" s="72">
        <v>2</v>
      </c>
      <c r="IJ39" s="73">
        <v>3</v>
      </c>
      <c r="IK39" s="70">
        <v>0</v>
      </c>
      <c r="IL39" s="71">
        <v>5</v>
      </c>
      <c r="IM39" s="72">
        <v>5</v>
      </c>
      <c r="IN39" s="244"/>
      <c r="IO39" s="71">
        <v>5</v>
      </c>
      <c r="IP39" s="71">
        <v>2</v>
      </c>
      <c r="IQ39" s="71">
        <v>2</v>
      </c>
      <c r="IR39" s="71">
        <v>0</v>
      </c>
      <c r="IS39" s="71">
        <v>1</v>
      </c>
      <c r="IT39" s="72">
        <v>10</v>
      </c>
      <c r="IU39" s="73">
        <v>15</v>
      </c>
      <c r="IV39" s="70">
        <v>1</v>
      </c>
      <c r="IW39" s="71">
        <v>4</v>
      </c>
      <c r="IX39" s="72">
        <v>5</v>
      </c>
      <c r="IY39" s="244"/>
      <c r="IZ39" s="71">
        <v>2</v>
      </c>
      <c r="JA39" s="71">
        <v>2</v>
      </c>
      <c r="JB39" s="71">
        <v>3</v>
      </c>
      <c r="JC39" s="71">
        <v>5</v>
      </c>
      <c r="JD39" s="71">
        <v>0</v>
      </c>
      <c r="JE39" s="72">
        <v>12</v>
      </c>
      <c r="JF39" s="73">
        <v>17</v>
      </c>
      <c r="JG39" s="70">
        <v>2</v>
      </c>
      <c r="JH39" s="71">
        <v>0</v>
      </c>
      <c r="JI39" s="72">
        <v>2</v>
      </c>
      <c r="JJ39" s="244"/>
      <c r="JK39" s="71">
        <v>5</v>
      </c>
      <c r="JL39" s="71">
        <v>2</v>
      </c>
      <c r="JM39" s="71">
        <v>2</v>
      </c>
      <c r="JN39" s="71">
        <v>3</v>
      </c>
      <c r="JO39" s="71">
        <v>2</v>
      </c>
      <c r="JP39" s="72">
        <v>14</v>
      </c>
      <c r="JQ39" s="73">
        <v>16</v>
      </c>
      <c r="JR39" s="70">
        <v>0</v>
      </c>
      <c r="JS39" s="71">
        <v>0</v>
      </c>
      <c r="JT39" s="72">
        <v>0</v>
      </c>
      <c r="JU39" s="244"/>
      <c r="JV39" s="71">
        <v>0</v>
      </c>
      <c r="JW39" s="71">
        <v>0</v>
      </c>
      <c r="JX39" s="71">
        <v>0</v>
      </c>
      <c r="JY39" s="71">
        <v>0</v>
      </c>
      <c r="JZ39" s="71">
        <v>0</v>
      </c>
      <c r="KA39" s="72">
        <v>0</v>
      </c>
      <c r="KB39" s="73">
        <v>0</v>
      </c>
      <c r="KC39" s="70">
        <v>3</v>
      </c>
      <c r="KD39" s="71">
        <v>10</v>
      </c>
      <c r="KE39" s="72">
        <v>13</v>
      </c>
      <c r="KF39" s="244"/>
      <c r="KG39" s="71">
        <v>14</v>
      </c>
      <c r="KH39" s="71">
        <v>8</v>
      </c>
      <c r="KI39" s="71">
        <v>7</v>
      </c>
      <c r="KJ39" s="71">
        <v>8</v>
      </c>
      <c r="KK39" s="71">
        <v>4</v>
      </c>
      <c r="KL39" s="72">
        <v>41</v>
      </c>
      <c r="KM39" s="73">
        <v>54</v>
      </c>
    </row>
    <row r="40" spans="2:299" ht="19.5" customHeight="1" thickBot="1" x14ac:dyDescent="0.25">
      <c r="B40" s="127" t="s">
        <v>37</v>
      </c>
      <c r="C40" s="317">
        <v>0</v>
      </c>
      <c r="D40" s="87">
        <v>1</v>
      </c>
      <c r="E40" s="88">
        <v>1</v>
      </c>
      <c r="F40" s="242"/>
      <c r="G40" s="87">
        <v>0</v>
      </c>
      <c r="H40" s="87">
        <v>0</v>
      </c>
      <c r="I40" s="87">
        <v>0</v>
      </c>
      <c r="J40" s="87">
        <v>1</v>
      </c>
      <c r="K40" s="87">
        <v>1</v>
      </c>
      <c r="L40" s="89">
        <v>2</v>
      </c>
      <c r="M40" s="90">
        <v>3</v>
      </c>
      <c r="N40" s="74">
        <v>0</v>
      </c>
      <c r="O40" s="75">
        <v>0</v>
      </c>
      <c r="P40" s="76">
        <v>0</v>
      </c>
      <c r="Q40" s="245"/>
      <c r="R40" s="75">
        <v>0</v>
      </c>
      <c r="S40" s="75">
        <v>0</v>
      </c>
      <c r="T40" s="75">
        <v>0</v>
      </c>
      <c r="U40" s="75">
        <v>0</v>
      </c>
      <c r="V40" s="75">
        <v>0</v>
      </c>
      <c r="W40" s="76">
        <v>0</v>
      </c>
      <c r="X40" s="77">
        <v>0</v>
      </c>
      <c r="Y40" s="74">
        <v>0</v>
      </c>
      <c r="Z40" s="75">
        <v>1</v>
      </c>
      <c r="AA40" s="76">
        <v>1</v>
      </c>
      <c r="AB40" s="245"/>
      <c r="AC40" s="75">
        <v>0</v>
      </c>
      <c r="AD40" s="75">
        <v>0</v>
      </c>
      <c r="AE40" s="75">
        <v>0</v>
      </c>
      <c r="AF40" s="75">
        <v>0</v>
      </c>
      <c r="AG40" s="75">
        <v>0</v>
      </c>
      <c r="AH40" s="76">
        <v>0</v>
      </c>
      <c r="AI40" s="77">
        <v>1</v>
      </c>
      <c r="AJ40" s="74">
        <v>0</v>
      </c>
      <c r="AK40" s="75">
        <v>0</v>
      </c>
      <c r="AL40" s="76">
        <v>0</v>
      </c>
      <c r="AM40" s="245"/>
      <c r="AN40" s="75">
        <v>0</v>
      </c>
      <c r="AO40" s="75">
        <v>0</v>
      </c>
      <c r="AP40" s="75">
        <v>0</v>
      </c>
      <c r="AQ40" s="75">
        <v>0</v>
      </c>
      <c r="AR40" s="75">
        <v>0</v>
      </c>
      <c r="AS40" s="76">
        <v>0</v>
      </c>
      <c r="AT40" s="77">
        <v>0</v>
      </c>
      <c r="AU40" s="74">
        <v>0</v>
      </c>
      <c r="AV40" s="75">
        <v>0</v>
      </c>
      <c r="AW40" s="76">
        <v>0</v>
      </c>
      <c r="AX40" s="245"/>
      <c r="AY40" s="75">
        <v>0</v>
      </c>
      <c r="AZ40" s="75">
        <v>0</v>
      </c>
      <c r="BA40" s="75">
        <v>0</v>
      </c>
      <c r="BB40" s="75">
        <v>1</v>
      </c>
      <c r="BC40" s="75">
        <v>1</v>
      </c>
      <c r="BD40" s="76">
        <v>2</v>
      </c>
      <c r="BE40" s="77">
        <v>2</v>
      </c>
      <c r="BF40" s="74">
        <v>0</v>
      </c>
      <c r="BG40" s="75">
        <v>0</v>
      </c>
      <c r="BH40" s="76">
        <v>0</v>
      </c>
      <c r="BI40" s="245"/>
      <c r="BJ40" s="75">
        <v>0</v>
      </c>
      <c r="BK40" s="75">
        <v>0</v>
      </c>
      <c r="BL40" s="75">
        <v>0</v>
      </c>
      <c r="BM40" s="75">
        <v>0</v>
      </c>
      <c r="BN40" s="75">
        <v>0</v>
      </c>
      <c r="BO40" s="76">
        <v>0</v>
      </c>
      <c r="BP40" s="77">
        <v>0</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0</v>
      </c>
      <c r="CN40" s="75">
        <v>1</v>
      </c>
      <c r="CO40" s="76">
        <v>1</v>
      </c>
      <c r="CP40" s="245"/>
      <c r="CQ40" s="75">
        <v>0</v>
      </c>
      <c r="CR40" s="75">
        <v>0</v>
      </c>
      <c r="CS40" s="75">
        <v>0</v>
      </c>
      <c r="CT40" s="75">
        <v>1</v>
      </c>
      <c r="CU40" s="75">
        <v>1</v>
      </c>
      <c r="CV40" s="76">
        <v>2</v>
      </c>
      <c r="CW40" s="77">
        <v>3</v>
      </c>
      <c r="CX40" s="124">
        <v>0</v>
      </c>
      <c r="CY40" s="87">
        <v>0</v>
      </c>
      <c r="CZ40" s="88">
        <v>0</v>
      </c>
      <c r="DA40" s="242"/>
      <c r="DB40" s="87">
        <v>0</v>
      </c>
      <c r="DC40" s="87">
        <v>0</v>
      </c>
      <c r="DD40" s="87">
        <v>0</v>
      </c>
      <c r="DE40" s="87">
        <v>0</v>
      </c>
      <c r="DF40" s="87">
        <v>1</v>
      </c>
      <c r="DG40" s="89">
        <v>1</v>
      </c>
      <c r="DH40" s="90">
        <v>1</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5"/>
      <c r="FP40" s="75">
        <v>0</v>
      </c>
      <c r="FQ40" s="75">
        <v>0</v>
      </c>
      <c r="FR40" s="75">
        <v>0</v>
      </c>
      <c r="FS40" s="75">
        <v>0</v>
      </c>
      <c r="FT40" s="75">
        <v>1</v>
      </c>
      <c r="FU40" s="76">
        <v>1</v>
      </c>
      <c r="FV40" s="77">
        <v>1</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0</v>
      </c>
      <c r="GP40" s="75">
        <v>1</v>
      </c>
      <c r="GQ40" s="76">
        <v>1</v>
      </c>
      <c r="GR40" s="77">
        <v>1</v>
      </c>
      <c r="GS40" s="124">
        <v>0</v>
      </c>
      <c r="GT40" s="87">
        <v>1</v>
      </c>
      <c r="GU40" s="88">
        <v>1</v>
      </c>
      <c r="GV40" s="242"/>
      <c r="GW40" s="87">
        <v>0</v>
      </c>
      <c r="GX40" s="87">
        <v>0</v>
      </c>
      <c r="GY40" s="87">
        <v>0</v>
      </c>
      <c r="GZ40" s="87">
        <v>1</v>
      </c>
      <c r="HA40" s="87">
        <v>2</v>
      </c>
      <c r="HB40" s="89">
        <v>3</v>
      </c>
      <c r="HC40" s="90">
        <v>4</v>
      </c>
      <c r="HD40" s="74">
        <v>0</v>
      </c>
      <c r="HE40" s="75">
        <v>0</v>
      </c>
      <c r="HF40" s="76">
        <v>0</v>
      </c>
      <c r="HG40" s="245"/>
      <c r="HH40" s="75">
        <v>0</v>
      </c>
      <c r="HI40" s="75">
        <v>0</v>
      </c>
      <c r="HJ40" s="75">
        <v>0</v>
      </c>
      <c r="HK40" s="75">
        <v>0</v>
      </c>
      <c r="HL40" s="75">
        <v>0</v>
      </c>
      <c r="HM40" s="76">
        <v>0</v>
      </c>
      <c r="HN40" s="77">
        <v>0</v>
      </c>
      <c r="HO40" s="74">
        <v>0</v>
      </c>
      <c r="HP40" s="75">
        <v>1</v>
      </c>
      <c r="HQ40" s="76">
        <v>1</v>
      </c>
      <c r="HR40" s="245"/>
      <c r="HS40" s="75">
        <v>0</v>
      </c>
      <c r="HT40" s="75">
        <v>0</v>
      </c>
      <c r="HU40" s="75">
        <v>0</v>
      </c>
      <c r="HV40" s="75">
        <v>0</v>
      </c>
      <c r="HW40" s="75">
        <v>0</v>
      </c>
      <c r="HX40" s="76">
        <v>0</v>
      </c>
      <c r="HY40" s="77">
        <v>1</v>
      </c>
      <c r="HZ40" s="74">
        <v>0</v>
      </c>
      <c r="IA40" s="75">
        <v>0</v>
      </c>
      <c r="IB40" s="76">
        <v>0</v>
      </c>
      <c r="IC40" s="245"/>
      <c r="ID40" s="75">
        <v>0</v>
      </c>
      <c r="IE40" s="75">
        <v>0</v>
      </c>
      <c r="IF40" s="75">
        <v>0</v>
      </c>
      <c r="IG40" s="75">
        <v>0</v>
      </c>
      <c r="IH40" s="75">
        <v>0</v>
      </c>
      <c r="II40" s="76">
        <v>0</v>
      </c>
      <c r="IJ40" s="77">
        <v>0</v>
      </c>
      <c r="IK40" s="74">
        <v>0</v>
      </c>
      <c r="IL40" s="75">
        <v>0</v>
      </c>
      <c r="IM40" s="76">
        <v>0</v>
      </c>
      <c r="IN40" s="245"/>
      <c r="IO40" s="75">
        <v>0</v>
      </c>
      <c r="IP40" s="75">
        <v>0</v>
      </c>
      <c r="IQ40" s="75">
        <v>0</v>
      </c>
      <c r="IR40" s="75">
        <v>1</v>
      </c>
      <c r="IS40" s="75">
        <v>1</v>
      </c>
      <c r="IT40" s="76">
        <v>2</v>
      </c>
      <c r="IU40" s="77">
        <v>2</v>
      </c>
      <c r="IV40" s="74">
        <v>0</v>
      </c>
      <c r="IW40" s="75">
        <v>0</v>
      </c>
      <c r="IX40" s="76">
        <v>0</v>
      </c>
      <c r="IY40" s="245"/>
      <c r="IZ40" s="75">
        <v>0</v>
      </c>
      <c r="JA40" s="75">
        <v>0</v>
      </c>
      <c r="JB40" s="75">
        <v>0</v>
      </c>
      <c r="JC40" s="75">
        <v>0</v>
      </c>
      <c r="JD40" s="75">
        <v>0</v>
      </c>
      <c r="JE40" s="76">
        <v>0</v>
      </c>
      <c r="JF40" s="77">
        <v>0</v>
      </c>
      <c r="JG40" s="74">
        <v>0</v>
      </c>
      <c r="JH40" s="75">
        <v>0</v>
      </c>
      <c r="JI40" s="76">
        <v>0</v>
      </c>
      <c r="JJ40" s="245"/>
      <c r="JK40" s="75">
        <v>0</v>
      </c>
      <c r="JL40" s="75">
        <v>0</v>
      </c>
      <c r="JM40" s="75">
        <v>0</v>
      </c>
      <c r="JN40" s="75">
        <v>0</v>
      </c>
      <c r="JO40" s="75">
        <v>1</v>
      </c>
      <c r="JP40" s="76">
        <v>1</v>
      </c>
      <c r="JQ40" s="77">
        <v>1</v>
      </c>
      <c r="JR40" s="74">
        <v>0</v>
      </c>
      <c r="JS40" s="75">
        <v>0</v>
      </c>
      <c r="JT40" s="76">
        <v>0</v>
      </c>
      <c r="JU40" s="245"/>
      <c r="JV40" s="75">
        <v>0</v>
      </c>
      <c r="JW40" s="75">
        <v>0</v>
      </c>
      <c r="JX40" s="75">
        <v>0</v>
      </c>
      <c r="JY40" s="75">
        <v>0</v>
      </c>
      <c r="JZ40" s="75">
        <v>0</v>
      </c>
      <c r="KA40" s="76">
        <v>0</v>
      </c>
      <c r="KB40" s="77">
        <v>0</v>
      </c>
      <c r="KC40" s="74">
        <v>0</v>
      </c>
      <c r="KD40" s="75">
        <v>1</v>
      </c>
      <c r="KE40" s="76">
        <v>1</v>
      </c>
      <c r="KF40" s="245"/>
      <c r="KG40" s="75">
        <v>0</v>
      </c>
      <c r="KH40" s="75">
        <v>0</v>
      </c>
      <c r="KI40" s="75">
        <v>0</v>
      </c>
      <c r="KJ40" s="75">
        <v>1</v>
      </c>
      <c r="KK40" s="75">
        <v>2</v>
      </c>
      <c r="KL40" s="76">
        <v>3</v>
      </c>
      <c r="KM40" s="77">
        <v>4</v>
      </c>
    </row>
    <row r="41" spans="2:299" ht="32.25" customHeight="1" x14ac:dyDescent="0.2">
      <c r="C41" s="311" t="s">
        <v>126</v>
      </c>
    </row>
  </sheetData>
  <mergeCells count="36">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 ref="IV5:JF5"/>
    <mergeCell ref="GS5:HC5"/>
    <mergeCell ref="HD5:HN5"/>
    <mergeCell ref="HO5:HY5"/>
    <mergeCell ref="JG5:JQ5"/>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1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8.77734375" style="23" customWidth="1"/>
    <col min="3" max="6" width="7.77734375" style="21" customWidth="1"/>
    <col min="7" max="7" width="8.109375" style="21" customWidth="1"/>
    <col min="8" max="8" width="7.44140625" style="21" customWidth="1"/>
    <col min="9" max="9" width="9.109375" style="21" customWidth="1"/>
    <col min="10" max="10" width="7.77734375" style="21" customWidth="1"/>
    <col min="11" max="11" width="8.6640625" style="21" customWidth="1"/>
    <col min="12" max="12" width="9.33203125" style="21" customWidth="1"/>
    <col min="13" max="13" width="8.33203125" style="21" customWidth="1"/>
    <col min="14" max="26" width="7.77734375" style="21" customWidth="1"/>
    <col min="27" max="33" width="7.77734375" style="23" customWidth="1"/>
    <col min="34" max="34" width="9" style="23"/>
    <col min="35" max="35" width="8.6640625" style="23" customWidth="1"/>
    <col min="36" max="16384" width="9" style="23"/>
  </cols>
  <sheetData>
    <row r="1" spans="2:35" ht="24" customHeight="1" x14ac:dyDescent="0.2">
      <c r="B1" s="20" t="s">
        <v>134</v>
      </c>
      <c r="F1" s="22"/>
      <c r="G1" s="528">
        <f>第１表!F2</f>
        <v>4</v>
      </c>
      <c r="H1" s="528"/>
      <c r="I1" s="248">
        <f>第１表!G2</f>
        <v>9</v>
      </c>
      <c r="J1" s="529">
        <f>IF(I1&lt;3,I1+12-2,I1-2)</f>
        <v>7</v>
      </c>
      <c r="K1" s="529"/>
    </row>
    <row r="2" spans="2:35" ht="24" customHeight="1" thickBot="1" x14ac:dyDescent="0.25">
      <c r="B2" s="292"/>
      <c r="J2" s="24"/>
      <c r="K2" s="24"/>
      <c r="L2" s="24"/>
      <c r="M2" s="24"/>
      <c r="N2" s="24"/>
      <c r="O2" s="24"/>
      <c r="P2" s="25"/>
      <c r="Q2" s="25"/>
      <c r="R2" s="25"/>
    </row>
    <row r="3" spans="2:35" s="44" customFormat="1" ht="19.5" customHeight="1" thickBot="1" x14ac:dyDescent="0.25">
      <c r="B3" s="54"/>
      <c r="C3" s="525" t="s">
        <v>53</v>
      </c>
      <c r="D3" s="526"/>
      <c r="E3" s="526"/>
      <c r="F3" s="526"/>
      <c r="G3" s="526"/>
      <c r="H3" s="526"/>
      <c r="I3" s="526"/>
      <c r="J3" s="526"/>
      <c r="K3" s="526"/>
      <c r="L3" s="526"/>
      <c r="M3" s="527"/>
      <c r="N3" s="525" t="s">
        <v>54</v>
      </c>
      <c r="O3" s="526"/>
      <c r="P3" s="526"/>
      <c r="Q3" s="526"/>
      <c r="R3" s="526"/>
      <c r="S3" s="526"/>
      <c r="T3" s="526"/>
      <c r="U3" s="526"/>
      <c r="V3" s="526"/>
      <c r="W3" s="526"/>
      <c r="X3" s="527"/>
      <c r="Y3" s="525" t="s">
        <v>55</v>
      </c>
      <c r="Z3" s="526"/>
      <c r="AA3" s="526"/>
      <c r="AB3" s="526"/>
      <c r="AC3" s="526"/>
      <c r="AD3" s="526"/>
      <c r="AE3" s="526"/>
      <c r="AF3" s="526"/>
      <c r="AG3" s="526"/>
      <c r="AH3" s="526"/>
      <c r="AI3" s="527"/>
    </row>
    <row r="4" spans="2:35" s="44" customFormat="1" ht="29.25" customHeight="1" thickBot="1" x14ac:dyDescent="0.25">
      <c r="B4" s="54" t="s">
        <v>42</v>
      </c>
      <c r="C4" s="55" t="s">
        <v>43</v>
      </c>
      <c r="D4" s="56" t="s">
        <v>44</v>
      </c>
      <c r="E4" s="57" t="s">
        <v>45</v>
      </c>
      <c r="F4" s="58" t="s">
        <v>46</v>
      </c>
      <c r="G4" s="56" t="s">
        <v>47</v>
      </c>
      <c r="H4" s="56" t="s">
        <v>48</v>
      </c>
      <c r="I4" s="56" t="s">
        <v>49</v>
      </c>
      <c r="J4" s="56" t="s">
        <v>50</v>
      </c>
      <c r="K4" s="56" t="s">
        <v>51</v>
      </c>
      <c r="L4" s="57" t="s">
        <v>45</v>
      </c>
      <c r="M4" s="45" t="s">
        <v>52</v>
      </c>
      <c r="N4" s="55" t="s">
        <v>43</v>
      </c>
      <c r="O4" s="56" t="s">
        <v>44</v>
      </c>
      <c r="P4" s="57" t="s">
        <v>45</v>
      </c>
      <c r="Q4" s="58" t="s">
        <v>46</v>
      </c>
      <c r="R4" s="56" t="s">
        <v>47</v>
      </c>
      <c r="S4" s="56" t="s">
        <v>48</v>
      </c>
      <c r="T4" s="56" t="s">
        <v>49</v>
      </c>
      <c r="U4" s="56" t="s">
        <v>50</v>
      </c>
      <c r="V4" s="56" t="s">
        <v>51</v>
      </c>
      <c r="W4" s="57" t="s">
        <v>45</v>
      </c>
      <c r="X4" s="45" t="s">
        <v>52</v>
      </c>
      <c r="Y4" s="55" t="s">
        <v>43</v>
      </c>
      <c r="Z4" s="56" t="s">
        <v>44</v>
      </c>
      <c r="AA4" s="57" t="s">
        <v>45</v>
      </c>
      <c r="AB4" s="58" t="s">
        <v>46</v>
      </c>
      <c r="AC4" s="56" t="s">
        <v>47</v>
      </c>
      <c r="AD4" s="56" t="s">
        <v>48</v>
      </c>
      <c r="AE4" s="56" t="s">
        <v>49</v>
      </c>
      <c r="AF4" s="56" t="s">
        <v>50</v>
      </c>
      <c r="AG4" s="56" t="s">
        <v>51</v>
      </c>
      <c r="AH4" s="57" t="s">
        <v>45</v>
      </c>
      <c r="AI4" s="45" t="s">
        <v>52</v>
      </c>
    </row>
    <row r="5" spans="2:35" ht="19.5" customHeight="1" x14ac:dyDescent="0.2">
      <c r="B5" s="46" t="s">
        <v>4</v>
      </c>
      <c r="C5" s="215">
        <v>16061</v>
      </c>
      <c r="D5" s="216">
        <v>28123</v>
      </c>
      <c r="E5" s="217">
        <v>44184</v>
      </c>
      <c r="F5" s="212">
        <v>0</v>
      </c>
      <c r="G5" s="216">
        <v>59458</v>
      </c>
      <c r="H5" s="216">
        <v>59544</v>
      </c>
      <c r="I5" s="216">
        <v>34771</v>
      </c>
      <c r="J5" s="216">
        <v>27140</v>
      </c>
      <c r="K5" s="216">
        <v>16368</v>
      </c>
      <c r="L5" s="217">
        <v>197281</v>
      </c>
      <c r="M5" s="218">
        <v>241465</v>
      </c>
      <c r="N5" s="219">
        <v>262</v>
      </c>
      <c r="O5" s="216">
        <v>805</v>
      </c>
      <c r="P5" s="217">
        <v>1067</v>
      </c>
      <c r="Q5" s="212">
        <v>0</v>
      </c>
      <c r="R5" s="216">
        <v>1069</v>
      </c>
      <c r="S5" s="216">
        <v>1823</v>
      </c>
      <c r="T5" s="216">
        <v>995</v>
      </c>
      <c r="U5" s="216">
        <v>825</v>
      </c>
      <c r="V5" s="216">
        <v>745</v>
      </c>
      <c r="W5" s="217">
        <v>5457</v>
      </c>
      <c r="X5" s="218">
        <v>6524</v>
      </c>
      <c r="Y5" s="215">
        <v>16323</v>
      </c>
      <c r="Z5" s="216">
        <v>28928</v>
      </c>
      <c r="AA5" s="217">
        <v>45251</v>
      </c>
      <c r="AB5" s="212">
        <v>0</v>
      </c>
      <c r="AC5" s="216">
        <v>60527</v>
      </c>
      <c r="AD5" s="216">
        <v>61367</v>
      </c>
      <c r="AE5" s="216">
        <v>35766</v>
      </c>
      <c r="AF5" s="216">
        <v>27965</v>
      </c>
      <c r="AG5" s="216">
        <v>17113</v>
      </c>
      <c r="AH5" s="217">
        <v>202738</v>
      </c>
      <c r="AI5" s="218">
        <v>247989</v>
      </c>
    </row>
    <row r="6" spans="2:35" ht="19.5" customHeight="1" x14ac:dyDescent="0.2">
      <c r="B6" s="49" t="s">
        <v>5</v>
      </c>
      <c r="C6" s="220">
        <v>6011</v>
      </c>
      <c r="D6" s="221">
        <v>12461</v>
      </c>
      <c r="E6" s="222">
        <v>18472</v>
      </c>
      <c r="F6" s="213">
        <v>0</v>
      </c>
      <c r="G6" s="221">
        <v>15953</v>
      </c>
      <c r="H6" s="221">
        <v>22431</v>
      </c>
      <c r="I6" s="221">
        <v>11326</v>
      </c>
      <c r="J6" s="221">
        <v>9151</v>
      </c>
      <c r="K6" s="221">
        <v>5438</v>
      </c>
      <c r="L6" s="222">
        <v>64299</v>
      </c>
      <c r="M6" s="223">
        <v>82771</v>
      </c>
      <c r="N6" s="224">
        <v>103</v>
      </c>
      <c r="O6" s="221">
        <v>334</v>
      </c>
      <c r="P6" s="222">
        <v>437</v>
      </c>
      <c r="Q6" s="213">
        <v>0</v>
      </c>
      <c r="R6" s="221">
        <v>249</v>
      </c>
      <c r="S6" s="221">
        <v>746</v>
      </c>
      <c r="T6" s="221">
        <v>369</v>
      </c>
      <c r="U6" s="221">
        <v>308</v>
      </c>
      <c r="V6" s="221">
        <v>293</v>
      </c>
      <c r="W6" s="222">
        <v>1965</v>
      </c>
      <c r="X6" s="223">
        <v>2402</v>
      </c>
      <c r="Y6" s="220">
        <v>6114</v>
      </c>
      <c r="Z6" s="221">
        <v>12795</v>
      </c>
      <c r="AA6" s="222">
        <v>18909</v>
      </c>
      <c r="AB6" s="213">
        <v>0</v>
      </c>
      <c r="AC6" s="221">
        <v>16202</v>
      </c>
      <c r="AD6" s="221">
        <v>23177</v>
      </c>
      <c r="AE6" s="221">
        <v>11695</v>
      </c>
      <c r="AF6" s="221">
        <v>9459</v>
      </c>
      <c r="AG6" s="221">
        <v>5731</v>
      </c>
      <c r="AH6" s="222">
        <v>66264</v>
      </c>
      <c r="AI6" s="223">
        <v>85173</v>
      </c>
    </row>
    <row r="7" spans="2:35" ht="19.5" customHeight="1" x14ac:dyDescent="0.2">
      <c r="B7" s="49" t="s">
        <v>6</v>
      </c>
      <c r="C7" s="220">
        <v>2225</v>
      </c>
      <c r="D7" s="221">
        <v>3423</v>
      </c>
      <c r="E7" s="222">
        <v>5648</v>
      </c>
      <c r="F7" s="213">
        <v>0</v>
      </c>
      <c r="G7" s="221">
        <v>10835</v>
      </c>
      <c r="H7" s="221">
        <v>8566</v>
      </c>
      <c r="I7" s="221">
        <v>5737</v>
      </c>
      <c r="J7" s="221">
        <v>4705</v>
      </c>
      <c r="K7" s="221">
        <v>2893</v>
      </c>
      <c r="L7" s="222">
        <v>32736</v>
      </c>
      <c r="M7" s="223">
        <v>38384</v>
      </c>
      <c r="N7" s="224">
        <v>45</v>
      </c>
      <c r="O7" s="221">
        <v>114</v>
      </c>
      <c r="P7" s="222">
        <v>159</v>
      </c>
      <c r="Q7" s="213">
        <v>0</v>
      </c>
      <c r="R7" s="221">
        <v>236</v>
      </c>
      <c r="S7" s="221">
        <v>258</v>
      </c>
      <c r="T7" s="221">
        <v>173</v>
      </c>
      <c r="U7" s="221">
        <v>162</v>
      </c>
      <c r="V7" s="221">
        <v>134</v>
      </c>
      <c r="W7" s="222">
        <v>963</v>
      </c>
      <c r="X7" s="223">
        <v>1122</v>
      </c>
      <c r="Y7" s="220">
        <v>2270</v>
      </c>
      <c r="Z7" s="221">
        <v>3537</v>
      </c>
      <c r="AA7" s="222">
        <v>5807</v>
      </c>
      <c r="AB7" s="213">
        <v>0</v>
      </c>
      <c r="AC7" s="221">
        <v>11071</v>
      </c>
      <c r="AD7" s="221">
        <v>8824</v>
      </c>
      <c r="AE7" s="221">
        <v>5910</v>
      </c>
      <c r="AF7" s="221">
        <v>4867</v>
      </c>
      <c r="AG7" s="221">
        <v>3027</v>
      </c>
      <c r="AH7" s="222">
        <v>33699</v>
      </c>
      <c r="AI7" s="223">
        <v>39506</v>
      </c>
    </row>
    <row r="8" spans="2:35" ht="19.5" customHeight="1" x14ac:dyDescent="0.2">
      <c r="B8" s="49" t="s">
        <v>14</v>
      </c>
      <c r="C8" s="220">
        <v>1102</v>
      </c>
      <c r="D8" s="221">
        <v>2526</v>
      </c>
      <c r="E8" s="222">
        <v>3628</v>
      </c>
      <c r="F8" s="213">
        <v>0</v>
      </c>
      <c r="G8" s="221">
        <v>4412</v>
      </c>
      <c r="H8" s="221">
        <v>5305</v>
      </c>
      <c r="I8" s="221">
        <v>3294</v>
      </c>
      <c r="J8" s="221">
        <v>2298</v>
      </c>
      <c r="K8" s="221">
        <v>1365</v>
      </c>
      <c r="L8" s="222">
        <v>16674</v>
      </c>
      <c r="M8" s="223">
        <v>20302</v>
      </c>
      <c r="N8" s="224">
        <v>16</v>
      </c>
      <c r="O8" s="221">
        <v>88</v>
      </c>
      <c r="P8" s="222">
        <v>104</v>
      </c>
      <c r="Q8" s="213">
        <v>0</v>
      </c>
      <c r="R8" s="221">
        <v>65</v>
      </c>
      <c r="S8" s="221">
        <v>155</v>
      </c>
      <c r="T8" s="221">
        <v>77</v>
      </c>
      <c r="U8" s="221">
        <v>80</v>
      </c>
      <c r="V8" s="221">
        <v>62</v>
      </c>
      <c r="W8" s="222">
        <v>439</v>
      </c>
      <c r="X8" s="223">
        <v>543</v>
      </c>
      <c r="Y8" s="220">
        <v>1118</v>
      </c>
      <c r="Z8" s="221">
        <v>2614</v>
      </c>
      <c r="AA8" s="222">
        <v>3732</v>
      </c>
      <c r="AB8" s="213">
        <v>0</v>
      </c>
      <c r="AC8" s="221">
        <v>4477</v>
      </c>
      <c r="AD8" s="221">
        <v>5460</v>
      </c>
      <c r="AE8" s="221">
        <v>3371</v>
      </c>
      <c r="AF8" s="221">
        <v>2378</v>
      </c>
      <c r="AG8" s="221">
        <v>1427</v>
      </c>
      <c r="AH8" s="222">
        <v>17113</v>
      </c>
      <c r="AI8" s="223">
        <v>20845</v>
      </c>
    </row>
    <row r="9" spans="2:35" ht="19.5" customHeight="1" x14ac:dyDescent="0.2">
      <c r="B9" s="49" t="s">
        <v>7</v>
      </c>
      <c r="C9" s="220">
        <v>516</v>
      </c>
      <c r="D9" s="221">
        <v>808</v>
      </c>
      <c r="E9" s="222">
        <v>1324</v>
      </c>
      <c r="F9" s="213">
        <v>0</v>
      </c>
      <c r="G9" s="221">
        <v>4965</v>
      </c>
      <c r="H9" s="221">
        <v>3464</v>
      </c>
      <c r="I9" s="221">
        <v>1979</v>
      </c>
      <c r="J9" s="221">
        <v>1527</v>
      </c>
      <c r="K9" s="221">
        <v>843</v>
      </c>
      <c r="L9" s="222">
        <v>12778</v>
      </c>
      <c r="M9" s="223">
        <v>14102</v>
      </c>
      <c r="N9" s="224">
        <v>8</v>
      </c>
      <c r="O9" s="221">
        <v>12</v>
      </c>
      <c r="P9" s="222">
        <v>20</v>
      </c>
      <c r="Q9" s="213">
        <v>0</v>
      </c>
      <c r="R9" s="221">
        <v>90</v>
      </c>
      <c r="S9" s="221">
        <v>97</v>
      </c>
      <c r="T9" s="221">
        <v>46</v>
      </c>
      <c r="U9" s="221">
        <v>30</v>
      </c>
      <c r="V9" s="221">
        <v>30</v>
      </c>
      <c r="W9" s="222">
        <v>293</v>
      </c>
      <c r="X9" s="223">
        <v>313</v>
      </c>
      <c r="Y9" s="220">
        <v>524</v>
      </c>
      <c r="Z9" s="221">
        <v>820</v>
      </c>
      <c r="AA9" s="222">
        <v>1344</v>
      </c>
      <c r="AB9" s="213">
        <v>0</v>
      </c>
      <c r="AC9" s="221">
        <v>5055</v>
      </c>
      <c r="AD9" s="221">
        <v>3561</v>
      </c>
      <c r="AE9" s="221">
        <v>2025</v>
      </c>
      <c r="AF9" s="221">
        <v>1557</v>
      </c>
      <c r="AG9" s="221">
        <v>873</v>
      </c>
      <c r="AH9" s="222">
        <v>13071</v>
      </c>
      <c r="AI9" s="223">
        <v>14415</v>
      </c>
    </row>
    <row r="10" spans="2:35" ht="19.5" customHeight="1" x14ac:dyDescent="0.2">
      <c r="B10" s="49" t="s">
        <v>8</v>
      </c>
      <c r="C10" s="220">
        <v>552</v>
      </c>
      <c r="D10" s="221">
        <v>644</v>
      </c>
      <c r="E10" s="222">
        <v>1196</v>
      </c>
      <c r="F10" s="213">
        <v>0</v>
      </c>
      <c r="G10" s="221">
        <v>2008</v>
      </c>
      <c r="H10" s="221">
        <v>2031</v>
      </c>
      <c r="I10" s="221">
        <v>1247</v>
      </c>
      <c r="J10" s="221">
        <v>845</v>
      </c>
      <c r="K10" s="221">
        <v>553</v>
      </c>
      <c r="L10" s="222">
        <v>6684</v>
      </c>
      <c r="M10" s="223">
        <v>7880</v>
      </c>
      <c r="N10" s="224">
        <v>4</v>
      </c>
      <c r="O10" s="221">
        <v>23</v>
      </c>
      <c r="P10" s="222">
        <v>27</v>
      </c>
      <c r="Q10" s="213">
        <v>0</v>
      </c>
      <c r="R10" s="221">
        <v>31</v>
      </c>
      <c r="S10" s="221">
        <v>60</v>
      </c>
      <c r="T10" s="221">
        <v>37</v>
      </c>
      <c r="U10" s="221">
        <v>20</v>
      </c>
      <c r="V10" s="221">
        <v>25</v>
      </c>
      <c r="W10" s="222">
        <v>173</v>
      </c>
      <c r="X10" s="223">
        <v>200</v>
      </c>
      <c r="Y10" s="220">
        <v>556</v>
      </c>
      <c r="Z10" s="221">
        <v>667</v>
      </c>
      <c r="AA10" s="222">
        <v>1223</v>
      </c>
      <c r="AB10" s="213">
        <v>0</v>
      </c>
      <c r="AC10" s="221">
        <v>2039</v>
      </c>
      <c r="AD10" s="221">
        <v>2091</v>
      </c>
      <c r="AE10" s="221">
        <v>1284</v>
      </c>
      <c r="AF10" s="221">
        <v>865</v>
      </c>
      <c r="AG10" s="221">
        <v>578</v>
      </c>
      <c r="AH10" s="222">
        <v>6857</v>
      </c>
      <c r="AI10" s="223">
        <v>8080</v>
      </c>
    </row>
    <row r="11" spans="2:35" ht="19.5" customHeight="1" x14ac:dyDescent="0.2">
      <c r="B11" s="49" t="s">
        <v>9</v>
      </c>
      <c r="C11" s="220">
        <v>480</v>
      </c>
      <c r="D11" s="221">
        <v>556</v>
      </c>
      <c r="E11" s="222">
        <v>1036</v>
      </c>
      <c r="F11" s="213">
        <v>0</v>
      </c>
      <c r="G11" s="221">
        <v>1951</v>
      </c>
      <c r="H11" s="221">
        <v>1500</v>
      </c>
      <c r="I11" s="221">
        <v>992</v>
      </c>
      <c r="J11" s="221">
        <v>829</v>
      </c>
      <c r="K11" s="221">
        <v>524</v>
      </c>
      <c r="L11" s="222">
        <v>5796</v>
      </c>
      <c r="M11" s="223">
        <v>6832</v>
      </c>
      <c r="N11" s="224">
        <v>2</v>
      </c>
      <c r="O11" s="221">
        <v>15</v>
      </c>
      <c r="P11" s="222">
        <v>17</v>
      </c>
      <c r="Q11" s="213">
        <v>0</v>
      </c>
      <c r="R11" s="221">
        <v>30</v>
      </c>
      <c r="S11" s="221">
        <v>35</v>
      </c>
      <c r="T11" s="221">
        <v>17</v>
      </c>
      <c r="U11" s="221">
        <v>14</v>
      </c>
      <c r="V11" s="221">
        <v>11</v>
      </c>
      <c r="W11" s="222">
        <v>107</v>
      </c>
      <c r="X11" s="223">
        <v>124</v>
      </c>
      <c r="Y11" s="220">
        <v>482</v>
      </c>
      <c r="Z11" s="221">
        <v>571</v>
      </c>
      <c r="AA11" s="222">
        <v>1053</v>
      </c>
      <c r="AB11" s="213">
        <v>0</v>
      </c>
      <c r="AC11" s="221">
        <v>1981</v>
      </c>
      <c r="AD11" s="221">
        <v>1535</v>
      </c>
      <c r="AE11" s="221">
        <v>1009</v>
      </c>
      <c r="AF11" s="221">
        <v>843</v>
      </c>
      <c r="AG11" s="221">
        <v>535</v>
      </c>
      <c r="AH11" s="222">
        <v>5903</v>
      </c>
      <c r="AI11" s="223">
        <v>6956</v>
      </c>
    </row>
    <row r="12" spans="2:35" ht="19.5" customHeight="1" x14ac:dyDescent="0.2">
      <c r="B12" s="49" t="s">
        <v>10</v>
      </c>
      <c r="C12" s="220">
        <v>1253</v>
      </c>
      <c r="D12" s="221">
        <v>1610</v>
      </c>
      <c r="E12" s="222">
        <v>2863</v>
      </c>
      <c r="F12" s="213">
        <v>0</v>
      </c>
      <c r="G12" s="221">
        <v>3983</v>
      </c>
      <c r="H12" s="221">
        <v>2366</v>
      </c>
      <c r="I12" s="221">
        <v>1551</v>
      </c>
      <c r="J12" s="221">
        <v>1255</v>
      </c>
      <c r="K12" s="221">
        <v>871</v>
      </c>
      <c r="L12" s="222">
        <v>10026</v>
      </c>
      <c r="M12" s="223">
        <v>12889</v>
      </c>
      <c r="N12" s="224">
        <v>24</v>
      </c>
      <c r="O12" s="221">
        <v>39</v>
      </c>
      <c r="P12" s="222">
        <v>63</v>
      </c>
      <c r="Q12" s="213">
        <v>0</v>
      </c>
      <c r="R12" s="221">
        <v>87</v>
      </c>
      <c r="S12" s="221">
        <v>72</v>
      </c>
      <c r="T12" s="221">
        <v>42</v>
      </c>
      <c r="U12" s="221">
        <v>25</v>
      </c>
      <c r="V12" s="221">
        <v>40</v>
      </c>
      <c r="W12" s="222">
        <v>266</v>
      </c>
      <c r="X12" s="223">
        <v>329</v>
      </c>
      <c r="Y12" s="220">
        <v>1277</v>
      </c>
      <c r="Z12" s="221">
        <v>1649</v>
      </c>
      <c r="AA12" s="222">
        <v>2926</v>
      </c>
      <c r="AB12" s="213">
        <v>0</v>
      </c>
      <c r="AC12" s="221">
        <v>4070</v>
      </c>
      <c r="AD12" s="221">
        <v>2438</v>
      </c>
      <c r="AE12" s="221">
        <v>1593</v>
      </c>
      <c r="AF12" s="221">
        <v>1280</v>
      </c>
      <c r="AG12" s="221">
        <v>911</v>
      </c>
      <c r="AH12" s="222">
        <v>10292</v>
      </c>
      <c r="AI12" s="223">
        <v>13218</v>
      </c>
    </row>
    <row r="13" spans="2:35" ht="19.5" customHeight="1" x14ac:dyDescent="0.2">
      <c r="B13" s="49" t="s">
        <v>11</v>
      </c>
      <c r="C13" s="220">
        <v>544</v>
      </c>
      <c r="D13" s="221">
        <v>578</v>
      </c>
      <c r="E13" s="222">
        <v>1122</v>
      </c>
      <c r="F13" s="213">
        <v>0</v>
      </c>
      <c r="G13" s="221">
        <v>2181</v>
      </c>
      <c r="H13" s="221">
        <v>1271</v>
      </c>
      <c r="I13" s="221">
        <v>911</v>
      </c>
      <c r="J13" s="221">
        <v>723</v>
      </c>
      <c r="K13" s="221">
        <v>404</v>
      </c>
      <c r="L13" s="222">
        <v>5490</v>
      </c>
      <c r="M13" s="223">
        <v>6612</v>
      </c>
      <c r="N13" s="224">
        <v>8</v>
      </c>
      <c r="O13" s="221">
        <v>10</v>
      </c>
      <c r="P13" s="222">
        <v>18</v>
      </c>
      <c r="Q13" s="213">
        <v>0</v>
      </c>
      <c r="R13" s="221">
        <v>42</v>
      </c>
      <c r="S13" s="221">
        <v>34</v>
      </c>
      <c r="T13" s="221">
        <v>19</v>
      </c>
      <c r="U13" s="221">
        <v>14</v>
      </c>
      <c r="V13" s="221">
        <v>18</v>
      </c>
      <c r="W13" s="222">
        <v>127</v>
      </c>
      <c r="X13" s="223">
        <v>145</v>
      </c>
      <c r="Y13" s="220">
        <v>552</v>
      </c>
      <c r="Z13" s="221">
        <v>588</v>
      </c>
      <c r="AA13" s="222">
        <v>1140</v>
      </c>
      <c r="AB13" s="213">
        <v>0</v>
      </c>
      <c r="AC13" s="221">
        <v>2223</v>
      </c>
      <c r="AD13" s="221">
        <v>1305</v>
      </c>
      <c r="AE13" s="221">
        <v>930</v>
      </c>
      <c r="AF13" s="221">
        <v>737</v>
      </c>
      <c r="AG13" s="221">
        <v>422</v>
      </c>
      <c r="AH13" s="222">
        <v>5617</v>
      </c>
      <c r="AI13" s="223">
        <v>6757</v>
      </c>
    </row>
    <row r="14" spans="2:35" ht="19.5" customHeight="1" x14ac:dyDescent="0.2">
      <c r="B14" s="49" t="s">
        <v>12</v>
      </c>
      <c r="C14" s="220">
        <v>690</v>
      </c>
      <c r="D14" s="221">
        <v>918</v>
      </c>
      <c r="E14" s="222">
        <v>1608</v>
      </c>
      <c r="F14" s="213">
        <v>0</v>
      </c>
      <c r="G14" s="221">
        <v>1619</v>
      </c>
      <c r="H14" s="221">
        <v>1367</v>
      </c>
      <c r="I14" s="221">
        <v>988</v>
      </c>
      <c r="J14" s="221">
        <v>828</v>
      </c>
      <c r="K14" s="221">
        <v>489</v>
      </c>
      <c r="L14" s="222">
        <v>5291</v>
      </c>
      <c r="M14" s="223">
        <v>6899</v>
      </c>
      <c r="N14" s="224">
        <v>12</v>
      </c>
      <c r="O14" s="221">
        <v>24</v>
      </c>
      <c r="P14" s="222">
        <v>36</v>
      </c>
      <c r="Q14" s="213">
        <v>0</v>
      </c>
      <c r="R14" s="221">
        <v>17</v>
      </c>
      <c r="S14" s="221">
        <v>29</v>
      </c>
      <c r="T14" s="221">
        <v>16</v>
      </c>
      <c r="U14" s="221">
        <v>29</v>
      </c>
      <c r="V14" s="221">
        <v>16</v>
      </c>
      <c r="W14" s="222">
        <v>107</v>
      </c>
      <c r="X14" s="223">
        <v>143</v>
      </c>
      <c r="Y14" s="220">
        <v>702</v>
      </c>
      <c r="Z14" s="221">
        <v>942</v>
      </c>
      <c r="AA14" s="222">
        <v>1644</v>
      </c>
      <c r="AB14" s="213">
        <v>0</v>
      </c>
      <c r="AC14" s="221">
        <v>1636</v>
      </c>
      <c r="AD14" s="221">
        <v>1396</v>
      </c>
      <c r="AE14" s="221">
        <v>1004</v>
      </c>
      <c r="AF14" s="221">
        <v>857</v>
      </c>
      <c r="AG14" s="221">
        <v>505</v>
      </c>
      <c r="AH14" s="222">
        <v>5398</v>
      </c>
      <c r="AI14" s="223">
        <v>7042</v>
      </c>
    </row>
    <row r="15" spans="2:35" ht="19.5" customHeight="1" x14ac:dyDescent="0.2">
      <c r="B15" s="49" t="s">
        <v>13</v>
      </c>
      <c r="C15" s="220">
        <v>131</v>
      </c>
      <c r="D15" s="221">
        <v>219</v>
      </c>
      <c r="E15" s="222">
        <v>350</v>
      </c>
      <c r="F15" s="213">
        <v>0</v>
      </c>
      <c r="G15" s="221">
        <v>647</v>
      </c>
      <c r="H15" s="221">
        <v>603</v>
      </c>
      <c r="I15" s="221">
        <v>389</v>
      </c>
      <c r="J15" s="221">
        <v>319</v>
      </c>
      <c r="K15" s="221">
        <v>206</v>
      </c>
      <c r="L15" s="222">
        <v>2164</v>
      </c>
      <c r="M15" s="223">
        <v>2514</v>
      </c>
      <c r="N15" s="224">
        <v>0</v>
      </c>
      <c r="O15" s="221">
        <v>1</v>
      </c>
      <c r="P15" s="222">
        <v>1</v>
      </c>
      <c r="Q15" s="213">
        <v>0</v>
      </c>
      <c r="R15" s="221">
        <v>15</v>
      </c>
      <c r="S15" s="221">
        <v>13</v>
      </c>
      <c r="T15" s="221">
        <v>13</v>
      </c>
      <c r="U15" s="221">
        <v>6</v>
      </c>
      <c r="V15" s="221">
        <v>8</v>
      </c>
      <c r="W15" s="222">
        <v>55</v>
      </c>
      <c r="X15" s="223">
        <v>56</v>
      </c>
      <c r="Y15" s="220">
        <v>131</v>
      </c>
      <c r="Z15" s="221">
        <v>220</v>
      </c>
      <c r="AA15" s="222">
        <v>351</v>
      </c>
      <c r="AB15" s="213">
        <v>0</v>
      </c>
      <c r="AC15" s="221">
        <v>662</v>
      </c>
      <c r="AD15" s="221">
        <v>616</v>
      </c>
      <c r="AE15" s="221">
        <v>402</v>
      </c>
      <c r="AF15" s="221">
        <v>325</v>
      </c>
      <c r="AG15" s="221">
        <v>214</v>
      </c>
      <c r="AH15" s="222">
        <v>2219</v>
      </c>
      <c r="AI15" s="223">
        <v>2570</v>
      </c>
    </row>
    <row r="16" spans="2:35" ht="19.5" customHeight="1" x14ac:dyDescent="0.2">
      <c r="B16" s="49" t="s">
        <v>15</v>
      </c>
      <c r="C16" s="220">
        <v>78</v>
      </c>
      <c r="D16" s="221">
        <v>190</v>
      </c>
      <c r="E16" s="222">
        <v>268</v>
      </c>
      <c r="F16" s="213">
        <v>0</v>
      </c>
      <c r="G16" s="221">
        <v>479</v>
      </c>
      <c r="H16" s="221">
        <v>535</v>
      </c>
      <c r="I16" s="221">
        <v>304</v>
      </c>
      <c r="J16" s="221">
        <v>225</v>
      </c>
      <c r="K16" s="221">
        <v>127</v>
      </c>
      <c r="L16" s="222">
        <v>1670</v>
      </c>
      <c r="M16" s="223">
        <v>1938</v>
      </c>
      <c r="N16" s="224">
        <v>0</v>
      </c>
      <c r="O16" s="221">
        <v>7</v>
      </c>
      <c r="P16" s="222">
        <v>7</v>
      </c>
      <c r="Q16" s="213">
        <v>0</v>
      </c>
      <c r="R16" s="221">
        <v>4</v>
      </c>
      <c r="S16" s="221">
        <v>17</v>
      </c>
      <c r="T16" s="221">
        <v>4</v>
      </c>
      <c r="U16" s="221">
        <v>1</v>
      </c>
      <c r="V16" s="221">
        <v>7</v>
      </c>
      <c r="W16" s="222">
        <v>33</v>
      </c>
      <c r="X16" s="223">
        <v>40</v>
      </c>
      <c r="Y16" s="220">
        <v>78</v>
      </c>
      <c r="Z16" s="221">
        <v>197</v>
      </c>
      <c r="AA16" s="222">
        <v>275</v>
      </c>
      <c r="AB16" s="213">
        <v>0</v>
      </c>
      <c r="AC16" s="221">
        <v>483</v>
      </c>
      <c r="AD16" s="221">
        <v>552</v>
      </c>
      <c r="AE16" s="221">
        <v>308</v>
      </c>
      <c r="AF16" s="221">
        <v>226</v>
      </c>
      <c r="AG16" s="221">
        <v>134</v>
      </c>
      <c r="AH16" s="222">
        <v>1703</v>
      </c>
      <c r="AI16" s="223">
        <v>1978</v>
      </c>
    </row>
    <row r="17" spans="2:35" ht="19.5" customHeight="1" x14ac:dyDescent="0.2">
      <c r="B17" s="49" t="s">
        <v>16</v>
      </c>
      <c r="C17" s="220">
        <v>255</v>
      </c>
      <c r="D17" s="221">
        <v>405</v>
      </c>
      <c r="E17" s="222">
        <v>660</v>
      </c>
      <c r="F17" s="213">
        <v>0</v>
      </c>
      <c r="G17" s="221">
        <v>964</v>
      </c>
      <c r="H17" s="221">
        <v>1277</v>
      </c>
      <c r="I17" s="221">
        <v>754</v>
      </c>
      <c r="J17" s="221">
        <v>547</v>
      </c>
      <c r="K17" s="221">
        <v>332</v>
      </c>
      <c r="L17" s="222">
        <v>3874</v>
      </c>
      <c r="M17" s="223">
        <v>4534</v>
      </c>
      <c r="N17" s="224">
        <v>8</v>
      </c>
      <c r="O17" s="221">
        <v>10</v>
      </c>
      <c r="P17" s="222">
        <v>18</v>
      </c>
      <c r="Q17" s="213">
        <v>0</v>
      </c>
      <c r="R17" s="221">
        <v>13</v>
      </c>
      <c r="S17" s="221">
        <v>37</v>
      </c>
      <c r="T17" s="221">
        <v>23</v>
      </c>
      <c r="U17" s="221">
        <v>18</v>
      </c>
      <c r="V17" s="221">
        <v>12</v>
      </c>
      <c r="W17" s="222">
        <v>103</v>
      </c>
      <c r="X17" s="223">
        <v>121</v>
      </c>
      <c r="Y17" s="220">
        <v>263</v>
      </c>
      <c r="Z17" s="221">
        <v>415</v>
      </c>
      <c r="AA17" s="222">
        <v>678</v>
      </c>
      <c r="AB17" s="213">
        <v>0</v>
      </c>
      <c r="AC17" s="221">
        <v>977</v>
      </c>
      <c r="AD17" s="221">
        <v>1314</v>
      </c>
      <c r="AE17" s="221">
        <v>777</v>
      </c>
      <c r="AF17" s="221">
        <v>565</v>
      </c>
      <c r="AG17" s="221">
        <v>344</v>
      </c>
      <c r="AH17" s="222">
        <v>3977</v>
      </c>
      <c r="AI17" s="223">
        <v>4655</v>
      </c>
    </row>
    <row r="18" spans="2:35" ht="19.5" customHeight="1" x14ac:dyDescent="0.2">
      <c r="B18" s="49" t="s">
        <v>17</v>
      </c>
      <c r="C18" s="220">
        <v>283</v>
      </c>
      <c r="D18" s="221">
        <v>584</v>
      </c>
      <c r="E18" s="222">
        <v>867</v>
      </c>
      <c r="F18" s="213">
        <v>0</v>
      </c>
      <c r="G18" s="221">
        <v>1100</v>
      </c>
      <c r="H18" s="221">
        <v>1623</v>
      </c>
      <c r="I18" s="221">
        <v>924</v>
      </c>
      <c r="J18" s="221">
        <v>698</v>
      </c>
      <c r="K18" s="221">
        <v>462</v>
      </c>
      <c r="L18" s="222">
        <v>4807</v>
      </c>
      <c r="M18" s="223">
        <v>5674</v>
      </c>
      <c r="N18" s="224">
        <v>2</v>
      </c>
      <c r="O18" s="221">
        <v>26</v>
      </c>
      <c r="P18" s="222">
        <v>28</v>
      </c>
      <c r="Q18" s="213">
        <v>0</v>
      </c>
      <c r="R18" s="221">
        <v>17</v>
      </c>
      <c r="S18" s="221">
        <v>61</v>
      </c>
      <c r="T18" s="221">
        <v>35</v>
      </c>
      <c r="U18" s="221">
        <v>27</v>
      </c>
      <c r="V18" s="221">
        <v>17</v>
      </c>
      <c r="W18" s="222">
        <v>157</v>
      </c>
      <c r="X18" s="223">
        <v>185</v>
      </c>
      <c r="Y18" s="220">
        <v>285</v>
      </c>
      <c r="Z18" s="221">
        <v>610</v>
      </c>
      <c r="AA18" s="222">
        <v>895</v>
      </c>
      <c r="AB18" s="213">
        <v>0</v>
      </c>
      <c r="AC18" s="221">
        <v>1117</v>
      </c>
      <c r="AD18" s="221">
        <v>1684</v>
      </c>
      <c r="AE18" s="221">
        <v>959</v>
      </c>
      <c r="AF18" s="221">
        <v>725</v>
      </c>
      <c r="AG18" s="221">
        <v>479</v>
      </c>
      <c r="AH18" s="222">
        <v>4964</v>
      </c>
      <c r="AI18" s="223">
        <v>5859</v>
      </c>
    </row>
    <row r="19" spans="2:35" ht="19.5" customHeight="1" x14ac:dyDescent="0.2">
      <c r="B19" s="49" t="s">
        <v>18</v>
      </c>
      <c r="C19" s="220">
        <v>338</v>
      </c>
      <c r="D19" s="221">
        <v>629</v>
      </c>
      <c r="E19" s="222">
        <v>967</v>
      </c>
      <c r="F19" s="213">
        <v>0</v>
      </c>
      <c r="G19" s="221">
        <v>1772</v>
      </c>
      <c r="H19" s="221">
        <v>1678</v>
      </c>
      <c r="I19" s="221">
        <v>1013</v>
      </c>
      <c r="J19" s="221">
        <v>731</v>
      </c>
      <c r="K19" s="221">
        <v>450</v>
      </c>
      <c r="L19" s="222">
        <v>5644</v>
      </c>
      <c r="M19" s="223">
        <v>6611</v>
      </c>
      <c r="N19" s="224">
        <v>8</v>
      </c>
      <c r="O19" s="221">
        <v>18</v>
      </c>
      <c r="P19" s="222">
        <v>26</v>
      </c>
      <c r="Q19" s="213">
        <v>0</v>
      </c>
      <c r="R19" s="221">
        <v>42</v>
      </c>
      <c r="S19" s="221">
        <v>58</v>
      </c>
      <c r="T19" s="221">
        <v>39</v>
      </c>
      <c r="U19" s="221">
        <v>27</v>
      </c>
      <c r="V19" s="221">
        <v>21</v>
      </c>
      <c r="W19" s="222">
        <v>187</v>
      </c>
      <c r="X19" s="223">
        <v>213</v>
      </c>
      <c r="Y19" s="220">
        <v>346</v>
      </c>
      <c r="Z19" s="221">
        <v>647</v>
      </c>
      <c r="AA19" s="222">
        <v>993</v>
      </c>
      <c r="AB19" s="213">
        <v>0</v>
      </c>
      <c r="AC19" s="221">
        <v>1814</v>
      </c>
      <c r="AD19" s="221">
        <v>1736</v>
      </c>
      <c r="AE19" s="221">
        <v>1052</v>
      </c>
      <c r="AF19" s="221">
        <v>758</v>
      </c>
      <c r="AG19" s="221">
        <v>471</v>
      </c>
      <c r="AH19" s="222">
        <v>5831</v>
      </c>
      <c r="AI19" s="223">
        <v>6824</v>
      </c>
    </row>
    <row r="20" spans="2:35" ht="19.5" customHeight="1" x14ac:dyDescent="0.2">
      <c r="B20" s="49" t="s">
        <v>19</v>
      </c>
      <c r="C20" s="220">
        <v>190</v>
      </c>
      <c r="D20" s="221">
        <v>292</v>
      </c>
      <c r="E20" s="222">
        <v>482</v>
      </c>
      <c r="F20" s="213">
        <v>0</v>
      </c>
      <c r="G20" s="221">
        <v>826</v>
      </c>
      <c r="H20" s="221">
        <v>684</v>
      </c>
      <c r="I20" s="221">
        <v>415</v>
      </c>
      <c r="J20" s="221">
        <v>259</v>
      </c>
      <c r="K20" s="221">
        <v>186</v>
      </c>
      <c r="L20" s="222">
        <v>2370</v>
      </c>
      <c r="M20" s="223">
        <v>2852</v>
      </c>
      <c r="N20" s="224">
        <v>2</v>
      </c>
      <c r="O20" s="221">
        <v>10</v>
      </c>
      <c r="P20" s="222">
        <v>12</v>
      </c>
      <c r="Q20" s="213">
        <v>0</v>
      </c>
      <c r="R20" s="221">
        <v>16</v>
      </c>
      <c r="S20" s="221">
        <v>20</v>
      </c>
      <c r="T20" s="221">
        <v>18</v>
      </c>
      <c r="U20" s="221">
        <v>6</v>
      </c>
      <c r="V20" s="221">
        <v>5</v>
      </c>
      <c r="W20" s="222">
        <v>65</v>
      </c>
      <c r="X20" s="223">
        <v>77</v>
      </c>
      <c r="Y20" s="220">
        <v>192</v>
      </c>
      <c r="Z20" s="221">
        <v>302</v>
      </c>
      <c r="AA20" s="222">
        <v>494</v>
      </c>
      <c r="AB20" s="213">
        <v>0</v>
      </c>
      <c r="AC20" s="221">
        <v>842</v>
      </c>
      <c r="AD20" s="221">
        <v>704</v>
      </c>
      <c r="AE20" s="221">
        <v>433</v>
      </c>
      <c r="AF20" s="221">
        <v>265</v>
      </c>
      <c r="AG20" s="221">
        <v>191</v>
      </c>
      <c r="AH20" s="222">
        <v>2435</v>
      </c>
      <c r="AI20" s="223">
        <v>2929</v>
      </c>
    </row>
    <row r="21" spans="2:35" ht="19.5" customHeight="1" x14ac:dyDescent="0.2">
      <c r="B21" s="49" t="s">
        <v>20</v>
      </c>
      <c r="C21" s="220">
        <v>197</v>
      </c>
      <c r="D21" s="221">
        <v>419</v>
      </c>
      <c r="E21" s="222">
        <v>616</v>
      </c>
      <c r="F21" s="213">
        <v>0</v>
      </c>
      <c r="G21" s="221">
        <v>1089</v>
      </c>
      <c r="H21" s="221">
        <v>677</v>
      </c>
      <c r="I21" s="221">
        <v>480</v>
      </c>
      <c r="J21" s="221">
        <v>336</v>
      </c>
      <c r="K21" s="221">
        <v>163</v>
      </c>
      <c r="L21" s="222">
        <v>2745</v>
      </c>
      <c r="M21" s="223">
        <v>3361</v>
      </c>
      <c r="N21" s="224">
        <v>2</v>
      </c>
      <c r="O21" s="221">
        <v>22</v>
      </c>
      <c r="P21" s="222">
        <v>24</v>
      </c>
      <c r="Q21" s="213">
        <v>0</v>
      </c>
      <c r="R21" s="221">
        <v>33</v>
      </c>
      <c r="S21" s="221">
        <v>15</v>
      </c>
      <c r="T21" s="221">
        <v>17</v>
      </c>
      <c r="U21" s="221">
        <v>13</v>
      </c>
      <c r="V21" s="221">
        <v>5</v>
      </c>
      <c r="W21" s="222">
        <v>83</v>
      </c>
      <c r="X21" s="223">
        <v>107</v>
      </c>
      <c r="Y21" s="220">
        <v>199</v>
      </c>
      <c r="Z21" s="221">
        <v>441</v>
      </c>
      <c r="AA21" s="222">
        <v>640</v>
      </c>
      <c r="AB21" s="213">
        <v>0</v>
      </c>
      <c r="AC21" s="221">
        <v>1122</v>
      </c>
      <c r="AD21" s="221">
        <v>692</v>
      </c>
      <c r="AE21" s="221">
        <v>497</v>
      </c>
      <c r="AF21" s="221">
        <v>349</v>
      </c>
      <c r="AG21" s="221">
        <v>168</v>
      </c>
      <c r="AH21" s="222">
        <v>2828</v>
      </c>
      <c r="AI21" s="223">
        <v>3468</v>
      </c>
    </row>
    <row r="22" spans="2:35" ht="19.5" customHeight="1" x14ac:dyDescent="0.2">
      <c r="B22" s="49" t="s">
        <v>21</v>
      </c>
      <c r="C22" s="220">
        <v>280</v>
      </c>
      <c r="D22" s="221">
        <v>429</v>
      </c>
      <c r="E22" s="222">
        <v>709</v>
      </c>
      <c r="F22" s="213">
        <v>0</v>
      </c>
      <c r="G22" s="221">
        <v>932</v>
      </c>
      <c r="H22" s="221">
        <v>1057</v>
      </c>
      <c r="I22" s="221">
        <v>626</v>
      </c>
      <c r="J22" s="221">
        <v>439</v>
      </c>
      <c r="K22" s="221">
        <v>258</v>
      </c>
      <c r="L22" s="222">
        <v>3312</v>
      </c>
      <c r="M22" s="223">
        <v>4021</v>
      </c>
      <c r="N22" s="224">
        <v>6</v>
      </c>
      <c r="O22" s="221">
        <v>16</v>
      </c>
      <c r="P22" s="222">
        <v>22</v>
      </c>
      <c r="Q22" s="213">
        <v>0</v>
      </c>
      <c r="R22" s="221">
        <v>8</v>
      </c>
      <c r="S22" s="221">
        <v>37</v>
      </c>
      <c r="T22" s="221">
        <v>13</v>
      </c>
      <c r="U22" s="221">
        <v>10</v>
      </c>
      <c r="V22" s="221">
        <v>12</v>
      </c>
      <c r="W22" s="222">
        <v>80</v>
      </c>
      <c r="X22" s="223">
        <v>102</v>
      </c>
      <c r="Y22" s="220">
        <v>286</v>
      </c>
      <c r="Z22" s="221">
        <v>445</v>
      </c>
      <c r="AA22" s="222">
        <v>731</v>
      </c>
      <c r="AB22" s="213">
        <v>0</v>
      </c>
      <c r="AC22" s="221">
        <v>940</v>
      </c>
      <c r="AD22" s="221">
        <v>1094</v>
      </c>
      <c r="AE22" s="221">
        <v>639</v>
      </c>
      <c r="AF22" s="221">
        <v>449</v>
      </c>
      <c r="AG22" s="221">
        <v>270</v>
      </c>
      <c r="AH22" s="222">
        <v>3392</v>
      </c>
      <c r="AI22" s="223">
        <v>4123</v>
      </c>
    </row>
    <row r="23" spans="2:35" ht="19.5" customHeight="1" x14ac:dyDescent="0.2">
      <c r="B23" s="49" t="s">
        <v>22</v>
      </c>
      <c r="C23" s="220">
        <v>60</v>
      </c>
      <c r="D23" s="221">
        <v>161</v>
      </c>
      <c r="E23" s="222">
        <v>221</v>
      </c>
      <c r="F23" s="213">
        <v>0</v>
      </c>
      <c r="G23" s="221">
        <v>421</v>
      </c>
      <c r="H23" s="221">
        <v>396</v>
      </c>
      <c r="I23" s="221">
        <v>184</v>
      </c>
      <c r="J23" s="221">
        <v>145</v>
      </c>
      <c r="K23" s="221">
        <v>87</v>
      </c>
      <c r="L23" s="222">
        <v>1233</v>
      </c>
      <c r="M23" s="223">
        <v>1454</v>
      </c>
      <c r="N23" s="224">
        <v>0</v>
      </c>
      <c r="O23" s="221">
        <v>6</v>
      </c>
      <c r="P23" s="222">
        <v>6</v>
      </c>
      <c r="Q23" s="213">
        <v>0</v>
      </c>
      <c r="R23" s="221">
        <v>12</v>
      </c>
      <c r="S23" s="221">
        <v>6</v>
      </c>
      <c r="T23" s="221">
        <v>6</v>
      </c>
      <c r="U23" s="221">
        <v>4</v>
      </c>
      <c r="V23" s="221">
        <v>1</v>
      </c>
      <c r="W23" s="222">
        <v>29</v>
      </c>
      <c r="X23" s="223">
        <v>35</v>
      </c>
      <c r="Y23" s="220">
        <v>60</v>
      </c>
      <c r="Z23" s="221">
        <v>167</v>
      </c>
      <c r="AA23" s="222">
        <v>227</v>
      </c>
      <c r="AB23" s="213">
        <v>0</v>
      </c>
      <c r="AC23" s="221">
        <v>433</v>
      </c>
      <c r="AD23" s="221">
        <v>402</v>
      </c>
      <c r="AE23" s="221">
        <v>190</v>
      </c>
      <c r="AF23" s="221">
        <v>149</v>
      </c>
      <c r="AG23" s="221">
        <v>88</v>
      </c>
      <c r="AH23" s="222">
        <v>1262</v>
      </c>
      <c r="AI23" s="223">
        <v>1489</v>
      </c>
    </row>
    <row r="24" spans="2:35" ht="19.5" customHeight="1" x14ac:dyDescent="0.2">
      <c r="B24" s="49" t="s">
        <v>23</v>
      </c>
      <c r="C24" s="220">
        <v>133</v>
      </c>
      <c r="D24" s="221">
        <v>248</v>
      </c>
      <c r="E24" s="222">
        <v>381</v>
      </c>
      <c r="F24" s="213">
        <v>0</v>
      </c>
      <c r="G24" s="221">
        <v>608</v>
      </c>
      <c r="H24" s="221">
        <v>549</v>
      </c>
      <c r="I24" s="221">
        <v>324</v>
      </c>
      <c r="J24" s="221">
        <v>254</v>
      </c>
      <c r="K24" s="221">
        <v>132</v>
      </c>
      <c r="L24" s="222">
        <v>1867</v>
      </c>
      <c r="M24" s="223">
        <v>2248</v>
      </c>
      <c r="N24" s="224">
        <v>5</v>
      </c>
      <c r="O24" s="221">
        <v>8</v>
      </c>
      <c r="P24" s="222">
        <v>13</v>
      </c>
      <c r="Q24" s="213">
        <v>0</v>
      </c>
      <c r="R24" s="221">
        <v>7</v>
      </c>
      <c r="S24" s="221">
        <v>16</v>
      </c>
      <c r="T24" s="221">
        <v>6</v>
      </c>
      <c r="U24" s="221">
        <v>8</v>
      </c>
      <c r="V24" s="221">
        <v>5</v>
      </c>
      <c r="W24" s="222">
        <v>42</v>
      </c>
      <c r="X24" s="223">
        <v>55</v>
      </c>
      <c r="Y24" s="220">
        <v>138</v>
      </c>
      <c r="Z24" s="221">
        <v>256</v>
      </c>
      <c r="AA24" s="222">
        <v>394</v>
      </c>
      <c r="AB24" s="213">
        <v>0</v>
      </c>
      <c r="AC24" s="221">
        <v>615</v>
      </c>
      <c r="AD24" s="221">
        <v>565</v>
      </c>
      <c r="AE24" s="221">
        <v>330</v>
      </c>
      <c r="AF24" s="221">
        <v>262</v>
      </c>
      <c r="AG24" s="221">
        <v>137</v>
      </c>
      <c r="AH24" s="222">
        <v>1909</v>
      </c>
      <c r="AI24" s="223">
        <v>2303</v>
      </c>
    </row>
    <row r="25" spans="2:35" ht="19.5" customHeight="1" x14ac:dyDescent="0.2">
      <c r="B25" s="49" t="s">
        <v>24</v>
      </c>
      <c r="C25" s="220">
        <v>114</v>
      </c>
      <c r="D25" s="221">
        <v>107</v>
      </c>
      <c r="E25" s="222">
        <v>221</v>
      </c>
      <c r="F25" s="213">
        <v>0</v>
      </c>
      <c r="G25" s="221">
        <v>332</v>
      </c>
      <c r="H25" s="221">
        <v>232</v>
      </c>
      <c r="I25" s="221">
        <v>171</v>
      </c>
      <c r="J25" s="221">
        <v>118</v>
      </c>
      <c r="K25" s="221">
        <v>97</v>
      </c>
      <c r="L25" s="222">
        <v>950</v>
      </c>
      <c r="M25" s="223">
        <v>1171</v>
      </c>
      <c r="N25" s="224">
        <v>2</v>
      </c>
      <c r="O25" s="221">
        <v>2</v>
      </c>
      <c r="P25" s="222">
        <v>4</v>
      </c>
      <c r="Q25" s="213">
        <v>0</v>
      </c>
      <c r="R25" s="221">
        <v>4</v>
      </c>
      <c r="S25" s="221">
        <v>7</v>
      </c>
      <c r="T25" s="221">
        <v>2</v>
      </c>
      <c r="U25" s="221">
        <v>1</v>
      </c>
      <c r="V25" s="221">
        <v>1</v>
      </c>
      <c r="W25" s="222">
        <v>15</v>
      </c>
      <c r="X25" s="223">
        <v>19</v>
      </c>
      <c r="Y25" s="220">
        <v>116</v>
      </c>
      <c r="Z25" s="221">
        <v>109</v>
      </c>
      <c r="AA25" s="222">
        <v>225</v>
      </c>
      <c r="AB25" s="213">
        <v>0</v>
      </c>
      <c r="AC25" s="221">
        <v>336</v>
      </c>
      <c r="AD25" s="221">
        <v>239</v>
      </c>
      <c r="AE25" s="221">
        <v>173</v>
      </c>
      <c r="AF25" s="221">
        <v>119</v>
      </c>
      <c r="AG25" s="221">
        <v>98</v>
      </c>
      <c r="AH25" s="222">
        <v>965</v>
      </c>
      <c r="AI25" s="223">
        <v>1190</v>
      </c>
    </row>
    <row r="26" spans="2:35" ht="19.5" customHeight="1" x14ac:dyDescent="0.2">
      <c r="B26" s="49" t="s">
        <v>25</v>
      </c>
      <c r="C26" s="220">
        <v>95</v>
      </c>
      <c r="D26" s="221">
        <v>146</v>
      </c>
      <c r="E26" s="222">
        <v>241</v>
      </c>
      <c r="F26" s="213">
        <v>0</v>
      </c>
      <c r="G26" s="221">
        <v>387</v>
      </c>
      <c r="H26" s="221">
        <v>277</v>
      </c>
      <c r="I26" s="221">
        <v>137</v>
      </c>
      <c r="J26" s="221">
        <v>147</v>
      </c>
      <c r="K26" s="221">
        <v>70</v>
      </c>
      <c r="L26" s="222">
        <v>1018</v>
      </c>
      <c r="M26" s="223">
        <v>1259</v>
      </c>
      <c r="N26" s="224">
        <v>1</v>
      </c>
      <c r="O26" s="221">
        <v>5</v>
      </c>
      <c r="P26" s="222">
        <v>6</v>
      </c>
      <c r="Q26" s="213">
        <v>0</v>
      </c>
      <c r="R26" s="221">
        <v>8</v>
      </c>
      <c r="S26" s="221">
        <v>10</v>
      </c>
      <c r="T26" s="221">
        <v>5</v>
      </c>
      <c r="U26" s="221">
        <v>3</v>
      </c>
      <c r="V26" s="221">
        <v>3</v>
      </c>
      <c r="W26" s="222">
        <v>29</v>
      </c>
      <c r="X26" s="223">
        <v>35</v>
      </c>
      <c r="Y26" s="220">
        <v>96</v>
      </c>
      <c r="Z26" s="221">
        <v>151</v>
      </c>
      <c r="AA26" s="222">
        <v>247</v>
      </c>
      <c r="AB26" s="213">
        <v>0</v>
      </c>
      <c r="AC26" s="221">
        <v>395</v>
      </c>
      <c r="AD26" s="221">
        <v>287</v>
      </c>
      <c r="AE26" s="221">
        <v>142</v>
      </c>
      <c r="AF26" s="221">
        <v>150</v>
      </c>
      <c r="AG26" s="221">
        <v>73</v>
      </c>
      <c r="AH26" s="222">
        <v>1047</v>
      </c>
      <c r="AI26" s="223">
        <v>1294</v>
      </c>
    </row>
    <row r="27" spans="2:35" ht="19.5" customHeight="1" x14ac:dyDescent="0.2">
      <c r="B27" s="49" t="s">
        <v>26</v>
      </c>
      <c r="C27" s="220">
        <v>83</v>
      </c>
      <c r="D27" s="221">
        <v>107</v>
      </c>
      <c r="E27" s="222">
        <v>190</v>
      </c>
      <c r="F27" s="213">
        <v>0</v>
      </c>
      <c r="G27" s="221">
        <v>307</v>
      </c>
      <c r="H27" s="221">
        <v>258</v>
      </c>
      <c r="I27" s="221">
        <v>171</v>
      </c>
      <c r="J27" s="221">
        <v>124</v>
      </c>
      <c r="K27" s="221">
        <v>82</v>
      </c>
      <c r="L27" s="222">
        <v>942</v>
      </c>
      <c r="M27" s="223">
        <v>1132</v>
      </c>
      <c r="N27" s="224">
        <v>0</v>
      </c>
      <c r="O27" s="221">
        <v>1</v>
      </c>
      <c r="P27" s="222">
        <v>1</v>
      </c>
      <c r="Q27" s="213">
        <v>0</v>
      </c>
      <c r="R27" s="221">
        <v>10</v>
      </c>
      <c r="S27" s="221">
        <v>4</v>
      </c>
      <c r="T27" s="221">
        <v>2</v>
      </c>
      <c r="U27" s="221">
        <v>5</v>
      </c>
      <c r="V27" s="221">
        <v>3</v>
      </c>
      <c r="W27" s="222">
        <v>24</v>
      </c>
      <c r="X27" s="223">
        <v>25</v>
      </c>
      <c r="Y27" s="220">
        <v>83</v>
      </c>
      <c r="Z27" s="221">
        <v>108</v>
      </c>
      <c r="AA27" s="222">
        <v>191</v>
      </c>
      <c r="AB27" s="213">
        <v>0</v>
      </c>
      <c r="AC27" s="221">
        <v>317</v>
      </c>
      <c r="AD27" s="221">
        <v>262</v>
      </c>
      <c r="AE27" s="221">
        <v>173</v>
      </c>
      <c r="AF27" s="221">
        <v>129</v>
      </c>
      <c r="AG27" s="221">
        <v>85</v>
      </c>
      <c r="AH27" s="222">
        <v>966</v>
      </c>
      <c r="AI27" s="223">
        <v>1157</v>
      </c>
    </row>
    <row r="28" spans="2:35" ht="19.5" customHeight="1" x14ac:dyDescent="0.2">
      <c r="B28" s="49" t="s">
        <v>27</v>
      </c>
      <c r="C28" s="220">
        <v>121</v>
      </c>
      <c r="D28" s="221">
        <v>167</v>
      </c>
      <c r="E28" s="222">
        <v>288</v>
      </c>
      <c r="F28" s="213">
        <v>0</v>
      </c>
      <c r="G28" s="221">
        <v>243</v>
      </c>
      <c r="H28" s="221">
        <v>214</v>
      </c>
      <c r="I28" s="221">
        <v>155</v>
      </c>
      <c r="J28" s="221">
        <v>114</v>
      </c>
      <c r="K28" s="221">
        <v>61</v>
      </c>
      <c r="L28" s="222">
        <v>787</v>
      </c>
      <c r="M28" s="223">
        <v>1075</v>
      </c>
      <c r="N28" s="224">
        <v>1</v>
      </c>
      <c r="O28" s="221">
        <v>4</v>
      </c>
      <c r="P28" s="222">
        <v>5</v>
      </c>
      <c r="Q28" s="213">
        <v>0</v>
      </c>
      <c r="R28" s="221">
        <v>6</v>
      </c>
      <c r="S28" s="221">
        <v>4</v>
      </c>
      <c r="T28" s="221">
        <v>2</v>
      </c>
      <c r="U28" s="221">
        <v>1</v>
      </c>
      <c r="V28" s="221">
        <v>3</v>
      </c>
      <c r="W28" s="222">
        <v>16</v>
      </c>
      <c r="X28" s="223">
        <v>21</v>
      </c>
      <c r="Y28" s="220">
        <v>122</v>
      </c>
      <c r="Z28" s="221">
        <v>171</v>
      </c>
      <c r="AA28" s="222">
        <v>293</v>
      </c>
      <c r="AB28" s="213">
        <v>0</v>
      </c>
      <c r="AC28" s="221">
        <v>249</v>
      </c>
      <c r="AD28" s="221">
        <v>218</v>
      </c>
      <c r="AE28" s="221">
        <v>157</v>
      </c>
      <c r="AF28" s="221">
        <v>115</v>
      </c>
      <c r="AG28" s="221">
        <v>64</v>
      </c>
      <c r="AH28" s="222">
        <v>803</v>
      </c>
      <c r="AI28" s="223">
        <v>1096</v>
      </c>
    </row>
    <row r="29" spans="2:35" ht="19.5" customHeight="1" x14ac:dyDescent="0.2">
      <c r="B29" s="49" t="s">
        <v>28</v>
      </c>
      <c r="C29" s="220">
        <v>8</v>
      </c>
      <c r="D29" s="221">
        <v>20</v>
      </c>
      <c r="E29" s="222">
        <v>28</v>
      </c>
      <c r="F29" s="213">
        <v>0</v>
      </c>
      <c r="G29" s="221">
        <v>75</v>
      </c>
      <c r="H29" s="221">
        <v>97</v>
      </c>
      <c r="I29" s="221">
        <v>41</v>
      </c>
      <c r="J29" s="221">
        <v>36</v>
      </c>
      <c r="K29" s="221">
        <v>23</v>
      </c>
      <c r="L29" s="222">
        <v>272</v>
      </c>
      <c r="M29" s="223">
        <v>300</v>
      </c>
      <c r="N29" s="224">
        <v>0</v>
      </c>
      <c r="O29" s="221">
        <v>1</v>
      </c>
      <c r="P29" s="222">
        <v>1</v>
      </c>
      <c r="Q29" s="213">
        <v>0</v>
      </c>
      <c r="R29" s="221">
        <v>0</v>
      </c>
      <c r="S29" s="221">
        <v>1</v>
      </c>
      <c r="T29" s="221">
        <v>0</v>
      </c>
      <c r="U29" s="221">
        <v>1</v>
      </c>
      <c r="V29" s="221">
        <v>3</v>
      </c>
      <c r="W29" s="222">
        <v>5</v>
      </c>
      <c r="X29" s="223">
        <v>6</v>
      </c>
      <c r="Y29" s="220">
        <v>8</v>
      </c>
      <c r="Z29" s="221">
        <v>21</v>
      </c>
      <c r="AA29" s="222">
        <v>29</v>
      </c>
      <c r="AB29" s="213">
        <v>0</v>
      </c>
      <c r="AC29" s="221">
        <v>75</v>
      </c>
      <c r="AD29" s="221">
        <v>98</v>
      </c>
      <c r="AE29" s="221">
        <v>41</v>
      </c>
      <c r="AF29" s="221">
        <v>37</v>
      </c>
      <c r="AG29" s="221">
        <v>26</v>
      </c>
      <c r="AH29" s="222">
        <v>277</v>
      </c>
      <c r="AI29" s="223">
        <v>306</v>
      </c>
    </row>
    <row r="30" spans="2:35" ht="19.5" customHeight="1" x14ac:dyDescent="0.2">
      <c r="B30" s="49" t="s">
        <v>29</v>
      </c>
      <c r="C30" s="220">
        <v>30</v>
      </c>
      <c r="D30" s="221">
        <v>35</v>
      </c>
      <c r="E30" s="222">
        <v>65</v>
      </c>
      <c r="F30" s="213">
        <v>0</v>
      </c>
      <c r="G30" s="221">
        <v>88</v>
      </c>
      <c r="H30" s="221">
        <v>105</v>
      </c>
      <c r="I30" s="221">
        <v>51</v>
      </c>
      <c r="J30" s="221">
        <v>56</v>
      </c>
      <c r="K30" s="221">
        <v>29</v>
      </c>
      <c r="L30" s="222">
        <v>329</v>
      </c>
      <c r="M30" s="223">
        <v>394</v>
      </c>
      <c r="N30" s="224">
        <v>1</v>
      </c>
      <c r="O30" s="221">
        <v>2</v>
      </c>
      <c r="P30" s="222">
        <v>3</v>
      </c>
      <c r="Q30" s="213">
        <v>0</v>
      </c>
      <c r="R30" s="221">
        <v>2</v>
      </c>
      <c r="S30" s="221">
        <v>4</v>
      </c>
      <c r="T30" s="221">
        <v>3</v>
      </c>
      <c r="U30" s="221">
        <v>1</v>
      </c>
      <c r="V30" s="221">
        <v>0</v>
      </c>
      <c r="W30" s="222">
        <v>10</v>
      </c>
      <c r="X30" s="223">
        <v>13</v>
      </c>
      <c r="Y30" s="220">
        <v>31</v>
      </c>
      <c r="Z30" s="221">
        <v>37</v>
      </c>
      <c r="AA30" s="222">
        <v>68</v>
      </c>
      <c r="AB30" s="213">
        <v>0</v>
      </c>
      <c r="AC30" s="221">
        <v>90</v>
      </c>
      <c r="AD30" s="221">
        <v>109</v>
      </c>
      <c r="AE30" s="221">
        <v>54</v>
      </c>
      <c r="AF30" s="221">
        <v>57</v>
      </c>
      <c r="AG30" s="221">
        <v>29</v>
      </c>
      <c r="AH30" s="222">
        <v>339</v>
      </c>
      <c r="AI30" s="223">
        <v>407</v>
      </c>
    </row>
    <row r="31" spans="2:35" ht="19.5" customHeight="1" x14ac:dyDescent="0.2">
      <c r="B31" s="49" t="s">
        <v>30</v>
      </c>
      <c r="C31" s="220">
        <v>30</v>
      </c>
      <c r="D31" s="221">
        <v>29</v>
      </c>
      <c r="E31" s="222">
        <v>59</v>
      </c>
      <c r="F31" s="213">
        <v>0</v>
      </c>
      <c r="G31" s="221">
        <v>112</v>
      </c>
      <c r="H31" s="221">
        <v>90</v>
      </c>
      <c r="I31" s="221">
        <v>59</v>
      </c>
      <c r="J31" s="221">
        <v>51</v>
      </c>
      <c r="K31" s="221">
        <v>20</v>
      </c>
      <c r="L31" s="222">
        <v>332</v>
      </c>
      <c r="M31" s="223">
        <v>391</v>
      </c>
      <c r="N31" s="224">
        <v>0</v>
      </c>
      <c r="O31" s="221">
        <v>0</v>
      </c>
      <c r="P31" s="222">
        <v>0</v>
      </c>
      <c r="Q31" s="213">
        <v>0</v>
      </c>
      <c r="R31" s="221">
        <v>1</v>
      </c>
      <c r="S31" s="221">
        <v>0</v>
      </c>
      <c r="T31" s="221">
        <v>1</v>
      </c>
      <c r="U31" s="221">
        <v>1</v>
      </c>
      <c r="V31" s="221">
        <v>1</v>
      </c>
      <c r="W31" s="222">
        <v>4</v>
      </c>
      <c r="X31" s="223">
        <v>4</v>
      </c>
      <c r="Y31" s="220">
        <v>30</v>
      </c>
      <c r="Z31" s="221">
        <v>29</v>
      </c>
      <c r="AA31" s="222">
        <v>59</v>
      </c>
      <c r="AB31" s="213">
        <v>0</v>
      </c>
      <c r="AC31" s="221">
        <v>113</v>
      </c>
      <c r="AD31" s="221">
        <v>90</v>
      </c>
      <c r="AE31" s="221">
        <v>60</v>
      </c>
      <c r="AF31" s="221">
        <v>52</v>
      </c>
      <c r="AG31" s="221">
        <v>21</v>
      </c>
      <c r="AH31" s="222">
        <v>336</v>
      </c>
      <c r="AI31" s="223">
        <v>395</v>
      </c>
    </row>
    <row r="32" spans="2:35" ht="19.5" customHeight="1" x14ac:dyDescent="0.2">
      <c r="B32" s="49" t="s">
        <v>31</v>
      </c>
      <c r="C32" s="220">
        <v>26</v>
      </c>
      <c r="D32" s="221">
        <v>49</v>
      </c>
      <c r="E32" s="222">
        <v>75</v>
      </c>
      <c r="F32" s="213">
        <v>0</v>
      </c>
      <c r="G32" s="221">
        <v>114</v>
      </c>
      <c r="H32" s="221">
        <v>108</v>
      </c>
      <c r="I32" s="221">
        <v>64</v>
      </c>
      <c r="J32" s="221">
        <v>30</v>
      </c>
      <c r="K32" s="221">
        <v>18</v>
      </c>
      <c r="L32" s="222">
        <v>334</v>
      </c>
      <c r="M32" s="223">
        <v>409</v>
      </c>
      <c r="N32" s="224">
        <v>0</v>
      </c>
      <c r="O32" s="221">
        <v>1</v>
      </c>
      <c r="P32" s="222">
        <v>1</v>
      </c>
      <c r="Q32" s="213">
        <v>0</v>
      </c>
      <c r="R32" s="221">
        <v>3</v>
      </c>
      <c r="S32" s="221">
        <v>1</v>
      </c>
      <c r="T32" s="221">
        <v>1</v>
      </c>
      <c r="U32" s="221">
        <v>1</v>
      </c>
      <c r="V32" s="221">
        <v>2</v>
      </c>
      <c r="W32" s="222">
        <v>8</v>
      </c>
      <c r="X32" s="223">
        <v>9</v>
      </c>
      <c r="Y32" s="220">
        <v>26</v>
      </c>
      <c r="Z32" s="221">
        <v>50</v>
      </c>
      <c r="AA32" s="222">
        <v>76</v>
      </c>
      <c r="AB32" s="213">
        <v>0</v>
      </c>
      <c r="AC32" s="221">
        <v>117</v>
      </c>
      <c r="AD32" s="221">
        <v>109</v>
      </c>
      <c r="AE32" s="221">
        <v>65</v>
      </c>
      <c r="AF32" s="221">
        <v>31</v>
      </c>
      <c r="AG32" s="221">
        <v>20</v>
      </c>
      <c r="AH32" s="222">
        <v>342</v>
      </c>
      <c r="AI32" s="223">
        <v>418</v>
      </c>
    </row>
    <row r="33" spans="2:35" ht="19.5" customHeight="1" x14ac:dyDescent="0.2">
      <c r="B33" s="49" t="s">
        <v>32</v>
      </c>
      <c r="C33" s="220">
        <v>34</v>
      </c>
      <c r="D33" s="221">
        <v>43</v>
      </c>
      <c r="E33" s="222">
        <v>77</v>
      </c>
      <c r="F33" s="213">
        <v>0</v>
      </c>
      <c r="G33" s="221">
        <v>142</v>
      </c>
      <c r="H33" s="221">
        <v>114</v>
      </c>
      <c r="I33" s="221">
        <v>63</v>
      </c>
      <c r="J33" s="221">
        <v>49</v>
      </c>
      <c r="K33" s="221">
        <v>27</v>
      </c>
      <c r="L33" s="222">
        <v>395</v>
      </c>
      <c r="M33" s="223">
        <v>472</v>
      </c>
      <c r="N33" s="224">
        <v>1</v>
      </c>
      <c r="O33" s="221">
        <v>1</v>
      </c>
      <c r="P33" s="222">
        <v>2</v>
      </c>
      <c r="Q33" s="213">
        <v>0</v>
      </c>
      <c r="R33" s="221">
        <v>8</v>
      </c>
      <c r="S33" s="221">
        <v>7</v>
      </c>
      <c r="T33" s="221">
        <v>0</v>
      </c>
      <c r="U33" s="221">
        <v>2</v>
      </c>
      <c r="V33" s="221">
        <v>2</v>
      </c>
      <c r="W33" s="222">
        <v>19</v>
      </c>
      <c r="X33" s="223">
        <v>21</v>
      </c>
      <c r="Y33" s="220">
        <v>35</v>
      </c>
      <c r="Z33" s="221">
        <v>44</v>
      </c>
      <c r="AA33" s="222">
        <v>79</v>
      </c>
      <c r="AB33" s="213">
        <v>0</v>
      </c>
      <c r="AC33" s="221">
        <v>150</v>
      </c>
      <c r="AD33" s="221">
        <v>121</v>
      </c>
      <c r="AE33" s="221">
        <v>63</v>
      </c>
      <c r="AF33" s="221">
        <v>51</v>
      </c>
      <c r="AG33" s="221">
        <v>29</v>
      </c>
      <c r="AH33" s="222">
        <v>414</v>
      </c>
      <c r="AI33" s="223">
        <v>493</v>
      </c>
    </row>
    <row r="34" spans="2:35" ht="19.5" customHeight="1" x14ac:dyDescent="0.2">
      <c r="B34" s="49" t="s">
        <v>33</v>
      </c>
      <c r="C34" s="220">
        <v>48</v>
      </c>
      <c r="D34" s="221">
        <v>60</v>
      </c>
      <c r="E34" s="222">
        <v>108</v>
      </c>
      <c r="F34" s="213">
        <v>0</v>
      </c>
      <c r="G34" s="221">
        <v>133</v>
      </c>
      <c r="H34" s="221">
        <v>88</v>
      </c>
      <c r="I34" s="221">
        <v>44</v>
      </c>
      <c r="J34" s="221">
        <v>41</v>
      </c>
      <c r="K34" s="221">
        <v>23</v>
      </c>
      <c r="L34" s="222">
        <v>329</v>
      </c>
      <c r="M34" s="223">
        <v>437</v>
      </c>
      <c r="N34" s="224">
        <v>0</v>
      </c>
      <c r="O34" s="221">
        <v>0</v>
      </c>
      <c r="P34" s="222">
        <v>0</v>
      </c>
      <c r="Q34" s="213">
        <v>0</v>
      </c>
      <c r="R34" s="221">
        <v>3</v>
      </c>
      <c r="S34" s="221">
        <v>1</v>
      </c>
      <c r="T34" s="221">
        <v>0</v>
      </c>
      <c r="U34" s="221">
        <v>1</v>
      </c>
      <c r="V34" s="221">
        <v>1</v>
      </c>
      <c r="W34" s="222">
        <v>6</v>
      </c>
      <c r="X34" s="223">
        <v>6</v>
      </c>
      <c r="Y34" s="220">
        <v>48</v>
      </c>
      <c r="Z34" s="221">
        <v>60</v>
      </c>
      <c r="AA34" s="222">
        <v>108</v>
      </c>
      <c r="AB34" s="213">
        <v>0</v>
      </c>
      <c r="AC34" s="221">
        <v>136</v>
      </c>
      <c r="AD34" s="221">
        <v>89</v>
      </c>
      <c r="AE34" s="221">
        <v>44</v>
      </c>
      <c r="AF34" s="221">
        <v>42</v>
      </c>
      <c r="AG34" s="221">
        <v>24</v>
      </c>
      <c r="AH34" s="222">
        <v>335</v>
      </c>
      <c r="AI34" s="223">
        <v>443</v>
      </c>
    </row>
    <row r="35" spans="2:35" ht="19.5" customHeight="1" x14ac:dyDescent="0.2">
      <c r="B35" s="49" t="s">
        <v>34</v>
      </c>
      <c r="C35" s="220">
        <v>15</v>
      </c>
      <c r="D35" s="221">
        <v>28</v>
      </c>
      <c r="E35" s="222">
        <v>43</v>
      </c>
      <c r="F35" s="213">
        <v>0</v>
      </c>
      <c r="G35" s="221">
        <v>95</v>
      </c>
      <c r="H35" s="221">
        <v>75</v>
      </c>
      <c r="I35" s="221">
        <v>46</v>
      </c>
      <c r="J35" s="221">
        <v>33</v>
      </c>
      <c r="K35" s="221">
        <v>15</v>
      </c>
      <c r="L35" s="222">
        <v>264</v>
      </c>
      <c r="M35" s="223">
        <v>307</v>
      </c>
      <c r="N35" s="224">
        <v>0</v>
      </c>
      <c r="O35" s="221">
        <v>0</v>
      </c>
      <c r="P35" s="222">
        <v>0</v>
      </c>
      <c r="Q35" s="213">
        <v>0</v>
      </c>
      <c r="R35" s="221">
        <v>5</v>
      </c>
      <c r="S35" s="221">
        <v>1</v>
      </c>
      <c r="T35" s="221">
        <v>2</v>
      </c>
      <c r="U35" s="221">
        <v>1</v>
      </c>
      <c r="V35" s="221">
        <v>1</v>
      </c>
      <c r="W35" s="222">
        <v>10</v>
      </c>
      <c r="X35" s="223">
        <v>10</v>
      </c>
      <c r="Y35" s="220">
        <v>15</v>
      </c>
      <c r="Z35" s="221">
        <v>28</v>
      </c>
      <c r="AA35" s="222">
        <v>43</v>
      </c>
      <c r="AB35" s="213">
        <v>0</v>
      </c>
      <c r="AC35" s="221">
        <v>100</v>
      </c>
      <c r="AD35" s="221">
        <v>76</v>
      </c>
      <c r="AE35" s="221">
        <v>48</v>
      </c>
      <c r="AF35" s="221">
        <v>34</v>
      </c>
      <c r="AG35" s="221">
        <v>16</v>
      </c>
      <c r="AH35" s="222">
        <v>274</v>
      </c>
      <c r="AI35" s="223">
        <v>317</v>
      </c>
    </row>
    <row r="36" spans="2:35" ht="19.5" customHeight="1" x14ac:dyDescent="0.2">
      <c r="B36" s="49" t="s">
        <v>35</v>
      </c>
      <c r="C36" s="220">
        <v>72</v>
      </c>
      <c r="D36" s="221">
        <v>99</v>
      </c>
      <c r="E36" s="222">
        <v>171</v>
      </c>
      <c r="F36" s="213">
        <v>0</v>
      </c>
      <c r="G36" s="221">
        <v>371</v>
      </c>
      <c r="H36" s="221">
        <v>240</v>
      </c>
      <c r="I36" s="221">
        <v>137</v>
      </c>
      <c r="J36" s="221">
        <v>117</v>
      </c>
      <c r="K36" s="221">
        <v>48</v>
      </c>
      <c r="L36" s="222">
        <v>913</v>
      </c>
      <c r="M36" s="223">
        <v>1084</v>
      </c>
      <c r="N36" s="224">
        <v>0</v>
      </c>
      <c r="O36" s="221">
        <v>1</v>
      </c>
      <c r="P36" s="222">
        <v>1</v>
      </c>
      <c r="Q36" s="213">
        <v>0</v>
      </c>
      <c r="R36" s="221">
        <v>1</v>
      </c>
      <c r="S36" s="221">
        <v>7</v>
      </c>
      <c r="T36" s="221">
        <v>1</v>
      </c>
      <c r="U36" s="221">
        <v>1</v>
      </c>
      <c r="V36" s="221">
        <v>2</v>
      </c>
      <c r="W36" s="222">
        <v>12</v>
      </c>
      <c r="X36" s="223">
        <v>13</v>
      </c>
      <c r="Y36" s="220">
        <v>72</v>
      </c>
      <c r="Z36" s="221">
        <v>100</v>
      </c>
      <c r="AA36" s="222">
        <v>172</v>
      </c>
      <c r="AB36" s="213">
        <v>0</v>
      </c>
      <c r="AC36" s="221">
        <v>372</v>
      </c>
      <c r="AD36" s="221">
        <v>247</v>
      </c>
      <c r="AE36" s="221">
        <v>138</v>
      </c>
      <c r="AF36" s="221">
        <v>118</v>
      </c>
      <c r="AG36" s="221">
        <v>50</v>
      </c>
      <c r="AH36" s="222">
        <v>925</v>
      </c>
      <c r="AI36" s="223">
        <v>1097</v>
      </c>
    </row>
    <row r="37" spans="2:35" ht="19.5" customHeight="1" x14ac:dyDescent="0.2">
      <c r="B37" s="49" t="s">
        <v>36</v>
      </c>
      <c r="C37" s="220">
        <v>55</v>
      </c>
      <c r="D37" s="221">
        <v>126</v>
      </c>
      <c r="E37" s="222">
        <v>181</v>
      </c>
      <c r="F37" s="213">
        <v>0</v>
      </c>
      <c r="G37" s="221">
        <v>284</v>
      </c>
      <c r="H37" s="221">
        <v>249</v>
      </c>
      <c r="I37" s="221">
        <v>171</v>
      </c>
      <c r="J37" s="221">
        <v>102</v>
      </c>
      <c r="K37" s="221">
        <v>66</v>
      </c>
      <c r="L37" s="222">
        <v>872</v>
      </c>
      <c r="M37" s="223">
        <v>1053</v>
      </c>
      <c r="N37" s="224">
        <v>1</v>
      </c>
      <c r="O37" s="221">
        <v>4</v>
      </c>
      <c r="P37" s="222">
        <v>5</v>
      </c>
      <c r="Q37" s="213">
        <v>0</v>
      </c>
      <c r="R37" s="221">
        <v>4</v>
      </c>
      <c r="S37" s="221">
        <v>9</v>
      </c>
      <c r="T37" s="221">
        <v>4</v>
      </c>
      <c r="U37" s="221">
        <v>3</v>
      </c>
      <c r="V37" s="221">
        <v>1</v>
      </c>
      <c r="W37" s="222">
        <v>21</v>
      </c>
      <c r="X37" s="223">
        <v>26</v>
      </c>
      <c r="Y37" s="220">
        <v>56</v>
      </c>
      <c r="Z37" s="221">
        <v>130</v>
      </c>
      <c r="AA37" s="222">
        <v>186</v>
      </c>
      <c r="AB37" s="213">
        <v>0</v>
      </c>
      <c r="AC37" s="221">
        <v>288</v>
      </c>
      <c r="AD37" s="221">
        <v>258</v>
      </c>
      <c r="AE37" s="221">
        <v>175</v>
      </c>
      <c r="AF37" s="221">
        <v>105</v>
      </c>
      <c r="AG37" s="221">
        <v>67</v>
      </c>
      <c r="AH37" s="222">
        <v>893</v>
      </c>
      <c r="AI37" s="223">
        <v>1079</v>
      </c>
    </row>
    <row r="38" spans="2:35" ht="19.5" customHeight="1" thickBot="1" x14ac:dyDescent="0.25">
      <c r="B38" s="50" t="s">
        <v>37</v>
      </c>
      <c r="C38" s="225">
        <v>12</v>
      </c>
      <c r="D38" s="226">
        <v>7</v>
      </c>
      <c r="E38" s="227">
        <v>19</v>
      </c>
      <c r="F38" s="214">
        <v>0</v>
      </c>
      <c r="G38" s="226">
        <v>30</v>
      </c>
      <c r="H38" s="226">
        <v>17</v>
      </c>
      <c r="I38" s="226">
        <v>23</v>
      </c>
      <c r="J38" s="226">
        <v>8</v>
      </c>
      <c r="K38" s="226">
        <v>6</v>
      </c>
      <c r="L38" s="227">
        <v>84</v>
      </c>
      <c r="M38" s="228">
        <v>103</v>
      </c>
      <c r="N38" s="229">
        <v>0</v>
      </c>
      <c r="O38" s="226">
        <v>0</v>
      </c>
      <c r="P38" s="227">
        <v>0</v>
      </c>
      <c r="Q38" s="214">
        <v>0</v>
      </c>
      <c r="R38" s="226">
        <v>0</v>
      </c>
      <c r="S38" s="226">
        <v>1</v>
      </c>
      <c r="T38" s="226">
        <v>2</v>
      </c>
      <c r="U38" s="226">
        <v>1</v>
      </c>
      <c r="V38" s="226">
        <v>0</v>
      </c>
      <c r="W38" s="227">
        <v>4</v>
      </c>
      <c r="X38" s="228">
        <v>4</v>
      </c>
      <c r="Y38" s="225">
        <v>12</v>
      </c>
      <c r="Z38" s="226">
        <v>7</v>
      </c>
      <c r="AA38" s="227">
        <v>19</v>
      </c>
      <c r="AB38" s="214">
        <v>0</v>
      </c>
      <c r="AC38" s="226">
        <v>30</v>
      </c>
      <c r="AD38" s="226">
        <v>18</v>
      </c>
      <c r="AE38" s="226">
        <v>25</v>
      </c>
      <c r="AF38" s="226">
        <v>9</v>
      </c>
      <c r="AG38" s="226">
        <v>6</v>
      </c>
      <c r="AH38" s="227">
        <v>88</v>
      </c>
      <c r="AI38" s="228">
        <v>107</v>
      </c>
    </row>
    <row r="39" spans="2:35" x14ac:dyDescent="0.2">
      <c r="AA39" s="21"/>
      <c r="AB39" s="21"/>
      <c r="AC39" s="21"/>
      <c r="AD39" s="21"/>
      <c r="AE39" s="21"/>
      <c r="AF39" s="21"/>
      <c r="AG39" s="21"/>
      <c r="AH39" s="21"/>
      <c r="AI39" s="21"/>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33203125" style="256" customWidth="1"/>
    <col min="6" max="6" width="7.6640625" style="256" customWidth="1"/>
    <col min="7" max="7" width="10.21875" style="256" customWidth="1"/>
    <col min="8" max="8" width="10.44140625" style="256" customWidth="1"/>
    <col min="9" max="16" width="9" style="256"/>
    <col min="17" max="17" width="7.21875" style="256" customWidth="1"/>
    <col min="18" max="27" width="9" style="256"/>
    <col min="28" max="28" width="7.6640625" style="256" customWidth="1"/>
    <col min="29" max="38" width="9" style="256"/>
    <col min="39" max="39" width="7.6640625" style="256" customWidth="1"/>
    <col min="40" max="49" width="9" style="256"/>
    <col min="50" max="50" width="7.21875" style="256" customWidth="1"/>
    <col min="51" max="60" width="9" style="256"/>
    <col min="61" max="61" width="7.21875" style="256" customWidth="1"/>
    <col min="62" max="71" width="9" style="256"/>
    <col min="72" max="72" width="7.33203125" style="256" customWidth="1"/>
    <col min="73" max="82" width="9" style="256"/>
    <col min="83" max="83" width="7.44140625" style="256" customWidth="1"/>
    <col min="84" max="93" width="9" style="256"/>
    <col min="94" max="94" width="7.6640625" style="256" customWidth="1"/>
    <col min="95" max="104" width="9" style="256"/>
    <col min="105" max="105" width="7.44140625" style="256" customWidth="1"/>
    <col min="106" max="115" width="9" style="256"/>
    <col min="116" max="116" width="7.44140625" style="256" customWidth="1"/>
    <col min="117" max="126" width="9" style="256"/>
    <col min="127" max="127" width="7.44140625" style="256" customWidth="1"/>
    <col min="128" max="137" width="9" style="256"/>
    <col min="138" max="138" width="7.33203125" style="256" customWidth="1"/>
    <col min="139" max="148" width="9" style="256"/>
    <col min="149" max="149" width="7.77734375" style="256" customWidth="1"/>
    <col min="150" max="16384" width="9" style="256"/>
  </cols>
  <sheetData>
    <row r="1" spans="2:156" ht="24" customHeight="1" x14ac:dyDescent="0.2">
      <c r="B1" s="291" t="s">
        <v>122</v>
      </c>
      <c r="I1" s="528">
        <f>第１表!F2</f>
        <v>4</v>
      </c>
      <c r="J1" s="528"/>
      <c r="K1" s="248">
        <f>第１表!G2</f>
        <v>9</v>
      </c>
      <c r="L1" s="529">
        <f>IF(K1&lt;3,K1+12-2,K1-2)</f>
        <v>7</v>
      </c>
      <c r="M1" s="529"/>
    </row>
    <row r="2" spans="2:156" ht="24" customHeight="1" thickBot="1" x14ac:dyDescent="0.25">
      <c r="B2" s="291" t="s">
        <v>138</v>
      </c>
      <c r="G2" s="247"/>
      <c r="H2" s="248"/>
      <c r="J2" s="255"/>
      <c r="K2" s="255"/>
    </row>
    <row r="3" spans="2:156" ht="23.25" customHeight="1" thickBot="1" x14ac:dyDescent="0.25">
      <c r="B3" s="537"/>
      <c r="C3" s="540" t="s">
        <v>70</v>
      </c>
      <c r="D3" s="541"/>
      <c r="E3" s="541"/>
      <c r="F3" s="541"/>
      <c r="G3" s="541"/>
      <c r="H3" s="541"/>
      <c r="I3" s="541"/>
      <c r="J3" s="541"/>
      <c r="K3" s="541"/>
      <c r="L3" s="541"/>
      <c r="M3" s="542"/>
      <c r="N3" s="540" t="s">
        <v>71</v>
      </c>
      <c r="O3" s="541"/>
      <c r="P3" s="541"/>
      <c r="Q3" s="541"/>
      <c r="R3" s="541"/>
      <c r="S3" s="541"/>
      <c r="T3" s="541"/>
      <c r="U3" s="541"/>
      <c r="V3" s="541"/>
      <c r="W3" s="541"/>
      <c r="X3" s="542"/>
      <c r="Y3" s="540" t="s">
        <v>72</v>
      </c>
      <c r="Z3" s="541"/>
      <c r="AA3" s="541"/>
      <c r="AB3" s="541"/>
      <c r="AC3" s="541"/>
      <c r="AD3" s="541"/>
      <c r="AE3" s="541"/>
      <c r="AF3" s="541"/>
      <c r="AG3" s="541"/>
      <c r="AH3" s="541"/>
      <c r="AI3" s="542"/>
      <c r="AJ3" s="540" t="s">
        <v>73</v>
      </c>
      <c r="AK3" s="541"/>
      <c r="AL3" s="541"/>
      <c r="AM3" s="541"/>
      <c r="AN3" s="541"/>
      <c r="AO3" s="541"/>
      <c r="AP3" s="541"/>
      <c r="AQ3" s="541"/>
      <c r="AR3" s="541"/>
      <c r="AS3" s="541"/>
      <c r="AT3" s="542"/>
      <c r="AU3" s="540" t="s">
        <v>74</v>
      </c>
      <c r="AV3" s="541"/>
      <c r="AW3" s="541"/>
      <c r="AX3" s="541"/>
      <c r="AY3" s="541"/>
      <c r="AZ3" s="541"/>
      <c r="BA3" s="541"/>
      <c r="BB3" s="541"/>
      <c r="BC3" s="541"/>
      <c r="BD3" s="541"/>
      <c r="BE3" s="542"/>
      <c r="BF3" s="540" t="s">
        <v>75</v>
      </c>
      <c r="BG3" s="541"/>
      <c r="BH3" s="541"/>
      <c r="BI3" s="541"/>
      <c r="BJ3" s="541"/>
      <c r="BK3" s="541"/>
      <c r="BL3" s="541"/>
      <c r="BM3" s="541"/>
      <c r="BN3" s="541"/>
      <c r="BO3" s="541"/>
      <c r="BP3" s="542"/>
      <c r="BQ3" s="540" t="s">
        <v>76</v>
      </c>
      <c r="BR3" s="541"/>
      <c r="BS3" s="541"/>
      <c r="BT3" s="541"/>
      <c r="BU3" s="541"/>
      <c r="BV3" s="541"/>
      <c r="BW3" s="541"/>
      <c r="BX3" s="541"/>
      <c r="BY3" s="541"/>
      <c r="BZ3" s="541"/>
      <c r="CA3" s="542"/>
      <c r="CB3" s="540" t="s">
        <v>77</v>
      </c>
      <c r="CC3" s="541"/>
      <c r="CD3" s="541"/>
      <c r="CE3" s="541"/>
      <c r="CF3" s="541"/>
      <c r="CG3" s="541"/>
      <c r="CH3" s="541"/>
      <c r="CI3" s="541"/>
      <c r="CJ3" s="541"/>
      <c r="CK3" s="541"/>
      <c r="CL3" s="542"/>
      <c r="CM3" s="540" t="s">
        <v>78</v>
      </c>
      <c r="CN3" s="541"/>
      <c r="CO3" s="541"/>
      <c r="CP3" s="541"/>
      <c r="CQ3" s="541"/>
      <c r="CR3" s="541"/>
      <c r="CS3" s="541"/>
      <c r="CT3" s="541"/>
      <c r="CU3" s="541"/>
      <c r="CV3" s="541"/>
      <c r="CW3" s="542"/>
      <c r="CX3" s="540" t="s">
        <v>79</v>
      </c>
      <c r="CY3" s="541"/>
      <c r="CZ3" s="541"/>
      <c r="DA3" s="541"/>
      <c r="DB3" s="541"/>
      <c r="DC3" s="541"/>
      <c r="DD3" s="541"/>
      <c r="DE3" s="541"/>
      <c r="DF3" s="541"/>
      <c r="DG3" s="541"/>
      <c r="DH3" s="542"/>
      <c r="DI3" s="540" t="s">
        <v>152</v>
      </c>
      <c r="DJ3" s="541"/>
      <c r="DK3" s="541"/>
      <c r="DL3" s="541"/>
      <c r="DM3" s="541"/>
      <c r="DN3" s="541"/>
      <c r="DO3" s="541"/>
      <c r="DP3" s="541"/>
      <c r="DQ3" s="541"/>
      <c r="DR3" s="541"/>
      <c r="DS3" s="542"/>
      <c r="DT3" s="540" t="s">
        <v>80</v>
      </c>
      <c r="DU3" s="541"/>
      <c r="DV3" s="541"/>
      <c r="DW3" s="541"/>
      <c r="DX3" s="541"/>
      <c r="DY3" s="541"/>
      <c r="DZ3" s="541"/>
      <c r="EA3" s="541"/>
      <c r="EB3" s="541"/>
      <c r="EC3" s="541"/>
      <c r="ED3" s="542"/>
      <c r="EE3" s="540" t="s">
        <v>68</v>
      </c>
      <c r="EF3" s="541"/>
      <c r="EG3" s="541"/>
      <c r="EH3" s="541"/>
      <c r="EI3" s="541"/>
      <c r="EJ3" s="541"/>
      <c r="EK3" s="541"/>
      <c r="EL3" s="541"/>
      <c r="EM3" s="541"/>
      <c r="EN3" s="541"/>
      <c r="EO3" s="542"/>
      <c r="EP3" s="543" t="s">
        <v>69</v>
      </c>
      <c r="EQ3" s="544"/>
      <c r="ER3" s="544"/>
      <c r="ES3" s="544"/>
      <c r="ET3" s="544"/>
      <c r="EU3" s="544"/>
      <c r="EV3" s="544"/>
      <c r="EW3" s="544"/>
      <c r="EX3" s="544"/>
      <c r="EY3" s="544"/>
      <c r="EZ3" s="545"/>
    </row>
    <row r="4" spans="2:156" ht="22.5"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4"/>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c r="DI4" s="532" t="s">
        <v>61</v>
      </c>
      <c r="DJ4" s="533"/>
      <c r="DK4" s="534"/>
      <c r="DL4" s="535" t="s">
        <v>62</v>
      </c>
      <c r="DM4" s="533"/>
      <c r="DN4" s="533"/>
      <c r="DO4" s="533"/>
      <c r="DP4" s="533"/>
      <c r="DQ4" s="533"/>
      <c r="DR4" s="534"/>
      <c r="DS4" s="530" t="s">
        <v>52</v>
      </c>
      <c r="DT4" s="532" t="s">
        <v>61</v>
      </c>
      <c r="DU4" s="533"/>
      <c r="DV4" s="534"/>
      <c r="DW4" s="535" t="s">
        <v>62</v>
      </c>
      <c r="DX4" s="533"/>
      <c r="DY4" s="533"/>
      <c r="DZ4" s="533"/>
      <c r="EA4" s="533"/>
      <c r="EB4" s="533"/>
      <c r="EC4" s="534"/>
      <c r="ED4" s="530" t="s">
        <v>52</v>
      </c>
      <c r="EE4" s="532" t="s">
        <v>61</v>
      </c>
      <c r="EF4" s="533"/>
      <c r="EG4" s="534"/>
      <c r="EH4" s="535" t="s">
        <v>62</v>
      </c>
      <c r="EI4" s="533"/>
      <c r="EJ4" s="533"/>
      <c r="EK4" s="533"/>
      <c r="EL4" s="533"/>
      <c r="EM4" s="533"/>
      <c r="EN4" s="534"/>
      <c r="EO4" s="530" t="s">
        <v>52</v>
      </c>
      <c r="EP4" s="532" t="s">
        <v>61</v>
      </c>
      <c r="EQ4" s="533"/>
      <c r="ER4" s="534"/>
      <c r="ES4" s="535" t="s">
        <v>62</v>
      </c>
      <c r="ET4" s="533"/>
      <c r="EU4" s="533"/>
      <c r="EV4" s="533"/>
      <c r="EW4" s="533"/>
      <c r="EX4" s="533"/>
      <c r="EY4" s="534"/>
      <c r="EZ4" s="530" t="s">
        <v>52</v>
      </c>
    </row>
    <row r="5" spans="2:156" ht="34.5" customHeight="1" thickBot="1" x14ac:dyDescent="0.25">
      <c r="B5" s="539"/>
      <c r="C5" s="264" t="s">
        <v>43</v>
      </c>
      <c r="D5" s="260" t="s">
        <v>44</v>
      </c>
      <c r="E5" s="383" t="s">
        <v>45</v>
      </c>
      <c r="F5" s="268" t="s">
        <v>83</v>
      </c>
      <c r="G5" s="260" t="s">
        <v>47</v>
      </c>
      <c r="H5" s="260" t="s">
        <v>48</v>
      </c>
      <c r="I5" s="260" t="s">
        <v>49</v>
      </c>
      <c r="J5" s="260" t="s">
        <v>50</v>
      </c>
      <c r="K5" s="260" t="s">
        <v>51</v>
      </c>
      <c r="L5" s="269" t="s">
        <v>45</v>
      </c>
      <c r="M5" s="531"/>
      <c r="N5" s="264" t="s">
        <v>43</v>
      </c>
      <c r="O5" s="260" t="s">
        <v>44</v>
      </c>
      <c r="P5" s="266" t="s">
        <v>45</v>
      </c>
      <c r="Q5" s="268" t="s">
        <v>83</v>
      </c>
      <c r="R5" s="260" t="s">
        <v>47</v>
      </c>
      <c r="S5" s="260" t="s">
        <v>48</v>
      </c>
      <c r="T5" s="260" t="s">
        <v>49</v>
      </c>
      <c r="U5" s="260" t="s">
        <v>50</v>
      </c>
      <c r="V5" s="260" t="s">
        <v>51</v>
      </c>
      <c r="W5" s="266" t="s">
        <v>45</v>
      </c>
      <c r="X5" s="531"/>
      <c r="Y5" s="264" t="s">
        <v>43</v>
      </c>
      <c r="Z5" s="260" t="s">
        <v>44</v>
      </c>
      <c r="AA5" s="266" t="s">
        <v>45</v>
      </c>
      <c r="AB5" s="268" t="s">
        <v>83</v>
      </c>
      <c r="AC5" s="260" t="s">
        <v>47</v>
      </c>
      <c r="AD5" s="260" t="s">
        <v>48</v>
      </c>
      <c r="AE5" s="260" t="s">
        <v>49</v>
      </c>
      <c r="AF5" s="260" t="s">
        <v>50</v>
      </c>
      <c r="AG5" s="260" t="s">
        <v>51</v>
      </c>
      <c r="AH5" s="266" t="s">
        <v>45</v>
      </c>
      <c r="AI5" s="531"/>
      <c r="AJ5" s="264" t="s">
        <v>43</v>
      </c>
      <c r="AK5" s="260" t="s">
        <v>44</v>
      </c>
      <c r="AL5" s="266" t="s">
        <v>45</v>
      </c>
      <c r="AM5" s="268" t="s">
        <v>83</v>
      </c>
      <c r="AN5" s="260" t="s">
        <v>47</v>
      </c>
      <c r="AO5" s="260" t="s">
        <v>48</v>
      </c>
      <c r="AP5" s="260" t="s">
        <v>49</v>
      </c>
      <c r="AQ5" s="260" t="s">
        <v>50</v>
      </c>
      <c r="AR5" s="260" t="s">
        <v>51</v>
      </c>
      <c r="AS5" s="266" t="s">
        <v>45</v>
      </c>
      <c r="AT5" s="531"/>
      <c r="AU5" s="264" t="s">
        <v>43</v>
      </c>
      <c r="AV5" s="260" t="s">
        <v>44</v>
      </c>
      <c r="AW5" s="266" t="s">
        <v>45</v>
      </c>
      <c r="AX5" s="268" t="s">
        <v>83</v>
      </c>
      <c r="AY5" s="260" t="s">
        <v>47</v>
      </c>
      <c r="AZ5" s="260" t="s">
        <v>48</v>
      </c>
      <c r="BA5" s="260" t="s">
        <v>49</v>
      </c>
      <c r="BB5" s="260" t="s">
        <v>50</v>
      </c>
      <c r="BC5" s="260" t="s">
        <v>51</v>
      </c>
      <c r="BD5" s="269" t="s">
        <v>45</v>
      </c>
      <c r="BE5" s="531"/>
      <c r="BF5" s="264" t="s">
        <v>43</v>
      </c>
      <c r="BG5" s="260" t="s">
        <v>44</v>
      </c>
      <c r="BH5" s="266" t="s">
        <v>45</v>
      </c>
      <c r="BI5" s="268" t="s">
        <v>83</v>
      </c>
      <c r="BJ5" s="260" t="s">
        <v>47</v>
      </c>
      <c r="BK5" s="260" t="s">
        <v>48</v>
      </c>
      <c r="BL5" s="260" t="s">
        <v>49</v>
      </c>
      <c r="BM5" s="260" t="s">
        <v>50</v>
      </c>
      <c r="BN5" s="260" t="s">
        <v>51</v>
      </c>
      <c r="BO5" s="266" t="s">
        <v>45</v>
      </c>
      <c r="BP5" s="531"/>
      <c r="BQ5" s="264" t="s">
        <v>43</v>
      </c>
      <c r="BR5" s="260" t="s">
        <v>44</v>
      </c>
      <c r="BS5" s="266" t="s">
        <v>45</v>
      </c>
      <c r="BT5" s="268" t="s">
        <v>83</v>
      </c>
      <c r="BU5" s="260" t="s">
        <v>47</v>
      </c>
      <c r="BV5" s="260" t="s">
        <v>48</v>
      </c>
      <c r="BW5" s="260" t="s">
        <v>49</v>
      </c>
      <c r="BX5" s="260" t="s">
        <v>50</v>
      </c>
      <c r="BY5" s="260" t="s">
        <v>51</v>
      </c>
      <c r="BZ5" s="266" t="s">
        <v>45</v>
      </c>
      <c r="CA5" s="531"/>
      <c r="CB5" s="264" t="s">
        <v>43</v>
      </c>
      <c r="CC5" s="260" t="s">
        <v>44</v>
      </c>
      <c r="CD5" s="266" t="s">
        <v>45</v>
      </c>
      <c r="CE5" s="268" t="s">
        <v>83</v>
      </c>
      <c r="CF5" s="260" t="s">
        <v>47</v>
      </c>
      <c r="CG5" s="260" t="s">
        <v>48</v>
      </c>
      <c r="CH5" s="260" t="s">
        <v>49</v>
      </c>
      <c r="CI5" s="260" t="s">
        <v>50</v>
      </c>
      <c r="CJ5" s="260" t="s">
        <v>51</v>
      </c>
      <c r="CK5" s="266" t="s">
        <v>45</v>
      </c>
      <c r="CL5" s="531"/>
      <c r="CM5" s="264" t="s">
        <v>43</v>
      </c>
      <c r="CN5" s="260" t="s">
        <v>44</v>
      </c>
      <c r="CO5" s="266" t="s">
        <v>45</v>
      </c>
      <c r="CP5" s="268" t="s">
        <v>83</v>
      </c>
      <c r="CQ5" s="260" t="s">
        <v>47</v>
      </c>
      <c r="CR5" s="260" t="s">
        <v>48</v>
      </c>
      <c r="CS5" s="260" t="s">
        <v>49</v>
      </c>
      <c r="CT5" s="260" t="s">
        <v>50</v>
      </c>
      <c r="CU5" s="260" t="s">
        <v>51</v>
      </c>
      <c r="CV5" s="266" t="s">
        <v>45</v>
      </c>
      <c r="CW5" s="531"/>
      <c r="CX5" s="264" t="s">
        <v>43</v>
      </c>
      <c r="CY5" s="260" t="s">
        <v>44</v>
      </c>
      <c r="CZ5" s="266" t="s">
        <v>45</v>
      </c>
      <c r="DA5" s="268" t="s">
        <v>83</v>
      </c>
      <c r="DB5" s="260" t="s">
        <v>47</v>
      </c>
      <c r="DC5" s="260" t="s">
        <v>48</v>
      </c>
      <c r="DD5" s="260" t="s">
        <v>49</v>
      </c>
      <c r="DE5" s="260" t="s">
        <v>50</v>
      </c>
      <c r="DF5" s="260" t="s">
        <v>51</v>
      </c>
      <c r="DG5" s="266" t="s">
        <v>45</v>
      </c>
      <c r="DH5" s="531"/>
      <c r="DI5" s="345" t="s">
        <v>43</v>
      </c>
      <c r="DJ5" s="260" t="s">
        <v>44</v>
      </c>
      <c r="DK5" s="266" t="s">
        <v>45</v>
      </c>
      <c r="DL5" s="268" t="s">
        <v>83</v>
      </c>
      <c r="DM5" s="260" t="s">
        <v>47</v>
      </c>
      <c r="DN5" s="260" t="s">
        <v>48</v>
      </c>
      <c r="DO5" s="260" t="s">
        <v>49</v>
      </c>
      <c r="DP5" s="260" t="s">
        <v>50</v>
      </c>
      <c r="DQ5" s="260" t="s">
        <v>51</v>
      </c>
      <c r="DR5" s="266" t="s">
        <v>45</v>
      </c>
      <c r="DS5" s="531"/>
      <c r="DT5" s="264" t="s">
        <v>43</v>
      </c>
      <c r="DU5" s="260" t="s">
        <v>44</v>
      </c>
      <c r="DV5" s="266" t="s">
        <v>45</v>
      </c>
      <c r="DW5" s="268" t="s">
        <v>83</v>
      </c>
      <c r="DX5" s="260" t="s">
        <v>47</v>
      </c>
      <c r="DY5" s="260" t="s">
        <v>48</v>
      </c>
      <c r="DZ5" s="260" t="s">
        <v>49</v>
      </c>
      <c r="EA5" s="260" t="s">
        <v>50</v>
      </c>
      <c r="EB5" s="260" t="s">
        <v>51</v>
      </c>
      <c r="EC5" s="266" t="s">
        <v>45</v>
      </c>
      <c r="ED5" s="531"/>
      <c r="EE5" s="264" t="s">
        <v>43</v>
      </c>
      <c r="EF5" s="260" t="s">
        <v>44</v>
      </c>
      <c r="EG5" s="266" t="s">
        <v>45</v>
      </c>
      <c r="EH5" s="268" t="s">
        <v>83</v>
      </c>
      <c r="EI5" s="260" t="s">
        <v>47</v>
      </c>
      <c r="EJ5" s="260" t="s">
        <v>48</v>
      </c>
      <c r="EK5" s="260" t="s">
        <v>49</v>
      </c>
      <c r="EL5" s="260" t="s">
        <v>50</v>
      </c>
      <c r="EM5" s="260" t="s">
        <v>51</v>
      </c>
      <c r="EN5" s="266" t="s">
        <v>45</v>
      </c>
      <c r="EO5" s="531"/>
      <c r="EP5" s="264" t="s">
        <v>43</v>
      </c>
      <c r="EQ5" s="260" t="s">
        <v>44</v>
      </c>
      <c r="ER5" s="266" t="s">
        <v>45</v>
      </c>
      <c r="ES5" s="268" t="s">
        <v>83</v>
      </c>
      <c r="ET5" s="260" t="s">
        <v>47</v>
      </c>
      <c r="EU5" s="260" t="s">
        <v>48</v>
      </c>
      <c r="EV5" s="260" t="s">
        <v>49</v>
      </c>
      <c r="EW5" s="260" t="s">
        <v>50</v>
      </c>
      <c r="EX5" s="260" t="s">
        <v>51</v>
      </c>
      <c r="EY5" s="266" t="s">
        <v>45</v>
      </c>
      <c r="EZ5" s="531"/>
    </row>
    <row r="6" spans="2:156" ht="19.5" customHeight="1" x14ac:dyDescent="0.2">
      <c r="B6" s="261" t="s">
        <v>4</v>
      </c>
      <c r="C6" s="270">
        <v>0</v>
      </c>
      <c r="D6" s="274">
        <v>0</v>
      </c>
      <c r="E6" s="384">
        <v>0</v>
      </c>
      <c r="F6" s="273">
        <v>0</v>
      </c>
      <c r="G6" s="274">
        <v>19148</v>
      </c>
      <c r="H6" s="274">
        <v>22170</v>
      </c>
      <c r="I6" s="274">
        <v>12181</v>
      </c>
      <c r="J6" s="274">
        <v>9936</v>
      </c>
      <c r="K6" s="274">
        <v>7463</v>
      </c>
      <c r="L6" s="275">
        <v>70898</v>
      </c>
      <c r="M6" s="276">
        <v>70898</v>
      </c>
      <c r="N6" s="270">
        <v>2</v>
      </c>
      <c r="O6" s="274">
        <v>23</v>
      </c>
      <c r="P6" s="271">
        <v>25</v>
      </c>
      <c r="Q6" s="273">
        <v>0</v>
      </c>
      <c r="R6" s="274">
        <v>102</v>
      </c>
      <c r="S6" s="274">
        <v>474</v>
      </c>
      <c r="T6" s="274">
        <v>803</v>
      </c>
      <c r="U6" s="274">
        <v>1930</v>
      </c>
      <c r="V6" s="274">
        <v>3377</v>
      </c>
      <c r="W6" s="271">
        <v>6686</v>
      </c>
      <c r="X6" s="276">
        <v>6711</v>
      </c>
      <c r="Y6" s="270">
        <v>2097</v>
      </c>
      <c r="Z6" s="274">
        <v>5074</v>
      </c>
      <c r="AA6" s="271">
        <v>7171</v>
      </c>
      <c r="AB6" s="273">
        <v>0</v>
      </c>
      <c r="AC6" s="274">
        <v>11134</v>
      </c>
      <c r="AD6" s="274">
        <v>15447</v>
      </c>
      <c r="AE6" s="274">
        <v>9317</v>
      </c>
      <c r="AF6" s="274">
        <v>8469</v>
      </c>
      <c r="AG6" s="274">
        <v>6490</v>
      </c>
      <c r="AH6" s="271">
        <v>50857</v>
      </c>
      <c r="AI6" s="276">
        <v>58028</v>
      </c>
      <c r="AJ6" s="270">
        <v>245</v>
      </c>
      <c r="AK6" s="274">
        <v>702</v>
      </c>
      <c r="AL6" s="271">
        <v>947</v>
      </c>
      <c r="AM6" s="273">
        <v>0</v>
      </c>
      <c r="AN6" s="274">
        <v>1043</v>
      </c>
      <c r="AO6" s="274">
        <v>1690</v>
      </c>
      <c r="AP6" s="274">
        <v>1054</v>
      </c>
      <c r="AQ6" s="274">
        <v>977</v>
      </c>
      <c r="AR6" s="274">
        <v>604</v>
      </c>
      <c r="AS6" s="271">
        <v>5368</v>
      </c>
      <c r="AT6" s="276">
        <v>6315</v>
      </c>
      <c r="AU6" s="270">
        <v>2786</v>
      </c>
      <c r="AV6" s="274">
        <v>3669</v>
      </c>
      <c r="AW6" s="271">
        <v>6455</v>
      </c>
      <c r="AX6" s="273">
        <v>0</v>
      </c>
      <c r="AY6" s="274">
        <v>17515</v>
      </c>
      <c r="AZ6" s="274">
        <v>21368</v>
      </c>
      <c r="BA6" s="274">
        <v>18683</v>
      </c>
      <c r="BB6" s="274">
        <v>18394</v>
      </c>
      <c r="BC6" s="274">
        <v>14113</v>
      </c>
      <c r="BD6" s="275">
        <v>90073</v>
      </c>
      <c r="BE6" s="276">
        <v>96528</v>
      </c>
      <c r="BF6" s="270">
        <v>0</v>
      </c>
      <c r="BG6" s="274">
        <v>0</v>
      </c>
      <c r="BH6" s="271">
        <v>0</v>
      </c>
      <c r="BI6" s="273">
        <v>0</v>
      </c>
      <c r="BJ6" s="274">
        <v>21677</v>
      </c>
      <c r="BK6" s="274">
        <v>20009</v>
      </c>
      <c r="BL6" s="274">
        <v>10904</v>
      </c>
      <c r="BM6" s="274">
        <v>6522</v>
      </c>
      <c r="BN6" s="274">
        <v>3128</v>
      </c>
      <c r="BO6" s="271">
        <v>62240</v>
      </c>
      <c r="BP6" s="276">
        <v>62240</v>
      </c>
      <c r="BQ6" s="270">
        <v>1539</v>
      </c>
      <c r="BR6" s="274">
        <v>2467</v>
      </c>
      <c r="BS6" s="271">
        <v>4006</v>
      </c>
      <c r="BT6" s="273">
        <v>0</v>
      </c>
      <c r="BU6" s="274">
        <v>4305</v>
      </c>
      <c r="BV6" s="274">
        <v>6238</v>
      </c>
      <c r="BW6" s="274">
        <v>3634</v>
      </c>
      <c r="BX6" s="274">
        <v>2361</v>
      </c>
      <c r="BY6" s="274">
        <v>888</v>
      </c>
      <c r="BZ6" s="271">
        <v>17426</v>
      </c>
      <c r="CA6" s="276">
        <v>21432</v>
      </c>
      <c r="CB6" s="270">
        <v>60</v>
      </c>
      <c r="CC6" s="274">
        <v>228</v>
      </c>
      <c r="CD6" s="271">
        <v>288</v>
      </c>
      <c r="CE6" s="273">
        <v>0</v>
      </c>
      <c r="CF6" s="274">
        <v>2101</v>
      </c>
      <c r="CG6" s="274">
        <v>3498</v>
      </c>
      <c r="CH6" s="274">
        <v>4241</v>
      </c>
      <c r="CI6" s="274">
        <v>3124</v>
      </c>
      <c r="CJ6" s="274">
        <v>1733</v>
      </c>
      <c r="CK6" s="271">
        <v>14697</v>
      </c>
      <c r="CL6" s="276">
        <v>14985</v>
      </c>
      <c r="CM6" s="270">
        <v>2</v>
      </c>
      <c r="CN6" s="274">
        <v>10</v>
      </c>
      <c r="CO6" s="271">
        <v>12</v>
      </c>
      <c r="CP6" s="273">
        <v>0</v>
      </c>
      <c r="CQ6" s="274">
        <v>224</v>
      </c>
      <c r="CR6" s="274">
        <v>458</v>
      </c>
      <c r="CS6" s="274">
        <v>557</v>
      </c>
      <c r="CT6" s="274">
        <v>507</v>
      </c>
      <c r="CU6" s="274">
        <v>320</v>
      </c>
      <c r="CV6" s="271">
        <v>2066</v>
      </c>
      <c r="CW6" s="276">
        <v>2078</v>
      </c>
      <c r="CX6" s="270">
        <v>0</v>
      </c>
      <c r="CY6" s="274">
        <v>0</v>
      </c>
      <c r="CZ6" s="271">
        <v>0</v>
      </c>
      <c r="DA6" s="273">
        <v>0</v>
      </c>
      <c r="DB6" s="274">
        <v>0</v>
      </c>
      <c r="DC6" s="274">
        <v>0</v>
      </c>
      <c r="DD6" s="274">
        <v>0</v>
      </c>
      <c r="DE6" s="274">
        <v>0</v>
      </c>
      <c r="DF6" s="274">
        <v>0</v>
      </c>
      <c r="DG6" s="271">
        <v>0</v>
      </c>
      <c r="DH6" s="276">
        <v>0</v>
      </c>
      <c r="DI6" s="270">
        <v>0</v>
      </c>
      <c r="DJ6" s="274">
        <v>0</v>
      </c>
      <c r="DK6" s="271">
        <v>0</v>
      </c>
      <c r="DL6" s="273">
        <v>0</v>
      </c>
      <c r="DM6" s="274">
        <v>1</v>
      </c>
      <c r="DN6" s="274">
        <v>0</v>
      </c>
      <c r="DO6" s="274">
        <v>0</v>
      </c>
      <c r="DP6" s="274">
        <v>0</v>
      </c>
      <c r="DQ6" s="274">
        <v>0</v>
      </c>
      <c r="DR6" s="271">
        <v>1</v>
      </c>
      <c r="DS6" s="276">
        <v>1</v>
      </c>
      <c r="DT6" s="270">
        <v>10443</v>
      </c>
      <c r="DU6" s="274">
        <v>22001</v>
      </c>
      <c r="DV6" s="271">
        <v>32444</v>
      </c>
      <c r="DW6" s="273">
        <v>0</v>
      </c>
      <c r="DX6" s="274">
        <v>26411</v>
      </c>
      <c r="DY6" s="274">
        <v>44102</v>
      </c>
      <c r="DZ6" s="274">
        <v>26094</v>
      </c>
      <c r="EA6" s="274">
        <v>20627</v>
      </c>
      <c r="EB6" s="274">
        <v>12922</v>
      </c>
      <c r="EC6" s="271">
        <v>130156</v>
      </c>
      <c r="ED6" s="276">
        <v>162600</v>
      </c>
      <c r="EE6" s="270">
        <v>1682</v>
      </c>
      <c r="EF6" s="274">
        <v>1314</v>
      </c>
      <c r="EG6" s="271">
        <v>2996</v>
      </c>
      <c r="EH6" s="273">
        <v>0</v>
      </c>
      <c r="EI6" s="274">
        <v>5946</v>
      </c>
      <c r="EJ6" s="274">
        <v>5380</v>
      </c>
      <c r="EK6" s="274">
        <v>4637</v>
      </c>
      <c r="EL6" s="274">
        <v>5246</v>
      </c>
      <c r="EM6" s="274">
        <v>3140</v>
      </c>
      <c r="EN6" s="271">
        <v>24349</v>
      </c>
      <c r="EO6" s="276">
        <v>27345</v>
      </c>
      <c r="EP6" s="270">
        <v>13357</v>
      </c>
      <c r="EQ6" s="274">
        <v>26096</v>
      </c>
      <c r="ER6" s="271">
        <v>39453</v>
      </c>
      <c r="ES6" s="273">
        <v>0</v>
      </c>
      <c r="ET6" s="274">
        <v>56351</v>
      </c>
      <c r="EU6" s="274">
        <v>58852</v>
      </c>
      <c r="EV6" s="274">
        <v>31187</v>
      </c>
      <c r="EW6" s="274">
        <v>22042</v>
      </c>
      <c r="EX6" s="274">
        <v>13366</v>
      </c>
      <c r="EY6" s="271">
        <v>181798</v>
      </c>
      <c r="EZ6" s="276">
        <v>221251</v>
      </c>
    </row>
    <row r="7" spans="2:156" ht="19.5" customHeight="1" x14ac:dyDescent="0.2">
      <c r="B7" s="262" t="s">
        <v>5</v>
      </c>
      <c r="C7" s="277">
        <v>0</v>
      </c>
      <c r="D7" s="281">
        <v>0</v>
      </c>
      <c r="E7" s="385">
        <v>0</v>
      </c>
      <c r="F7" s="280">
        <v>0</v>
      </c>
      <c r="G7" s="281">
        <v>6744</v>
      </c>
      <c r="H7" s="281">
        <v>10910</v>
      </c>
      <c r="I7" s="281">
        <v>5348</v>
      </c>
      <c r="J7" s="281">
        <v>4081</v>
      </c>
      <c r="K7" s="281">
        <v>3062</v>
      </c>
      <c r="L7" s="282">
        <v>30145</v>
      </c>
      <c r="M7" s="283">
        <v>30145</v>
      </c>
      <c r="N7" s="277">
        <v>0</v>
      </c>
      <c r="O7" s="281">
        <v>10</v>
      </c>
      <c r="P7" s="278">
        <v>10</v>
      </c>
      <c r="Q7" s="280">
        <v>0</v>
      </c>
      <c r="R7" s="281">
        <v>24</v>
      </c>
      <c r="S7" s="281">
        <v>190</v>
      </c>
      <c r="T7" s="281">
        <v>296</v>
      </c>
      <c r="U7" s="281">
        <v>764</v>
      </c>
      <c r="V7" s="281">
        <v>1438</v>
      </c>
      <c r="W7" s="278">
        <v>2712</v>
      </c>
      <c r="X7" s="283">
        <v>2722</v>
      </c>
      <c r="Y7" s="277">
        <v>916</v>
      </c>
      <c r="Z7" s="281">
        <v>2614</v>
      </c>
      <c r="AA7" s="278">
        <v>3530</v>
      </c>
      <c r="AB7" s="280">
        <v>0</v>
      </c>
      <c r="AC7" s="281">
        <v>4039</v>
      </c>
      <c r="AD7" s="281">
        <v>7902</v>
      </c>
      <c r="AE7" s="281">
        <v>4347</v>
      </c>
      <c r="AF7" s="281">
        <v>3759</v>
      </c>
      <c r="AG7" s="281">
        <v>2831</v>
      </c>
      <c r="AH7" s="278">
        <v>22878</v>
      </c>
      <c r="AI7" s="283">
        <v>26408</v>
      </c>
      <c r="AJ7" s="277">
        <v>107</v>
      </c>
      <c r="AK7" s="281">
        <v>359</v>
      </c>
      <c r="AL7" s="278">
        <v>466</v>
      </c>
      <c r="AM7" s="280">
        <v>0</v>
      </c>
      <c r="AN7" s="281">
        <v>265</v>
      </c>
      <c r="AO7" s="281">
        <v>714</v>
      </c>
      <c r="AP7" s="281">
        <v>436</v>
      </c>
      <c r="AQ7" s="281">
        <v>403</v>
      </c>
      <c r="AR7" s="281">
        <v>225</v>
      </c>
      <c r="AS7" s="278">
        <v>2043</v>
      </c>
      <c r="AT7" s="283">
        <v>2509</v>
      </c>
      <c r="AU7" s="277">
        <v>1147</v>
      </c>
      <c r="AV7" s="281">
        <v>1758</v>
      </c>
      <c r="AW7" s="278">
        <v>2905</v>
      </c>
      <c r="AX7" s="280">
        <v>0</v>
      </c>
      <c r="AY7" s="281">
        <v>6416</v>
      </c>
      <c r="AZ7" s="281">
        <v>9453</v>
      </c>
      <c r="BA7" s="281">
        <v>7678</v>
      </c>
      <c r="BB7" s="281">
        <v>7353</v>
      </c>
      <c r="BC7" s="281">
        <v>5757</v>
      </c>
      <c r="BD7" s="282">
        <v>36657</v>
      </c>
      <c r="BE7" s="283">
        <v>39562</v>
      </c>
      <c r="BF7" s="277">
        <v>0</v>
      </c>
      <c r="BG7" s="281">
        <v>0</v>
      </c>
      <c r="BH7" s="278">
        <v>0</v>
      </c>
      <c r="BI7" s="280">
        <v>0</v>
      </c>
      <c r="BJ7" s="281">
        <v>6868</v>
      </c>
      <c r="BK7" s="281">
        <v>8242</v>
      </c>
      <c r="BL7" s="281">
        <v>4081</v>
      </c>
      <c r="BM7" s="281">
        <v>2333</v>
      </c>
      <c r="BN7" s="281">
        <v>1143</v>
      </c>
      <c r="BO7" s="278">
        <v>22667</v>
      </c>
      <c r="BP7" s="283">
        <v>22667</v>
      </c>
      <c r="BQ7" s="277">
        <v>677</v>
      </c>
      <c r="BR7" s="281">
        <v>1117</v>
      </c>
      <c r="BS7" s="278">
        <v>1794</v>
      </c>
      <c r="BT7" s="280">
        <v>0</v>
      </c>
      <c r="BU7" s="281">
        <v>1326</v>
      </c>
      <c r="BV7" s="281">
        <v>2948</v>
      </c>
      <c r="BW7" s="281">
        <v>1645</v>
      </c>
      <c r="BX7" s="281">
        <v>1071</v>
      </c>
      <c r="BY7" s="281">
        <v>405</v>
      </c>
      <c r="BZ7" s="278">
        <v>7395</v>
      </c>
      <c r="CA7" s="283">
        <v>9189</v>
      </c>
      <c r="CB7" s="277">
        <v>16</v>
      </c>
      <c r="CC7" s="281">
        <v>98</v>
      </c>
      <c r="CD7" s="278">
        <v>114</v>
      </c>
      <c r="CE7" s="280">
        <v>0</v>
      </c>
      <c r="CF7" s="281">
        <v>602</v>
      </c>
      <c r="CG7" s="281">
        <v>1265</v>
      </c>
      <c r="CH7" s="281">
        <v>1511</v>
      </c>
      <c r="CI7" s="281">
        <v>1131</v>
      </c>
      <c r="CJ7" s="281">
        <v>609</v>
      </c>
      <c r="CK7" s="278">
        <v>5118</v>
      </c>
      <c r="CL7" s="283">
        <v>5232</v>
      </c>
      <c r="CM7" s="277">
        <v>0</v>
      </c>
      <c r="CN7" s="281">
        <v>6</v>
      </c>
      <c r="CO7" s="278">
        <v>6</v>
      </c>
      <c r="CP7" s="280">
        <v>0</v>
      </c>
      <c r="CQ7" s="281">
        <v>113</v>
      </c>
      <c r="CR7" s="281">
        <v>273</v>
      </c>
      <c r="CS7" s="281">
        <v>297</v>
      </c>
      <c r="CT7" s="281">
        <v>290</v>
      </c>
      <c r="CU7" s="281">
        <v>200</v>
      </c>
      <c r="CV7" s="278">
        <v>1173</v>
      </c>
      <c r="CW7" s="283">
        <v>1179</v>
      </c>
      <c r="CX7" s="277">
        <v>0</v>
      </c>
      <c r="CY7" s="281">
        <v>0</v>
      </c>
      <c r="CZ7" s="278">
        <v>0</v>
      </c>
      <c r="DA7" s="280">
        <v>0</v>
      </c>
      <c r="DB7" s="281">
        <v>0</v>
      </c>
      <c r="DC7" s="281">
        <v>0</v>
      </c>
      <c r="DD7" s="281">
        <v>0</v>
      </c>
      <c r="DE7" s="281">
        <v>0</v>
      </c>
      <c r="DF7" s="281">
        <v>0</v>
      </c>
      <c r="DG7" s="278">
        <v>0</v>
      </c>
      <c r="DH7" s="283">
        <v>0</v>
      </c>
      <c r="DI7" s="277">
        <v>0</v>
      </c>
      <c r="DJ7" s="281">
        <v>0</v>
      </c>
      <c r="DK7" s="278">
        <v>0</v>
      </c>
      <c r="DL7" s="280">
        <v>0</v>
      </c>
      <c r="DM7" s="281">
        <v>0</v>
      </c>
      <c r="DN7" s="281">
        <v>0</v>
      </c>
      <c r="DO7" s="281">
        <v>0</v>
      </c>
      <c r="DP7" s="281">
        <v>0</v>
      </c>
      <c r="DQ7" s="281">
        <v>0</v>
      </c>
      <c r="DR7" s="278">
        <v>0</v>
      </c>
      <c r="DS7" s="283">
        <v>0</v>
      </c>
      <c r="DT7" s="277">
        <v>3570</v>
      </c>
      <c r="DU7" s="281">
        <v>9467</v>
      </c>
      <c r="DV7" s="278">
        <v>13037</v>
      </c>
      <c r="DW7" s="280">
        <v>0</v>
      </c>
      <c r="DX7" s="281">
        <v>7419</v>
      </c>
      <c r="DY7" s="281">
        <v>19534</v>
      </c>
      <c r="DZ7" s="281">
        <v>10627</v>
      </c>
      <c r="EA7" s="281">
        <v>8155</v>
      </c>
      <c r="EB7" s="281">
        <v>5264</v>
      </c>
      <c r="EC7" s="278">
        <v>50999</v>
      </c>
      <c r="ED7" s="283">
        <v>64036</v>
      </c>
      <c r="EE7" s="277">
        <v>697</v>
      </c>
      <c r="EF7" s="281">
        <v>556</v>
      </c>
      <c r="EG7" s="278">
        <v>1253</v>
      </c>
      <c r="EH7" s="280">
        <v>0</v>
      </c>
      <c r="EI7" s="281">
        <v>2377</v>
      </c>
      <c r="EJ7" s="281">
        <v>2554</v>
      </c>
      <c r="EK7" s="281">
        <v>2049</v>
      </c>
      <c r="EL7" s="281">
        <v>2344</v>
      </c>
      <c r="EM7" s="281">
        <v>1320</v>
      </c>
      <c r="EN7" s="278">
        <v>10644</v>
      </c>
      <c r="EO7" s="283">
        <v>11897</v>
      </c>
      <c r="EP7" s="277">
        <v>4896</v>
      </c>
      <c r="EQ7" s="281">
        <v>11532</v>
      </c>
      <c r="ER7" s="278">
        <v>16428</v>
      </c>
      <c r="ES7" s="280">
        <v>0</v>
      </c>
      <c r="ET7" s="281">
        <v>18433</v>
      </c>
      <c r="EU7" s="281">
        <v>26579</v>
      </c>
      <c r="EV7" s="281">
        <v>12911</v>
      </c>
      <c r="EW7" s="281">
        <v>8890</v>
      </c>
      <c r="EX7" s="281">
        <v>5481</v>
      </c>
      <c r="EY7" s="278">
        <v>72294</v>
      </c>
      <c r="EZ7" s="283">
        <v>88722</v>
      </c>
    </row>
    <row r="8" spans="2:156" ht="19.5" customHeight="1" x14ac:dyDescent="0.2">
      <c r="B8" s="262" t="s">
        <v>6</v>
      </c>
      <c r="C8" s="277">
        <v>0</v>
      </c>
      <c r="D8" s="281">
        <v>0</v>
      </c>
      <c r="E8" s="385">
        <v>0</v>
      </c>
      <c r="F8" s="280">
        <v>0</v>
      </c>
      <c r="G8" s="281">
        <v>3393</v>
      </c>
      <c r="H8" s="281">
        <v>2881</v>
      </c>
      <c r="I8" s="281">
        <v>1850</v>
      </c>
      <c r="J8" s="281">
        <v>1589</v>
      </c>
      <c r="K8" s="281">
        <v>1206</v>
      </c>
      <c r="L8" s="282">
        <v>10919</v>
      </c>
      <c r="M8" s="283">
        <v>10919</v>
      </c>
      <c r="N8" s="277">
        <v>1</v>
      </c>
      <c r="O8" s="281">
        <v>5</v>
      </c>
      <c r="P8" s="278">
        <v>6</v>
      </c>
      <c r="Q8" s="280">
        <v>0</v>
      </c>
      <c r="R8" s="281">
        <v>18</v>
      </c>
      <c r="S8" s="281">
        <v>50</v>
      </c>
      <c r="T8" s="281">
        <v>104</v>
      </c>
      <c r="U8" s="281">
        <v>283</v>
      </c>
      <c r="V8" s="281">
        <v>494</v>
      </c>
      <c r="W8" s="278">
        <v>949</v>
      </c>
      <c r="X8" s="283">
        <v>955</v>
      </c>
      <c r="Y8" s="277">
        <v>328</v>
      </c>
      <c r="Z8" s="281">
        <v>660</v>
      </c>
      <c r="AA8" s="278">
        <v>988</v>
      </c>
      <c r="AB8" s="280">
        <v>0</v>
      </c>
      <c r="AC8" s="281">
        <v>1991</v>
      </c>
      <c r="AD8" s="281">
        <v>1936</v>
      </c>
      <c r="AE8" s="281">
        <v>1287</v>
      </c>
      <c r="AF8" s="281">
        <v>1304</v>
      </c>
      <c r="AG8" s="281">
        <v>953</v>
      </c>
      <c r="AH8" s="278">
        <v>7471</v>
      </c>
      <c r="AI8" s="283">
        <v>8459</v>
      </c>
      <c r="AJ8" s="277">
        <v>21</v>
      </c>
      <c r="AK8" s="281">
        <v>59</v>
      </c>
      <c r="AL8" s="278">
        <v>80</v>
      </c>
      <c r="AM8" s="280">
        <v>0</v>
      </c>
      <c r="AN8" s="281">
        <v>169</v>
      </c>
      <c r="AO8" s="281">
        <v>203</v>
      </c>
      <c r="AP8" s="281">
        <v>129</v>
      </c>
      <c r="AQ8" s="281">
        <v>128</v>
      </c>
      <c r="AR8" s="281">
        <v>68</v>
      </c>
      <c r="AS8" s="278">
        <v>697</v>
      </c>
      <c r="AT8" s="283">
        <v>777</v>
      </c>
      <c r="AU8" s="277">
        <v>461</v>
      </c>
      <c r="AV8" s="281">
        <v>535</v>
      </c>
      <c r="AW8" s="278">
        <v>996</v>
      </c>
      <c r="AX8" s="280">
        <v>0</v>
      </c>
      <c r="AY8" s="281">
        <v>3203</v>
      </c>
      <c r="AZ8" s="281">
        <v>3344</v>
      </c>
      <c r="BA8" s="281">
        <v>3104</v>
      </c>
      <c r="BB8" s="281">
        <v>3167</v>
      </c>
      <c r="BC8" s="281">
        <v>2437</v>
      </c>
      <c r="BD8" s="282">
        <v>15255</v>
      </c>
      <c r="BE8" s="283">
        <v>16251</v>
      </c>
      <c r="BF8" s="277">
        <v>0</v>
      </c>
      <c r="BG8" s="281">
        <v>0</v>
      </c>
      <c r="BH8" s="278">
        <v>0</v>
      </c>
      <c r="BI8" s="280">
        <v>0</v>
      </c>
      <c r="BJ8" s="281">
        <v>3712</v>
      </c>
      <c r="BK8" s="281">
        <v>2603</v>
      </c>
      <c r="BL8" s="281">
        <v>1523</v>
      </c>
      <c r="BM8" s="281">
        <v>1059</v>
      </c>
      <c r="BN8" s="281">
        <v>479</v>
      </c>
      <c r="BO8" s="278">
        <v>9376</v>
      </c>
      <c r="BP8" s="283">
        <v>9376</v>
      </c>
      <c r="BQ8" s="277">
        <v>104</v>
      </c>
      <c r="BR8" s="281">
        <v>195</v>
      </c>
      <c r="BS8" s="278">
        <v>299</v>
      </c>
      <c r="BT8" s="280">
        <v>0</v>
      </c>
      <c r="BU8" s="281">
        <v>595</v>
      </c>
      <c r="BV8" s="281">
        <v>683</v>
      </c>
      <c r="BW8" s="281">
        <v>475</v>
      </c>
      <c r="BX8" s="281">
        <v>356</v>
      </c>
      <c r="BY8" s="281">
        <v>127</v>
      </c>
      <c r="BZ8" s="278">
        <v>2236</v>
      </c>
      <c r="CA8" s="283">
        <v>2535</v>
      </c>
      <c r="CB8" s="277">
        <v>8</v>
      </c>
      <c r="CC8" s="281">
        <v>22</v>
      </c>
      <c r="CD8" s="278">
        <v>30</v>
      </c>
      <c r="CE8" s="280">
        <v>0</v>
      </c>
      <c r="CF8" s="281">
        <v>279</v>
      </c>
      <c r="CG8" s="281">
        <v>390</v>
      </c>
      <c r="CH8" s="281">
        <v>466</v>
      </c>
      <c r="CI8" s="281">
        <v>425</v>
      </c>
      <c r="CJ8" s="281">
        <v>228</v>
      </c>
      <c r="CK8" s="278">
        <v>1788</v>
      </c>
      <c r="CL8" s="283">
        <v>1818</v>
      </c>
      <c r="CM8" s="277">
        <v>0</v>
      </c>
      <c r="CN8" s="281">
        <v>0</v>
      </c>
      <c r="CO8" s="278">
        <v>0</v>
      </c>
      <c r="CP8" s="280">
        <v>0</v>
      </c>
      <c r="CQ8" s="281">
        <v>19</v>
      </c>
      <c r="CR8" s="281">
        <v>42</v>
      </c>
      <c r="CS8" s="281">
        <v>66</v>
      </c>
      <c r="CT8" s="281">
        <v>72</v>
      </c>
      <c r="CU8" s="281">
        <v>44</v>
      </c>
      <c r="CV8" s="278">
        <v>243</v>
      </c>
      <c r="CW8" s="283">
        <v>243</v>
      </c>
      <c r="CX8" s="277">
        <v>0</v>
      </c>
      <c r="CY8" s="281">
        <v>0</v>
      </c>
      <c r="CZ8" s="278">
        <v>0</v>
      </c>
      <c r="DA8" s="280">
        <v>0</v>
      </c>
      <c r="DB8" s="281">
        <v>0</v>
      </c>
      <c r="DC8" s="281">
        <v>0</v>
      </c>
      <c r="DD8" s="281">
        <v>0</v>
      </c>
      <c r="DE8" s="281">
        <v>0</v>
      </c>
      <c r="DF8" s="281">
        <v>0</v>
      </c>
      <c r="DG8" s="278">
        <v>0</v>
      </c>
      <c r="DH8" s="283">
        <v>0</v>
      </c>
      <c r="DI8" s="277">
        <v>0</v>
      </c>
      <c r="DJ8" s="281">
        <v>0</v>
      </c>
      <c r="DK8" s="278">
        <v>0</v>
      </c>
      <c r="DL8" s="280">
        <v>0</v>
      </c>
      <c r="DM8" s="281">
        <v>0</v>
      </c>
      <c r="DN8" s="281">
        <v>0</v>
      </c>
      <c r="DO8" s="281">
        <v>0</v>
      </c>
      <c r="DP8" s="281">
        <v>0</v>
      </c>
      <c r="DQ8" s="281">
        <v>0</v>
      </c>
      <c r="DR8" s="278">
        <v>0</v>
      </c>
      <c r="DS8" s="283">
        <v>0</v>
      </c>
      <c r="DT8" s="277">
        <v>1533</v>
      </c>
      <c r="DU8" s="281">
        <v>2750</v>
      </c>
      <c r="DV8" s="278">
        <v>4283</v>
      </c>
      <c r="DW8" s="280">
        <v>0</v>
      </c>
      <c r="DX8" s="281">
        <v>4857</v>
      </c>
      <c r="DY8" s="281">
        <v>5579</v>
      </c>
      <c r="DZ8" s="281">
        <v>3799</v>
      </c>
      <c r="EA8" s="281">
        <v>3347</v>
      </c>
      <c r="EB8" s="281">
        <v>2052</v>
      </c>
      <c r="EC8" s="278">
        <v>19634</v>
      </c>
      <c r="ED8" s="283">
        <v>23917</v>
      </c>
      <c r="EE8" s="277">
        <v>241</v>
      </c>
      <c r="EF8" s="281">
        <v>178</v>
      </c>
      <c r="EG8" s="278">
        <v>419</v>
      </c>
      <c r="EH8" s="280">
        <v>0</v>
      </c>
      <c r="EI8" s="281">
        <v>864</v>
      </c>
      <c r="EJ8" s="281">
        <v>677</v>
      </c>
      <c r="EK8" s="281">
        <v>668</v>
      </c>
      <c r="EL8" s="281">
        <v>774</v>
      </c>
      <c r="EM8" s="281">
        <v>491</v>
      </c>
      <c r="EN8" s="278">
        <v>3474</v>
      </c>
      <c r="EO8" s="283">
        <v>3893</v>
      </c>
      <c r="EP8" s="277">
        <v>1890</v>
      </c>
      <c r="EQ8" s="281">
        <v>3221</v>
      </c>
      <c r="ER8" s="278">
        <v>5111</v>
      </c>
      <c r="ES8" s="280">
        <v>0</v>
      </c>
      <c r="ET8" s="281">
        <v>9434</v>
      </c>
      <c r="EU8" s="281">
        <v>7268</v>
      </c>
      <c r="EV8" s="281">
        <v>4379</v>
      </c>
      <c r="EW8" s="281">
        <v>3481</v>
      </c>
      <c r="EX8" s="281">
        <v>2100</v>
      </c>
      <c r="EY8" s="278">
        <v>26662</v>
      </c>
      <c r="EZ8" s="283">
        <v>31773</v>
      </c>
    </row>
    <row r="9" spans="2:156" ht="19.5" customHeight="1" x14ac:dyDescent="0.2">
      <c r="B9" s="262" t="s">
        <v>14</v>
      </c>
      <c r="C9" s="277">
        <v>0</v>
      </c>
      <c r="D9" s="281">
        <v>0</v>
      </c>
      <c r="E9" s="385">
        <v>0</v>
      </c>
      <c r="F9" s="280">
        <v>0</v>
      </c>
      <c r="G9" s="281">
        <v>1173</v>
      </c>
      <c r="H9" s="281">
        <v>1561</v>
      </c>
      <c r="I9" s="281">
        <v>933</v>
      </c>
      <c r="J9" s="281">
        <v>689</v>
      </c>
      <c r="K9" s="281">
        <v>519</v>
      </c>
      <c r="L9" s="282">
        <v>4875</v>
      </c>
      <c r="M9" s="283">
        <v>4875</v>
      </c>
      <c r="N9" s="277">
        <v>1</v>
      </c>
      <c r="O9" s="281">
        <v>2</v>
      </c>
      <c r="P9" s="278">
        <v>3</v>
      </c>
      <c r="Q9" s="280">
        <v>0</v>
      </c>
      <c r="R9" s="281">
        <v>5</v>
      </c>
      <c r="S9" s="281">
        <v>22</v>
      </c>
      <c r="T9" s="281">
        <v>67</v>
      </c>
      <c r="U9" s="281">
        <v>120</v>
      </c>
      <c r="V9" s="281">
        <v>236</v>
      </c>
      <c r="W9" s="278">
        <v>450</v>
      </c>
      <c r="X9" s="283">
        <v>453</v>
      </c>
      <c r="Y9" s="277">
        <v>114</v>
      </c>
      <c r="Z9" s="281">
        <v>382</v>
      </c>
      <c r="AA9" s="278">
        <v>496</v>
      </c>
      <c r="AB9" s="280">
        <v>0</v>
      </c>
      <c r="AC9" s="281">
        <v>660</v>
      </c>
      <c r="AD9" s="281">
        <v>1012</v>
      </c>
      <c r="AE9" s="281">
        <v>685</v>
      </c>
      <c r="AF9" s="281">
        <v>612</v>
      </c>
      <c r="AG9" s="281">
        <v>469</v>
      </c>
      <c r="AH9" s="278">
        <v>3438</v>
      </c>
      <c r="AI9" s="283">
        <v>3934</v>
      </c>
      <c r="AJ9" s="277">
        <v>6</v>
      </c>
      <c r="AK9" s="281">
        <v>37</v>
      </c>
      <c r="AL9" s="278">
        <v>43</v>
      </c>
      <c r="AM9" s="280">
        <v>0</v>
      </c>
      <c r="AN9" s="281">
        <v>19</v>
      </c>
      <c r="AO9" s="281">
        <v>76</v>
      </c>
      <c r="AP9" s="281">
        <v>50</v>
      </c>
      <c r="AQ9" s="281">
        <v>47</v>
      </c>
      <c r="AR9" s="281">
        <v>28</v>
      </c>
      <c r="AS9" s="278">
        <v>220</v>
      </c>
      <c r="AT9" s="283">
        <v>263</v>
      </c>
      <c r="AU9" s="277">
        <v>191</v>
      </c>
      <c r="AV9" s="281">
        <v>303</v>
      </c>
      <c r="AW9" s="278">
        <v>494</v>
      </c>
      <c r="AX9" s="280">
        <v>0</v>
      </c>
      <c r="AY9" s="281">
        <v>1236</v>
      </c>
      <c r="AZ9" s="281">
        <v>1609</v>
      </c>
      <c r="BA9" s="281">
        <v>1546</v>
      </c>
      <c r="BB9" s="281">
        <v>1339</v>
      </c>
      <c r="BC9" s="281">
        <v>1033</v>
      </c>
      <c r="BD9" s="282">
        <v>6763</v>
      </c>
      <c r="BE9" s="283">
        <v>7257</v>
      </c>
      <c r="BF9" s="277">
        <v>0</v>
      </c>
      <c r="BG9" s="281">
        <v>0</v>
      </c>
      <c r="BH9" s="278">
        <v>0</v>
      </c>
      <c r="BI9" s="280">
        <v>0</v>
      </c>
      <c r="BJ9" s="281">
        <v>1508</v>
      </c>
      <c r="BK9" s="281">
        <v>1684</v>
      </c>
      <c r="BL9" s="281">
        <v>1069</v>
      </c>
      <c r="BM9" s="281">
        <v>628</v>
      </c>
      <c r="BN9" s="281">
        <v>303</v>
      </c>
      <c r="BO9" s="278">
        <v>5192</v>
      </c>
      <c r="BP9" s="283">
        <v>5192</v>
      </c>
      <c r="BQ9" s="277">
        <v>76</v>
      </c>
      <c r="BR9" s="281">
        <v>167</v>
      </c>
      <c r="BS9" s="278">
        <v>243</v>
      </c>
      <c r="BT9" s="280">
        <v>0</v>
      </c>
      <c r="BU9" s="281">
        <v>151</v>
      </c>
      <c r="BV9" s="281">
        <v>368</v>
      </c>
      <c r="BW9" s="281">
        <v>234</v>
      </c>
      <c r="BX9" s="281">
        <v>151</v>
      </c>
      <c r="BY9" s="281">
        <v>49</v>
      </c>
      <c r="BZ9" s="278">
        <v>953</v>
      </c>
      <c r="CA9" s="283">
        <v>1196</v>
      </c>
      <c r="CB9" s="277">
        <v>3</v>
      </c>
      <c r="CC9" s="281">
        <v>23</v>
      </c>
      <c r="CD9" s="278">
        <v>26</v>
      </c>
      <c r="CE9" s="280">
        <v>0</v>
      </c>
      <c r="CF9" s="281">
        <v>127</v>
      </c>
      <c r="CG9" s="281">
        <v>288</v>
      </c>
      <c r="CH9" s="281">
        <v>368</v>
      </c>
      <c r="CI9" s="281">
        <v>269</v>
      </c>
      <c r="CJ9" s="281">
        <v>143</v>
      </c>
      <c r="CK9" s="278">
        <v>1195</v>
      </c>
      <c r="CL9" s="283">
        <v>1221</v>
      </c>
      <c r="CM9" s="277">
        <v>0</v>
      </c>
      <c r="CN9" s="281">
        <v>0</v>
      </c>
      <c r="CO9" s="278">
        <v>0</v>
      </c>
      <c r="CP9" s="280">
        <v>0</v>
      </c>
      <c r="CQ9" s="281">
        <v>2</v>
      </c>
      <c r="CR9" s="281">
        <v>7</v>
      </c>
      <c r="CS9" s="281">
        <v>12</v>
      </c>
      <c r="CT9" s="281">
        <v>6</v>
      </c>
      <c r="CU9" s="281">
        <v>4</v>
      </c>
      <c r="CV9" s="278">
        <v>31</v>
      </c>
      <c r="CW9" s="283">
        <v>31</v>
      </c>
      <c r="CX9" s="277">
        <v>0</v>
      </c>
      <c r="CY9" s="281">
        <v>0</v>
      </c>
      <c r="CZ9" s="278">
        <v>0</v>
      </c>
      <c r="DA9" s="280">
        <v>0</v>
      </c>
      <c r="DB9" s="281">
        <v>0</v>
      </c>
      <c r="DC9" s="281">
        <v>0</v>
      </c>
      <c r="DD9" s="281">
        <v>0</v>
      </c>
      <c r="DE9" s="281">
        <v>0</v>
      </c>
      <c r="DF9" s="281">
        <v>0</v>
      </c>
      <c r="DG9" s="278">
        <v>0</v>
      </c>
      <c r="DH9" s="283">
        <v>0</v>
      </c>
      <c r="DI9" s="277">
        <v>0</v>
      </c>
      <c r="DJ9" s="281">
        <v>0</v>
      </c>
      <c r="DK9" s="278">
        <v>0</v>
      </c>
      <c r="DL9" s="280">
        <v>0</v>
      </c>
      <c r="DM9" s="281">
        <v>0</v>
      </c>
      <c r="DN9" s="281">
        <v>0</v>
      </c>
      <c r="DO9" s="281">
        <v>0</v>
      </c>
      <c r="DP9" s="281">
        <v>0</v>
      </c>
      <c r="DQ9" s="281">
        <v>0</v>
      </c>
      <c r="DR9" s="278">
        <v>0</v>
      </c>
      <c r="DS9" s="283">
        <v>0</v>
      </c>
      <c r="DT9" s="277">
        <v>790</v>
      </c>
      <c r="DU9" s="281">
        <v>2137</v>
      </c>
      <c r="DV9" s="278">
        <v>2927</v>
      </c>
      <c r="DW9" s="280">
        <v>0</v>
      </c>
      <c r="DX9" s="281">
        <v>1694</v>
      </c>
      <c r="DY9" s="281">
        <v>3555</v>
      </c>
      <c r="DZ9" s="281">
        <v>2208</v>
      </c>
      <c r="EA9" s="281">
        <v>1633</v>
      </c>
      <c r="EB9" s="281">
        <v>979</v>
      </c>
      <c r="EC9" s="278">
        <v>10069</v>
      </c>
      <c r="ED9" s="283">
        <v>12996</v>
      </c>
      <c r="EE9" s="277">
        <v>132</v>
      </c>
      <c r="EF9" s="281">
        <v>116</v>
      </c>
      <c r="EG9" s="278">
        <v>248</v>
      </c>
      <c r="EH9" s="280">
        <v>0</v>
      </c>
      <c r="EI9" s="281">
        <v>332</v>
      </c>
      <c r="EJ9" s="281">
        <v>296</v>
      </c>
      <c r="EK9" s="281">
        <v>262</v>
      </c>
      <c r="EL9" s="281">
        <v>274</v>
      </c>
      <c r="EM9" s="281">
        <v>173</v>
      </c>
      <c r="EN9" s="278">
        <v>1337</v>
      </c>
      <c r="EO9" s="283">
        <v>1585</v>
      </c>
      <c r="EP9" s="277">
        <v>930</v>
      </c>
      <c r="EQ9" s="281">
        <v>2409</v>
      </c>
      <c r="ER9" s="278">
        <v>3339</v>
      </c>
      <c r="ES9" s="280">
        <v>0</v>
      </c>
      <c r="ET9" s="281">
        <v>3779</v>
      </c>
      <c r="EU9" s="281">
        <v>4723</v>
      </c>
      <c r="EV9" s="281">
        <v>2662</v>
      </c>
      <c r="EW9" s="281">
        <v>1775</v>
      </c>
      <c r="EX9" s="281">
        <v>1037</v>
      </c>
      <c r="EY9" s="278">
        <v>13976</v>
      </c>
      <c r="EZ9" s="283">
        <v>17315</v>
      </c>
    </row>
    <row r="10" spans="2:156" ht="19.5" customHeight="1" x14ac:dyDescent="0.2">
      <c r="B10" s="262" t="s">
        <v>7</v>
      </c>
      <c r="C10" s="277">
        <v>0</v>
      </c>
      <c r="D10" s="281">
        <v>0</v>
      </c>
      <c r="E10" s="385">
        <v>0</v>
      </c>
      <c r="F10" s="280">
        <v>0</v>
      </c>
      <c r="G10" s="281">
        <v>1518</v>
      </c>
      <c r="H10" s="281">
        <v>1182</v>
      </c>
      <c r="I10" s="281">
        <v>610</v>
      </c>
      <c r="J10" s="281">
        <v>575</v>
      </c>
      <c r="K10" s="281">
        <v>383</v>
      </c>
      <c r="L10" s="282">
        <v>4268</v>
      </c>
      <c r="M10" s="283">
        <v>4268</v>
      </c>
      <c r="N10" s="277">
        <v>0</v>
      </c>
      <c r="O10" s="281">
        <v>0</v>
      </c>
      <c r="P10" s="278">
        <v>0</v>
      </c>
      <c r="Q10" s="280">
        <v>0</v>
      </c>
      <c r="R10" s="281">
        <v>10</v>
      </c>
      <c r="S10" s="281">
        <v>42</v>
      </c>
      <c r="T10" s="281">
        <v>56</v>
      </c>
      <c r="U10" s="281">
        <v>145</v>
      </c>
      <c r="V10" s="281">
        <v>164</v>
      </c>
      <c r="W10" s="278">
        <v>417</v>
      </c>
      <c r="X10" s="283">
        <v>417</v>
      </c>
      <c r="Y10" s="277">
        <v>17</v>
      </c>
      <c r="Z10" s="281">
        <v>27</v>
      </c>
      <c r="AA10" s="278">
        <v>44</v>
      </c>
      <c r="AB10" s="280">
        <v>0</v>
      </c>
      <c r="AC10" s="281">
        <v>476</v>
      </c>
      <c r="AD10" s="281">
        <v>515</v>
      </c>
      <c r="AE10" s="281">
        <v>322</v>
      </c>
      <c r="AF10" s="281">
        <v>348</v>
      </c>
      <c r="AG10" s="281">
        <v>264</v>
      </c>
      <c r="AH10" s="278">
        <v>1925</v>
      </c>
      <c r="AI10" s="283">
        <v>1969</v>
      </c>
      <c r="AJ10" s="277">
        <v>5</v>
      </c>
      <c r="AK10" s="281">
        <v>5</v>
      </c>
      <c r="AL10" s="278">
        <v>10</v>
      </c>
      <c r="AM10" s="280">
        <v>0</v>
      </c>
      <c r="AN10" s="281">
        <v>54</v>
      </c>
      <c r="AO10" s="281">
        <v>65</v>
      </c>
      <c r="AP10" s="281">
        <v>45</v>
      </c>
      <c r="AQ10" s="281">
        <v>51</v>
      </c>
      <c r="AR10" s="281">
        <v>30</v>
      </c>
      <c r="AS10" s="278">
        <v>245</v>
      </c>
      <c r="AT10" s="283">
        <v>255</v>
      </c>
      <c r="AU10" s="277">
        <v>119</v>
      </c>
      <c r="AV10" s="281">
        <v>99</v>
      </c>
      <c r="AW10" s="278">
        <v>218</v>
      </c>
      <c r="AX10" s="280">
        <v>0</v>
      </c>
      <c r="AY10" s="281">
        <v>1107</v>
      </c>
      <c r="AZ10" s="281">
        <v>1059</v>
      </c>
      <c r="BA10" s="281">
        <v>912</v>
      </c>
      <c r="BB10" s="281">
        <v>983</v>
      </c>
      <c r="BC10" s="281">
        <v>645</v>
      </c>
      <c r="BD10" s="282">
        <v>4706</v>
      </c>
      <c r="BE10" s="283">
        <v>4924</v>
      </c>
      <c r="BF10" s="277">
        <v>0</v>
      </c>
      <c r="BG10" s="281">
        <v>0</v>
      </c>
      <c r="BH10" s="278">
        <v>0</v>
      </c>
      <c r="BI10" s="280">
        <v>0</v>
      </c>
      <c r="BJ10" s="281">
        <v>1743</v>
      </c>
      <c r="BK10" s="281">
        <v>1100</v>
      </c>
      <c r="BL10" s="281">
        <v>540</v>
      </c>
      <c r="BM10" s="281">
        <v>325</v>
      </c>
      <c r="BN10" s="281">
        <v>140</v>
      </c>
      <c r="BO10" s="278">
        <v>3848</v>
      </c>
      <c r="BP10" s="283">
        <v>3848</v>
      </c>
      <c r="BQ10" s="277">
        <v>38</v>
      </c>
      <c r="BR10" s="281">
        <v>42</v>
      </c>
      <c r="BS10" s="278">
        <v>80</v>
      </c>
      <c r="BT10" s="280">
        <v>0</v>
      </c>
      <c r="BU10" s="281">
        <v>218</v>
      </c>
      <c r="BV10" s="281">
        <v>197</v>
      </c>
      <c r="BW10" s="281">
        <v>117</v>
      </c>
      <c r="BX10" s="281">
        <v>59</v>
      </c>
      <c r="BY10" s="281">
        <v>18</v>
      </c>
      <c r="BZ10" s="278">
        <v>609</v>
      </c>
      <c r="CA10" s="283">
        <v>689</v>
      </c>
      <c r="CB10" s="277">
        <v>1</v>
      </c>
      <c r="CC10" s="281">
        <v>2</v>
      </c>
      <c r="CD10" s="278">
        <v>3</v>
      </c>
      <c r="CE10" s="280">
        <v>0</v>
      </c>
      <c r="CF10" s="281">
        <v>192</v>
      </c>
      <c r="CG10" s="281">
        <v>267</v>
      </c>
      <c r="CH10" s="281">
        <v>264</v>
      </c>
      <c r="CI10" s="281">
        <v>175</v>
      </c>
      <c r="CJ10" s="281">
        <v>99</v>
      </c>
      <c r="CK10" s="278">
        <v>997</v>
      </c>
      <c r="CL10" s="283">
        <v>1000</v>
      </c>
      <c r="CM10" s="277">
        <v>0</v>
      </c>
      <c r="CN10" s="281">
        <v>0</v>
      </c>
      <c r="CO10" s="278">
        <v>0</v>
      </c>
      <c r="CP10" s="280">
        <v>0</v>
      </c>
      <c r="CQ10" s="281">
        <v>5</v>
      </c>
      <c r="CR10" s="281">
        <v>13</v>
      </c>
      <c r="CS10" s="281">
        <v>19</v>
      </c>
      <c r="CT10" s="281">
        <v>12</v>
      </c>
      <c r="CU10" s="281">
        <v>5</v>
      </c>
      <c r="CV10" s="278">
        <v>54</v>
      </c>
      <c r="CW10" s="283">
        <v>54</v>
      </c>
      <c r="CX10" s="277">
        <v>0</v>
      </c>
      <c r="CY10" s="281">
        <v>0</v>
      </c>
      <c r="CZ10" s="278">
        <v>0</v>
      </c>
      <c r="DA10" s="280">
        <v>0</v>
      </c>
      <c r="DB10" s="281">
        <v>0</v>
      </c>
      <c r="DC10" s="281">
        <v>0</v>
      </c>
      <c r="DD10" s="281">
        <v>0</v>
      </c>
      <c r="DE10" s="281">
        <v>0</v>
      </c>
      <c r="DF10" s="281">
        <v>0</v>
      </c>
      <c r="DG10" s="278">
        <v>0</v>
      </c>
      <c r="DH10" s="283">
        <v>0</v>
      </c>
      <c r="DI10" s="277">
        <v>0</v>
      </c>
      <c r="DJ10" s="281">
        <v>0</v>
      </c>
      <c r="DK10" s="278">
        <v>0</v>
      </c>
      <c r="DL10" s="280">
        <v>0</v>
      </c>
      <c r="DM10" s="281">
        <v>0</v>
      </c>
      <c r="DN10" s="281">
        <v>0</v>
      </c>
      <c r="DO10" s="281">
        <v>0</v>
      </c>
      <c r="DP10" s="281">
        <v>0</v>
      </c>
      <c r="DQ10" s="281">
        <v>0</v>
      </c>
      <c r="DR10" s="278">
        <v>0</v>
      </c>
      <c r="DS10" s="283">
        <v>0</v>
      </c>
      <c r="DT10" s="277">
        <v>329</v>
      </c>
      <c r="DU10" s="281">
        <v>656</v>
      </c>
      <c r="DV10" s="278">
        <v>985</v>
      </c>
      <c r="DW10" s="280">
        <v>0</v>
      </c>
      <c r="DX10" s="281">
        <v>1976</v>
      </c>
      <c r="DY10" s="281">
        <v>2270</v>
      </c>
      <c r="DZ10" s="281">
        <v>1252</v>
      </c>
      <c r="EA10" s="281">
        <v>991</v>
      </c>
      <c r="EB10" s="281">
        <v>586</v>
      </c>
      <c r="EC10" s="278">
        <v>7075</v>
      </c>
      <c r="ED10" s="283">
        <v>8060</v>
      </c>
      <c r="EE10" s="277">
        <v>95</v>
      </c>
      <c r="EF10" s="281">
        <v>53</v>
      </c>
      <c r="EG10" s="278">
        <v>148</v>
      </c>
      <c r="EH10" s="280">
        <v>0</v>
      </c>
      <c r="EI10" s="281">
        <v>488</v>
      </c>
      <c r="EJ10" s="281">
        <v>270</v>
      </c>
      <c r="EK10" s="281">
        <v>244</v>
      </c>
      <c r="EL10" s="281">
        <v>270</v>
      </c>
      <c r="EM10" s="281">
        <v>145</v>
      </c>
      <c r="EN10" s="278">
        <v>1417</v>
      </c>
      <c r="EO10" s="283">
        <v>1565</v>
      </c>
      <c r="EP10" s="277">
        <v>375</v>
      </c>
      <c r="EQ10" s="281">
        <v>711</v>
      </c>
      <c r="ER10" s="278">
        <v>1086</v>
      </c>
      <c r="ES10" s="280">
        <v>0</v>
      </c>
      <c r="ET10" s="281">
        <v>4358</v>
      </c>
      <c r="EU10" s="281">
        <v>3091</v>
      </c>
      <c r="EV10" s="281">
        <v>1560</v>
      </c>
      <c r="EW10" s="281">
        <v>1105</v>
      </c>
      <c r="EX10" s="281">
        <v>620</v>
      </c>
      <c r="EY10" s="278">
        <v>10734</v>
      </c>
      <c r="EZ10" s="283">
        <v>11820</v>
      </c>
    </row>
    <row r="11" spans="2:156" ht="19.5" customHeight="1" x14ac:dyDescent="0.2">
      <c r="B11" s="262" t="s">
        <v>8</v>
      </c>
      <c r="C11" s="277">
        <v>0</v>
      </c>
      <c r="D11" s="281">
        <v>0</v>
      </c>
      <c r="E11" s="385">
        <v>0</v>
      </c>
      <c r="F11" s="280">
        <v>0</v>
      </c>
      <c r="G11" s="281">
        <v>495</v>
      </c>
      <c r="H11" s="281">
        <v>602</v>
      </c>
      <c r="I11" s="281">
        <v>358</v>
      </c>
      <c r="J11" s="281">
        <v>292</v>
      </c>
      <c r="K11" s="281">
        <v>265</v>
      </c>
      <c r="L11" s="282">
        <v>2012</v>
      </c>
      <c r="M11" s="283">
        <v>2012</v>
      </c>
      <c r="N11" s="277">
        <v>0</v>
      </c>
      <c r="O11" s="281">
        <v>0</v>
      </c>
      <c r="P11" s="278">
        <v>0</v>
      </c>
      <c r="Q11" s="280">
        <v>0</v>
      </c>
      <c r="R11" s="281">
        <v>3</v>
      </c>
      <c r="S11" s="281">
        <v>17</v>
      </c>
      <c r="T11" s="281">
        <v>37</v>
      </c>
      <c r="U11" s="281">
        <v>49</v>
      </c>
      <c r="V11" s="281">
        <v>107</v>
      </c>
      <c r="W11" s="278">
        <v>213</v>
      </c>
      <c r="X11" s="283">
        <v>213</v>
      </c>
      <c r="Y11" s="277">
        <v>50</v>
      </c>
      <c r="Z11" s="281">
        <v>60</v>
      </c>
      <c r="AA11" s="278">
        <v>110</v>
      </c>
      <c r="AB11" s="280">
        <v>0</v>
      </c>
      <c r="AC11" s="281">
        <v>268</v>
      </c>
      <c r="AD11" s="281">
        <v>365</v>
      </c>
      <c r="AE11" s="281">
        <v>246</v>
      </c>
      <c r="AF11" s="281">
        <v>205</v>
      </c>
      <c r="AG11" s="281">
        <v>180</v>
      </c>
      <c r="AH11" s="278">
        <v>1264</v>
      </c>
      <c r="AI11" s="283">
        <v>1374</v>
      </c>
      <c r="AJ11" s="277">
        <v>9</v>
      </c>
      <c r="AK11" s="281">
        <v>13</v>
      </c>
      <c r="AL11" s="278">
        <v>22</v>
      </c>
      <c r="AM11" s="280">
        <v>0</v>
      </c>
      <c r="AN11" s="281">
        <v>46</v>
      </c>
      <c r="AO11" s="281">
        <v>73</v>
      </c>
      <c r="AP11" s="281">
        <v>48</v>
      </c>
      <c r="AQ11" s="281">
        <v>32</v>
      </c>
      <c r="AR11" s="281">
        <v>25</v>
      </c>
      <c r="AS11" s="278">
        <v>224</v>
      </c>
      <c r="AT11" s="283">
        <v>246</v>
      </c>
      <c r="AU11" s="277">
        <v>72</v>
      </c>
      <c r="AV11" s="281">
        <v>50</v>
      </c>
      <c r="AW11" s="278">
        <v>122</v>
      </c>
      <c r="AX11" s="280">
        <v>0</v>
      </c>
      <c r="AY11" s="281">
        <v>442</v>
      </c>
      <c r="AZ11" s="281">
        <v>543</v>
      </c>
      <c r="BA11" s="281">
        <v>501</v>
      </c>
      <c r="BB11" s="281">
        <v>499</v>
      </c>
      <c r="BC11" s="281">
        <v>402</v>
      </c>
      <c r="BD11" s="282">
        <v>2387</v>
      </c>
      <c r="BE11" s="283">
        <v>2509</v>
      </c>
      <c r="BF11" s="277">
        <v>0</v>
      </c>
      <c r="BG11" s="281">
        <v>0</v>
      </c>
      <c r="BH11" s="278">
        <v>0</v>
      </c>
      <c r="BI11" s="280">
        <v>0</v>
      </c>
      <c r="BJ11" s="281">
        <v>577</v>
      </c>
      <c r="BK11" s="281">
        <v>634</v>
      </c>
      <c r="BL11" s="281">
        <v>365</v>
      </c>
      <c r="BM11" s="281">
        <v>193</v>
      </c>
      <c r="BN11" s="281">
        <v>116</v>
      </c>
      <c r="BO11" s="278">
        <v>1885</v>
      </c>
      <c r="BP11" s="283">
        <v>1885</v>
      </c>
      <c r="BQ11" s="277">
        <v>58</v>
      </c>
      <c r="BR11" s="281">
        <v>63</v>
      </c>
      <c r="BS11" s="278">
        <v>121</v>
      </c>
      <c r="BT11" s="280">
        <v>0</v>
      </c>
      <c r="BU11" s="281">
        <v>121</v>
      </c>
      <c r="BV11" s="281">
        <v>166</v>
      </c>
      <c r="BW11" s="281">
        <v>95</v>
      </c>
      <c r="BX11" s="281">
        <v>50</v>
      </c>
      <c r="BY11" s="281">
        <v>13</v>
      </c>
      <c r="BZ11" s="278">
        <v>445</v>
      </c>
      <c r="CA11" s="283">
        <v>566</v>
      </c>
      <c r="CB11" s="277">
        <v>3</v>
      </c>
      <c r="CC11" s="281">
        <v>5</v>
      </c>
      <c r="CD11" s="278">
        <v>8</v>
      </c>
      <c r="CE11" s="280">
        <v>0</v>
      </c>
      <c r="CF11" s="281">
        <v>91</v>
      </c>
      <c r="CG11" s="281">
        <v>147</v>
      </c>
      <c r="CH11" s="281">
        <v>195</v>
      </c>
      <c r="CI11" s="281">
        <v>109</v>
      </c>
      <c r="CJ11" s="281">
        <v>67</v>
      </c>
      <c r="CK11" s="278">
        <v>609</v>
      </c>
      <c r="CL11" s="283">
        <v>617</v>
      </c>
      <c r="CM11" s="277">
        <v>0</v>
      </c>
      <c r="CN11" s="281">
        <v>1</v>
      </c>
      <c r="CO11" s="278">
        <v>1</v>
      </c>
      <c r="CP11" s="280">
        <v>0</v>
      </c>
      <c r="CQ11" s="281">
        <v>2</v>
      </c>
      <c r="CR11" s="281">
        <v>6</v>
      </c>
      <c r="CS11" s="281">
        <v>7</v>
      </c>
      <c r="CT11" s="281">
        <v>3</v>
      </c>
      <c r="CU11" s="281">
        <v>2</v>
      </c>
      <c r="CV11" s="278">
        <v>20</v>
      </c>
      <c r="CW11" s="283">
        <v>21</v>
      </c>
      <c r="CX11" s="277">
        <v>0</v>
      </c>
      <c r="CY11" s="281">
        <v>0</v>
      </c>
      <c r="CZ11" s="278">
        <v>0</v>
      </c>
      <c r="DA11" s="280">
        <v>0</v>
      </c>
      <c r="DB11" s="281">
        <v>0</v>
      </c>
      <c r="DC11" s="281">
        <v>0</v>
      </c>
      <c r="DD11" s="281">
        <v>0</v>
      </c>
      <c r="DE11" s="281">
        <v>0</v>
      </c>
      <c r="DF11" s="281">
        <v>0</v>
      </c>
      <c r="DG11" s="278">
        <v>0</v>
      </c>
      <c r="DH11" s="283">
        <v>0</v>
      </c>
      <c r="DI11" s="277">
        <v>0</v>
      </c>
      <c r="DJ11" s="281">
        <v>0</v>
      </c>
      <c r="DK11" s="278">
        <v>0</v>
      </c>
      <c r="DL11" s="280">
        <v>0</v>
      </c>
      <c r="DM11" s="281">
        <v>0</v>
      </c>
      <c r="DN11" s="281">
        <v>0</v>
      </c>
      <c r="DO11" s="281">
        <v>0</v>
      </c>
      <c r="DP11" s="281">
        <v>0</v>
      </c>
      <c r="DQ11" s="281">
        <v>0</v>
      </c>
      <c r="DR11" s="278">
        <v>0</v>
      </c>
      <c r="DS11" s="283">
        <v>0</v>
      </c>
      <c r="DT11" s="277">
        <v>388</v>
      </c>
      <c r="DU11" s="281">
        <v>563</v>
      </c>
      <c r="DV11" s="278">
        <v>951</v>
      </c>
      <c r="DW11" s="280">
        <v>0</v>
      </c>
      <c r="DX11" s="281">
        <v>942</v>
      </c>
      <c r="DY11" s="281">
        <v>1443</v>
      </c>
      <c r="DZ11" s="281">
        <v>877</v>
      </c>
      <c r="EA11" s="281">
        <v>600</v>
      </c>
      <c r="EB11" s="281">
        <v>410</v>
      </c>
      <c r="EC11" s="278">
        <v>4272</v>
      </c>
      <c r="ED11" s="283">
        <v>5223</v>
      </c>
      <c r="EE11" s="277">
        <v>56</v>
      </c>
      <c r="EF11" s="281">
        <v>17</v>
      </c>
      <c r="EG11" s="278">
        <v>73</v>
      </c>
      <c r="EH11" s="280">
        <v>0</v>
      </c>
      <c r="EI11" s="281">
        <v>150</v>
      </c>
      <c r="EJ11" s="281">
        <v>116</v>
      </c>
      <c r="EK11" s="281">
        <v>103</v>
      </c>
      <c r="EL11" s="281">
        <v>112</v>
      </c>
      <c r="EM11" s="281">
        <v>75</v>
      </c>
      <c r="EN11" s="278">
        <v>556</v>
      </c>
      <c r="EO11" s="283">
        <v>629</v>
      </c>
      <c r="EP11" s="277">
        <v>477</v>
      </c>
      <c r="EQ11" s="281">
        <v>628</v>
      </c>
      <c r="ER11" s="278">
        <v>1105</v>
      </c>
      <c r="ES11" s="280">
        <v>0</v>
      </c>
      <c r="ET11" s="281">
        <v>1764</v>
      </c>
      <c r="EU11" s="281">
        <v>1861</v>
      </c>
      <c r="EV11" s="281">
        <v>1041</v>
      </c>
      <c r="EW11" s="281">
        <v>637</v>
      </c>
      <c r="EX11" s="281">
        <v>427</v>
      </c>
      <c r="EY11" s="278">
        <v>5730</v>
      </c>
      <c r="EZ11" s="283">
        <v>6835</v>
      </c>
    </row>
    <row r="12" spans="2:156" ht="19.5" customHeight="1" x14ac:dyDescent="0.2">
      <c r="B12" s="262" t="s">
        <v>9</v>
      </c>
      <c r="C12" s="277">
        <v>0</v>
      </c>
      <c r="D12" s="281">
        <v>0</v>
      </c>
      <c r="E12" s="385">
        <v>0</v>
      </c>
      <c r="F12" s="280">
        <v>0</v>
      </c>
      <c r="G12" s="281">
        <v>639</v>
      </c>
      <c r="H12" s="281">
        <v>520</v>
      </c>
      <c r="I12" s="281">
        <v>332</v>
      </c>
      <c r="J12" s="281">
        <v>337</v>
      </c>
      <c r="K12" s="281">
        <v>253</v>
      </c>
      <c r="L12" s="282">
        <v>2081</v>
      </c>
      <c r="M12" s="283">
        <v>2081</v>
      </c>
      <c r="N12" s="277">
        <v>0</v>
      </c>
      <c r="O12" s="281">
        <v>0</v>
      </c>
      <c r="P12" s="278">
        <v>0</v>
      </c>
      <c r="Q12" s="280">
        <v>0</v>
      </c>
      <c r="R12" s="281">
        <v>4</v>
      </c>
      <c r="S12" s="281">
        <v>7</v>
      </c>
      <c r="T12" s="281">
        <v>17</v>
      </c>
      <c r="U12" s="281">
        <v>52</v>
      </c>
      <c r="V12" s="281">
        <v>102</v>
      </c>
      <c r="W12" s="278">
        <v>182</v>
      </c>
      <c r="X12" s="283">
        <v>182</v>
      </c>
      <c r="Y12" s="277">
        <v>31</v>
      </c>
      <c r="Z12" s="281">
        <v>68</v>
      </c>
      <c r="AA12" s="278">
        <v>99</v>
      </c>
      <c r="AB12" s="280">
        <v>0</v>
      </c>
      <c r="AC12" s="281">
        <v>348</v>
      </c>
      <c r="AD12" s="281">
        <v>314</v>
      </c>
      <c r="AE12" s="281">
        <v>237</v>
      </c>
      <c r="AF12" s="281">
        <v>240</v>
      </c>
      <c r="AG12" s="281">
        <v>189</v>
      </c>
      <c r="AH12" s="278">
        <v>1328</v>
      </c>
      <c r="AI12" s="283">
        <v>1427</v>
      </c>
      <c r="AJ12" s="277">
        <v>3</v>
      </c>
      <c r="AK12" s="281">
        <v>14</v>
      </c>
      <c r="AL12" s="278">
        <v>17</v>
      </c>
      <c r="AM12" s="280">
        <v>0</v>
      </c>
      <c r="AN12" s="281">
        <v>55</v>
      </c>
      <c r="AO12" s="281">
        <v>54</v>
      </c>
      <c r="AP12" s="281">
        <v>50</v>
      </c>
      <c r="AQ12" s="281">
        <v>49</v>
      </c>
      <c r="AR12" s="281">
        <v>40</v>
      </c>
      <c r="AS12" s="278">
        <v>248</v>
      </c>
      <c r="AT12" s="283">
        <v>265</v>
      </c>
      <c r="AU12" s="277">
        <v>80</v>
      </c>
      <c r="AV12" s="281">
        <v>70</v>
      </c>
      <c r="AW12" s="278">
        <v>150</v>
      </c>
      <c r="AX12" s="280">
        <v>0</v>
      </c>
      <c r="AY12" s="281">
        <v>524</v>
      </c>
      <c r="AZ12" s="281">
        <v>523</v>
      </c>
      <c r="BA12" s="281">
        <v>547</v>
      </c>
      <c r="BB12" s="281">
        <v>543</v>
      </c>
      <c r="BC12" s="281">
        <v>394</v>
      </c>
      <c r="BD12" s="282">
        <v>2531</v>
      </c>
      <c r="BE12" s="283">
        <v>2681</v>
      </c>
      <c r="BF12" s="277">
        <v>0</v>
      </c>
      <c r="BG12" s="281">
        <v>0</v>
      </c>
      <c r="BH12" s="278">
        <v>0</v>
      </c>
      <c r="BI12" s="280">
        <v>0</v>
      </c>
      <c r="BJ12" s="281">
        <v>568</v>
      </c>
      <c r="BK12" s="281">
        <v>401</v>
      </c>
      <c r="BL12" s="281">
        <v>241</v>
      </c>
      <c r="BM12" s="281">
        <v>156</v>
      </c>
      <c r="BN12" s="281">
        <v>60</v>
      </c>
      <c r="BO12" s="278">
        <v>1426</v>
      </c>
      <c r="BP12" s="283">
        <v>1426</v>
      </c>
      <c r="BQ12" s="277">
        <v>38</v>
      </c>
      <c r="BR12" s="281">
        <v>54</v>
      </c>
      <c r="BS12" s="278">
        <v>92</v>
      </c>
      <c r="BT12" s="280">
        <v>0</v>
      </c>
      <c r="BU12" s="281">
        <v>142</v>
      </c>
      <c r="BV12" s="281">
        <v>115</v>
      </c>
      <c r="BW12" s="281">
        <v>66</v>
      </c>
      <c r="BX12" s="281">
        <v>67</v>
      </c>
      <c r="BY12" s="281">
        <v>14</v>
      </c>
      <c r="BZ12" s="278">
        <v>404</v>
      </c>
      <c r="CA12" s="283">
        <v>496</v>
      </c>
      <c r="CB12" s="277">
        <v>3</v>
      </c>
      <c r="CC12" s="281">
        <v>2</v>
      </c>
      <c r="CD12" s="278">
        <v>5</v>
      </c>
      <c r="CE12" s="280">
        <v>0</v>
      </c>
      <c r="CF12" s="281">
        <v>48</v>
      </c>
      <c r="CG12" s="281">
        <v>90</v>
      </c>
      <c r="CH12" s="281">
        <v>118</v>
      </c>
      <c r="CI12" s="281">
        <v>92</v>
      </c>
      <c r="CJ12" s="281">
        <v>60</v>
      </c>
      <c r="CK12" s="278">
        <v>408</v>
      </c>
      <c r="CL12" s="283">
        <v>413</v>
      </c>
      <c r="CM12" s="277">
        <v>1</v>
      </c>
      <c r="CN12" s="281">
        <v>0</v>
      </c>
      <c r="CO12" s="278">
        <v>1</v>
      </c>
      <c r="CP12" s="280">
        <v>0</v>
      </c>
      <c r="CQ12" s="281">
        <v>6</v>
      </c>
      <c r="CR12" s="281">
        <v>11</v>
      </c>
      <c r="CS12" s="281">
        <v>24</v>
      </c>
      <c r="CT12" s="281">
        <v>20</v>
      </c>
      <c r="CU12" s="281">
        <v>7</v>
      </c>
      <c r="CV12" s="278">
        <v>68</v>
      </c>
      <c r="CW12" s="283">
        <v>69</v>
      </c>
      <c r="CX12" s="277">
        <v>0</v>
      </c>
      <c r="CY12" s="281">
        <v>0</v>
      </c>
      <c r="CZ12" s="278">
        <v>0</v>
      </c>
      <c r="DA12" s="280">
        <v>0</v>
      </c>
      <c r="DB12" s="281">
        <v>0</v>
      </c>
      <c r="DC12" s="281">
        <v>0</v>
      </c>
      <c r="DD12" s="281">
        <v>0</v>
      </c>
      <c r="DE12" s="281">
        <v>0</v>
      </c>
      <c r="DF12" s="281">
        <v>0</v>
      </c>
      <c r="DG12" s="278">
        <v>0</v>
      </c>
      <c r="DH12" s="283">
        <v>0</v>
      </c>
      <c r="DI12" s="277">
        <v>0</v>
      </c>
      <c r="DJ12" s="281">
        <v>0</v>
      </c>
      <c r="DK12" s="278">
        <v>0</v>
      </c>
      <c r="DL12" s="280">
        <v>0</v>
      </c>
      <c r="DM12" s="281">
        <v>0</v>
      </c>
      <c r="DN12" s="281">
        <v>0</v>
      </c>
      <c r="DO12" s="281">
        <v>0</v>
      </c>
      <c r="DP12" s="281">
        <v>0</v>
      </c>
      <c r="DQ12" s="281">
        <v>0</v>
      </c>
      <c r="DR12" s="278">
        <v>0</v>
      </c>
      <c r="DS12" s="283">
        <v>0</v>
      </c>
      <c r="DT12" s="277">
        <v>351</v>
      </c>
      <c r="DU12" s="281">
        <v>447</v>
      </c>
      <c r="DV12" s="278">
        <v>798</v>
      </c>
      <c r="DW12" s="280">
        <v>0</v>
      </c>
      <c r="DX12" s="281">
        <v>949</v>
      </c>
      <c r="DY12" s="281">
        <v>970</v>
      </c>
      <c r="DZ12" s="281">
        <v>642</v>
      </c>
      <c r="EA12" s="281">
        <v>565</v>
      </c>
      <c r="EB12" s="281">
        <v>353</v>
      </c>
      <c r="EC12" s="278">
        <v>3479</v>
      </c>
      <c r="ED12" s="283">
        <v>4277</v>
      </c>
      <c r="EE12" s="277">
        <v>46</v>
      </c>
      <c r="EF12" s="281">
        <v>29</v>
      </c>
      <c r="EG12" s="278">
        <v>75</v>
      </c>
      <c r="EH12" s="280">
        <v>0</v>
      </c>
      <c r="EI12" s="281">
        <v>182</v>
      </c>
      <c r="EJ12" s="281">
        <v>159</v>
      </c>
      <c r="EK12" s="281">
        <v>145</v>
      </c>
      <c r="EL12" s="281">
        <v>150</v>
      </c>
      <c r="EM12" s="281">
        <v>115</v>
      </c>
      <c r="EN12" s="278">
        <v>751</v>
      </c>
      <c r="EO12" s="283">
        <v>826</v>
      </c>
      <c r="EP12" s="277">
        <v>402</v>
      </c>
      <c r="EQ12" s="281">
        <v>516</v>
      </c>
      <c r="ER12" s="278">
        <v>918</v>
      </c>
      <c r="ES12" s="280">
        <v>0</v>
      </c>
      <c r="ET12" s="281">
        <v>1708</v>
      </c>
      <c r="EU12" s="281">
        <v>1290</v>
      </c>
      <c r="EV12" s="281">
        <v>734</v>
      </c>
      <c r="EW12" s="281">
        <v>592</v>
      </c>
      <c r="EX12" s="281">
        <v>369</v>
      </c>
      <c r="EY12" s="278">
        <v>4693</v>
      </c>
      <c r="EZ12" s="283">
        <v>5611</v>
      </c>
    </row>
    <row r="13" spans="2:156" ht="19.5" customHeight="1" x14ac:dyDescent="0.2">
      <c r="B13" s="262" t="s">
        <v>10</v>
      </c>
      <c r="C13" s="277">
        <v>0</v>
      </c>
      <c r="D13" s="281">
        <v>0</v>
      </c>
      <c r="E13" s="385">
        <v>0</v>
      </c>
      <c r="F13" s="280">
        <v>0</v>
      </c>
      <c r="G13" s="281">
        <v>1358</v>
      </c>
      <c r="H13" s="281">
        <v>733</v>
      </c>
      <c r="I13" s="281">
        <v>454</v>
      </c>
      <c r="J13" s="281">
        <v>425</v>
      </c>
      <c r="K13" s="281">
        <v>330</v>
      </c>
      <c r="L13" s="282">
        <v>3300</v>
      </c>
      <c r="M13" s="283">
        <v>3300</v>
      </c>
      <c r="N13" s="277">
        <v>0</v>
      </c>
      <c r="O13" s="281">
        <v>0</v>
      </c>
      <c r="P13" s="278">
        <v>0</v>
      </c>
      <c r="Q13" s="280">
        <v>0</v>
      </c>
      <c r="R13" s="281">
        <v>7</v>
      </c>
      <c r="S13" s="281">
        <v>26</v>
      </c>
      <c r="T13" s="281">
        <v>37</v>
      </c>
      <c r="U13" s="281">
        <v>88</v>
      </c>
      <c r="V13" s="281">
        <v>155</v>
      </c>
      <c r="W13" s="278">
        <v>313</v>
      </c>
      <c r="X13" s="283">
        <v>313</v>
      </c>
      <c r="Y13" s="277">
        <v>146</v>
      </c>
      <c r="Z13" s="281">
        <v>304</v>
      </c>
      <c r="AA13" s="278">
        <v>450</v>
      </c>
      <c r="AB13" s="280">
        <v>0</v>
      </c>
      <c r="AC13" s="281">
        <v>755</v>
      </c>
      <c r="AD13" s="281">
        <v>520</v>
      </c>
      <c r="AE13" s="281">
        <v>334</v>
      </c>
      <c r="AF13" s="281">
        <v>302</v>
      </c>
      <c r="AG13" s="281">
        <v>280</v>
      </c>
      <c r="AH13" s="278">
        <v>2191</v>
      </c>
      <c r="AI13" s="283">
        <v>2641</v>
      </c>
      <c r="AJ13" s="277">
        <v>23</v>
      </c>
      <c r="AK13" s="281">
        <v>48</v>
      </c>
      <c r="AL13" s="278">
        <v>71</v>
      </c>
      <c r="AM13" s="280">
        <v>0</v>
      </c>
      <c r="AN13" s="281">
        <v>104</v>
      </c>
      <c r="AO13" s="281">
        <v>97</v>
      </c>
      <c r="AP13" s="281">
        <v>55</v>
      </c>
      <c r="AQ13" s="281">
        <v>55</v>
      </c>
      <c r="AR13" s="281">
        <v>54</v>
      </c>
      <c r="AS13" s="278">
        <v>365</v>
      </c>
      <c r="AT13" s="283">
        <v>436</v>
      </c>
      <c r="AU13" s="277">
        <v>171</v>
      </c>
      <c r="AV13" s="281">
        <v>256</v>
      </c>
      <c r="AW13" s="278">
        <v>427</v>
      </c>
      <c r="AX13" s="280">
        <v>0</v>
      </c>
      <c r="AY13" s="281">
        <v>1243</v>
      </c>
      <c r="AZ13" s="281">
        <v>1041</v>
      </c>
      <c r="BA13" s="281">
        <v>861</v>
      </c>
      <c r="BB13" s="281">
        <v>908</v>
      </c>
      <c r="BC13" s="281">
        <v>737</v>
      </c>
      <c r="BD13" s="282">
        <v>4790</v>
      </c>
      <c r="BE13" s="283">
        <v>5217</v>
      </c>
      <c r="BF13" s="277">
        <v>0</v>
      </c>
      <c r="BG13" s="281">
        <v>0</v>
      </c>
      <c r="BH13" s="278">
        <v>0</v>
      </c>
      <c r="BI13" s="280">
        <v>0</v>
      </c>
      <c r="BJ13" s="281">
        <v>1551</v>
      </c>
      <c r="BK13" s="281">
        <v>820</v>
      </c>
      <c r="BL13" s="281">
        <v>489</v>
      </c>
      <c r="BM13" s="281">
        <v>268</v>
      </c>
      <c r="BN13" s="281">
        <v>134</v>
      </c>
      <c r="BO13" s="278">
        <v>3262</v>
      </c>
      <c r="BP13" s="283">
        <v>3262</v>
      </c>
      <c r="BQ13" s="277">
        <v>66</v>
      </c>
      <c r="BR13" s="281">
        <v>85</v>
      </c>
      <c r="BS13" s="278">
        <v>151</v>
      </c>
      <c r="BT13" s="280">
        <v>0</v>
      </c>
      <c r="BU13" s="281">
        <v>260</v>
      </c>
      <c r="BV13" s="281">
        <v>160</v>
      </c>
      <c r="BW13" s="281">
        <v>100</v>
      </c>
      <c r="BX13" s="281">
        <v>55</v>
      </c>
      <c r="BY13" s="281">
        <v>28</v>
      </c>
      <c r="BZ13" s="278">
        <v>603</v>
      </c>
      <c r="CA13" s="283">
        <v>754</v>
      </c>
      <c r="CB13" s="277">
        <v>4</v>
      </c>
      <c r="CC13" s="281">
        <v>22</v>
      </c>
      <c r="CD13" s="278">
        <v>26</v>
      </c>
      <c r="CE13" s="280">
        <v>0</v>
      </c>
      <c r="CF13" s="281">
        <v>177</v>
      </c>
      <c r="CG13" s="281">
        <v>174</v>
      </c>
      <c r="CH13" s="281">
        <v>201</v>
      </c>
      <c r="CI13" s="281">
        <v>142</v>
      </c>
      <c r="CJ13" s="281">
        <v>97</v>
      </c>
      <c r="CK13" s="278">
        <v>791</v>
      </c>
      <c r="CL13" s="283">
        <v>817</v>
      </c>
      <c r="CM13" s="277">
        <v>0</v>
      </c>
      <c r="CN13" s="281">
        <v>1</v>
      </c>
      <c r="CO13" s="278">
        <v>1</v>
      </c>
      <c r="CP13" s="280">
        <v>0</v>
      </c>
      <c r="CQ13" s="281">
        <v>12</v>
      </c>
      <c r="CR13" s="281">
        <v>18</v>
      </c>
      <c r="CS13" s="281">
        <v>17</v>
      </c>
      <c r="CT13" s="281">
        <v>7</v>
      </c>
      <c r="CU13" s="281">
        <v>7</v>
      </c>
      <c r="CV13" s="278">
        <v>61</v>
      </c>
      <c r="CW13" s="283">
        <v>62</v>
      </c>
      <c r="CX13" s="277">
        <v>0</v>
      </c>
      <c r="CY13" s="281">
        <v>0</v>
      </c>
      <c r="CZ13" s="278">
        <v>0</v>
      </c>
      <c r="DA13" s="280">
        <v>0</v>
      </c>
      <c r="DB13" s="281">
        <v>0</v>
      </c>
      <c r="DC13" s="281">
        <v>0</v>
      </c>
      <c r="DD13" s="281">
        <v>0</v>
      </c>
      <c r="DE13" s="281">
        <v>0</v>
      </c>
      <c r="DF13" s="281">
        <v>0</v>
      </c>
      <c r="DG13" s="278">
        <v>0</v>
      </c>
      <c r="DH13" s="283">
        <v>0</v>
      </c>
      <c r="DI13" s="277">
        <v>0</v>
      </c>
      <c r="DJ13" s="281">
        <v>0</v>
      </c>
      <c r="DK13" s="278">
        <v>0</v>
      </c>
      <c r="DL13" s="280">
        <v>0</v>
      </c>
      <c r="DM13" s="281">
        <v>0</v>
      </c>
      <c r="DN13" s="281">
        <v>0</v>
      </c>
      <c r="DO13" s="281">
        <v>0</v>
      </c>
      <c r="DP13" s="281">
        <v>0</v>
      </c>
      <c r="DQ13" s="281">
        <v>0</v>
      </c>
      <c r="DR13" s="278">
        <v>0</v>
      </c>
      <c r="DS13" s="283">
        <v>0</v>
      </c>
      <c r="DT13" s="277">
        <v>910</v>
      </c>
      <c r="DU13" s="281">
        <v>1231</v>
      </c>
      <c r="DV13" s="278">
        <v>2141</v>
      </c>
      <c r="DW13" s="280">
        <v>0</v>
      </c>
      <c r="DX13" s="281">
        <v>1993</v>
      </c>
      <c r="DY13" s="281">
        <v>1585</v>
      </c>
      <c r="DZ13" s="281">
        <v>1040</v>
      </c>
      <c r="EA13" s="281">
        <v>845</v>
      </c>
      <c r="EB13" s="281">
        <v>593</v>
      </c>
      <c r="EC13" s="278">
        <v>6056</v>
      </c>
      <c r="ED13" s="283">
        <v>8197</v>
      </c>
      <c r="EE13" s="277">
        <v>71</v>
      </c>
      <c r="EF13" s="281">
        <v>74</v>
      </c>
      <c r="EG13" s="278">
        <v>145</v>
      </c>
      <c r="EH13" s="280">
        <v>0</v>
      </c>
      <c r="EI13" s="281">
        <v>288</v>
      </c>
      <c r="EJ13" s="281">
        <v>210</v>
      </c>
      <c r="EK13" s="281">
        <v>197</v>
      </c>
      <c r="EL13" s="281">
        <v>214</v>
      </c>
      <c r="EM13" s="281">
        <v>139</v>
      </c>
      <c r="EN13" s="278">
        <v>1048</v>
      </c>
      <c r="EO13" s="283">
        <v>1193</v>
      </c>
      <c r="EP13" s="277">
        <v>1060</v>
      </c>
      <c r="EQ13" s="281">
        <v>1409</v>
      </c>
      <c r="ER13" s="278">
        <v>2469</v>
      </c>
      <c r="ES13" s="280">
        <v>0</v>
      </c>
      <c r="ET13" s="281">
        <v>3446</v>
      </c>
      <c r="EU13" s="281">
        <v>1912</v>
      </c>
      <c r="EV13" s="281">
        <v>1109</v>
      </c>
      <c r="EW13" s="281">
        <v>815</v>
      </c>
      <c r="EX13" s="281">
        <v>560</v>
      </c>
      <c r="EY13" s="278">
        <v>7842</v>
      </c>
      <c r="EZ13" s="283">
        <v>10311</v>
      </c>
    </row>
    <row r="14" spans="2:156" ht="19.5" customHeight="1" x14ac:dyDescent="0.2">
      <c r="B14" s="262" t="s">
        <v>11</v>
      </c>
      <c r="C14" s="277">
        <v>0</v>
      </c>
      <c r="D14" s="281">
        <v>0</v>
      </c>
      <c r="E14" s="385">
        <v>0</v>
      </c>
      <c r="F14" s="280">
        <v>0</v>
      </c>
      <c r="G14" s="281">
        <v>530</v>
      </c>
      <c r="H14" s="281">
        <v>353</v>
      </c>
      <c r="I14" s="281">
        <v>246</v>
      </c>
      <c r="J14" s="281">
        <v>214</v>
      </c>
      <c r="K14" s="281">
        <v>151</v>
      </c>
      <c r="L14" s="282">
        <v>1494</v>
      </c>
      <c r="M14" s="283">
        <v>1494</v>
      </c>
      <c r="N14" s="277">
        <v>0</v>
      </c>
      <c r="O14" s="281">
        <v>1</v>
      </c>
      <c r="P14" s="278">
        <v>1</v>
      </c>
      <c r="Q14" s="280">
        <v>0</v>
      </c>
      <c r="R14" s="281">
        <v>4</v>
      </c>
      <c r="S14" s="281">
        <v>15</v>
      </c>
      <c r="T14" s="281">
        <v>24</v>
      </c>
      <c r="U14" s="281">
        <v>50</v>
      </c>
      <c r="V14" s="281">
        <v>63</v>
      </c>
      <c r="W14" s="278">
        <v>156</v>
      </c>
      <c r="X14" s="283">
        <v>157</v>
      </c>
      <c r="Y14" s="277">
        <v>45</v>
      </c>
      <c r="Z14" s="281">
        <v>64</v>
      </c>
      <c r="AA14" s="278">
        <v>109</v>
      </c>
      <c r="AB14" s="280">
        <v>0</v>
      </c>
      <c r="AC14" s="281">
        <v>326</v>
      </c>
      <c r="AD14" s="281">
        <v>226</v>
      </c>
      <c r="AE14" s="281">
        <v>196</v>
      </c>
      <c r="AF14" s="281">
        <v>176</v>
      </c>
      <c r="AG14" s="281">
        <v>149</v>
      </c>
      <c r="AH14" s="278">
        <v>1073</v>
      </c>
      <c r="AI14" s="283">
        <v>1182</v>
      </c>
      <c r="AJ14" s="277">
        <v>2</v>
      </c>
      <c r="AK14" s="281">
        <v>9</v>
      </c>
      <c r="AL14" s="278">
        <v>11</v>
      </c>
      <c r="AM14" s="280">
        <v>0</v>
      </c>
      <c r="AN14" s="281">
        <v>36</v>
      </c>
      <c r="AO14" s="281">
        <v>31</v>
      </c>
      <c r="AP14" s="281">
        <v>17</v>
      </c>
      <c r="AQ14" s="281">
        <v>20</v>
      </c>
      <c r="AR14" s="281">
        <v>5</v>
      </c>
      <c r="AS14" s="278">
        <v>109</v>
      </c>
      <c r="AT14" s="283">
        <v>120</v>
      </c>
      <c r="AU14" s="277">
        <v>55</v>
      </c>
      <c r="AV14" s="281">
        <v>55</v>
      </c>
      <c r="AW14" s="278">
        <v>110</v>
      </c>
      <c r="AX14" s="280">
        <v>0</v>
      </c>
      <c r="AY14" s="281">
        <v>462</v>
      </c>
      <c r="AZ14" s="281">
        <v>429</v>
      </c>
      <c r="BA14" s="281">
        <v>412</v>
      </c>
      <c r="BB14" s="281">
        <v>420</v>
      </c>
      <c r="BC14" s="281">
        <v>286</v>
      </c>
      <c r="BD14" s="282">
        <v>2009</v>
      </c>
      <c r="BE14" s="283">
        <v>2119</v>
      </c>
      <c r="BF14" s="277">
        <v>0</v>
      </c>
      <c r="BG14" s="281">
        <v>0</v>
      </c>
      <c r="BH14" s="278">
        <v>0</v>
      </c>
      <c r="BI14" s="280">
        <v>0</v>
      </c>
      <c r="BJ14" s="281">
        <v>739</v>
      </c>
      <c r="BK14" s="281">
        <v>367</v>
      </c>
      <c r="BL14" s="281">
        <v>248</v>
      </c>
      <c r="BM14" s="281">
        <v>160</v>
      </c>
      <c r="BN14" s="281">
        <v>89</v>
      </c>
      <c r="BO14" s="278">
        <v>1603</v>
      </c>
      <c r="BP14" s="283">
        <v>1603</v>
      </c>
      <c r="BQ14" s="277">
        <v>80</v>
      </c>
      <c r="BR14" s="281">
        <v>74</v>
      </c>
      <c r="BS14" s="278">
        <v>154</v>
      </c>
      <c r="BT14" s="280">
        <v>0</v>
      </c>
      <c r="BU14" s="281">
        <v>221</v>
      </c>
      <c r="BV14" s="281">
        <v>122</v>
      </c>
      <c r="BW14" s="281">
        <v>90</v>
      </c>
      <c r="BX14" s="281">
        <v>55</v>
      </c>
      <c r="BY14" s="281">
        <v>22</v>
      </c>
      <c r="BZ14" s="278">
        <v>510</v>
      </c>
      <c r="CA14" s="283">
        <v>664</v>
      </c>
      <c r="CB14" s="277">
        <v>6</v>
      </c>
      <c r="CC14" s="281">
        <v>7</v>
      </c>
      <c r="CD14" s="278">
        <v>13</v>
      </c>
      <c r="CE14" s="280">
        <v>0</v>
      </c>
      <c r="CF14" s="281">
        <v>97</v>
      </c>
      <c r="CG14" s="281">
        <v>93</v>
      </c>
      <c r="CH14" s="281">
        <v>107</v>
      </c>
      <c r="CI14" s="281">
        <v>81</v>
      </c>
      <c r="CJ14" s="281">
        <v>44</v>
      </c>
      <c r="CK14" s="278">
        <v>422</v>
      </c>
      <c r="CL14" s="283">
        <v>435</v>
      </c>
      <c r="CM14" s="277">
        <v>0</v>
      </c>
      <c r="CN14" s="281">
        <v>1</v>
      </c>
      <c r="CO14" s="278">
        <v>1</v>
      </c>
      <c r="CP14" s="280">
        <v>0</v>
      </c>
      <c r="CQ14" s="281">
        <v>7</v>
      </c>
      <c r="CR14" s="281">
        <v>6</v>
      </c>
      <c r="CS14" s="281">
        <v>13</v>
      </c>
      <c r="CT14" s="281">
        <v>7</v>
      </c>
      <c r="CU14" s="281">
        <v>8</v>
      </c>
      <c r="CV14" s="278">
        <v>41</v>
      </c>
      <c r="CW14" s="283">
        <v>42</v>
      </c>
      <c r="CX14" s="277">
        <v>0</v>
      </c>
      <c r="CY14" s="281">
        <v>0</v>
      </c>
      <c r="CZ14" s="278">
        <v>0</v>
      </c>
      <c r="DA14" s="280">
        <v>0</v>
      </c>
      <c r="DB14" s="281">
        <v>0</v>
      </c>
      <c r="DC14" s="281">
        <v>0</v>
      </c>
      <c r="DD14" s="281">
        <v>0</v>
      </c>
      <c r="DE14" s="281">
        <v>0</v>
      </c>
      <c r="DF14" s="281">
        <v>0</v>
      </c>
      <c r="DG14" s="278">
        <v>0</v>
      </c>
      <c r="DH14" s="283">
        <v>0</v>
      </c>
      <c r="DI14" s="277">
        <v>0</v>
      </c>
      <c r="DJ14" s="281">
        <v>0</v>
      </c>
      <c r="DK14" s="278">
        <v>0</v>
      </c>
      <c r="DL14" s="280">
        <v>0</v>
      </c>
      <c r="DM14" s="281">
        <v>0</v>
      </c>
      <c r="DN14" s="281">
        <v>0</v>
      </c>
      <c r="DO14" s="281">
        <v>0</v>
      </c>
      <c r="DP14" s="281">
        <v>0</v>
      </c>
      <c r="DQ14" s="281">
        <v>0</v>
      </c>
      <c r="DR14" s="278">
        <v>0</v>
      </c>
      <c r="DS14" s="283">
        <v>0</v>
      </c>
      <c r="DT14" s="277">
        <v>402</v>
      </c>
      <c r="DU14" s="281">
        <v>452</v>
      </c>
      <c r="DV14" s="278">
        <v>854</v>
      </c>
      <c r="DW14" s="280">
        <v>0</v>
      </c>
      <c r="DX14" s="281">
        <v>1007</v>
      </c>
      <c r="DY14" s="281">
        <v>814</v>
      </c>
      <c r="DZ14" s="281">
        <v>608</v>
      </c>
      <c r="EA14" s="281">
        <v>474</v>
      </c>
      <c r="EB14" s="281">
        <v>279</v>
      </c>
      <c r="EC14" s="278">
        <v>3182</v>
      </c>
      <c r="ED14" s="283">
        <v>4036</v>
      </c>
      <c r="EE14" s="277">
        <v>37</v>
      </c>
      <c r="EF14" s="281">
        <v>31</v>
      </c>
      <c r="EG14" s="278">
        <v>68</v>
      </c>
      <c r="EH14" s="280">
        <v>0</v>
      </c>
      <c r="EI14" s="281">
        <v>194</v>
      </c>
      <c r="EJ14" s="281">
        <v>137</v>
      </c>
      <c r="EK14" s="281">
        <v>120</v>
      </c>
      <c r="EL14" s="281">
        <v>165</v>
      </c>
      <c r="EM14" s="281">
        <v>75</v>
      </c>
      <c r="EN14" s="278">
        <v>691</v>
      </c>
      <c r="EO14" s="283">
        <v>759</v>
      </c>
      <c r="EP14" s="277">
        <v>490</v>
      </c>
      <c r="EQ14" s="281">
        <v>534</v>
      </c>
      <c r="ER14" s="278">
        <v>1024</v>
      </c>
      <c r="ES14" s="280">
        <v>0</v>
      </c>
      <c r="ET14" s="281">
        <v>1922</v>
      </c>
      <c r="EU14" s="281">
        <v>1058</v>
      </c>
      <c r="EV14" s="281">
        <v>713</v>
      </c>
      <c r="EW14" s="281">
        <v>493</v>
      </c>
      <c r="EX14" s="281">
        <v>291</v>
      </c>
      <c r="EY14" s="278">
        <v>4477</v>
      </c>
      <c r="EZ14" s="283">
        <v>5501</v>
      </c>
    </row>
    <row r="15" spans="2:156" ht="19.5" customHeight="1" x14ac:dyDescent="0.2">
      <c r="B15" s="262" t="s">
        <v>12</v>
      </c>
      <c r="C15" s="277">
        <v>0</v>
      </c>
      <c r="D15" s="281">
        <v>0</v>
      </c>
      <c r="E15" s="385">
        <v>0</v>
      </c>
      <c r="F15" s="280">
        <v>0</v>
      </c>
      <c r="G15" s="281">
        <v>498</v>
      </c>
      <c r="H15" s="281">
        <v>440</v>
      </c>
      <c r="I15" s="281">
        <v>308</v>
      </c>
      <c r="J15" s="281">
        <v>303</v>
      </c>
      <c r="K15" s="281">
        <v>213</v>
      </c>
      <c r="L15" s="282">
        <v>1762</v>
      </c>
      <c r="M15" s="283">
        <v>1762</v>
      </c>
      <c r="N15" s="277">
        <v>0</v>
      </c>
      <c r="O15" s="281">
        <v>4</v>
      </c>
      <c r="P15" s="278">
        <v>4</v>
      </c>
      <c r="Q15" s="280">
        <v>0</v>
      </c>
      <c r="R15" s="281">
        <v>4</v>
      </c>
      <c r="S15" s="281">
        <v>13</v>
      </c>
      <c r="T15" s="281">
        <v>19</v>
      </c>
      <c r="U15" s="281">
        <v>57</v>
      </c>
      <c r="V15" s="281">
        <v>75</v>
      </c>
      <c r="W15" s="278">
        <v>168</v>
      </c>
      <c r="X15" s="283">
        <v>172</v>
      </c>
      <c r="Y15" s="277">
        <v>106</v>
      </c>
      <c r="Z15" s="281">
        <v>192</v>
      </c>
      <c r="AA15" s="278">
        <v>298</v>
      </c>
      <c r="AB15" s="280">
        <v>0</v>
      </c>
      <c r="AC15" s="281">
        <v>300</v>
      </c>
      <c r="AD15" s="281">
        <v>338</v>
      </c>
      <c r="AE15" s="281">
        <v>216</v>
      </c>
      <c r="AF15" s="281">
        <v>227</v>
      </c>
      <c r="AG15" s="281">
        <v>159</v>
      </c>
      <c r="AH15" s="278">
        <v>1240</v>
      </c>
      <c r="AI15" s="283">
        <v>1538</v>
      </c>
      <c r="AJ15" s="277">
        <v>4</v>
      </c>
      <c r="AK15" s="281">
        <v>18</v>
      </c>
      <c r="AL15" s="278">
        <v>22</v>
      </c>
      <c r="AM15" s="280">
        <v>0</v>
      </c>
      <c r="AN15" s="281">
        <v>16</v>
      </c>
      <c r="AO15" s="281">
        <v>41</v>
      </c>
      <c r="AP15" s="281">
        <v>28</v>
      </c>
      <c r="AQ15" s="281">
        <v>27</v>
      </c>
      <c r="AR15" s="281">
        <v>16</v>
      </c>
      <c r="AS15" s="278">
        <v>128</v>
      </c>
      <c r="AT15" s="283">
        <v>150</v>
      </c>
      <c r="AU15" s="277">
        <v>82</v>
      </c>
      <c r="AV15" s="281">
        <v>104</v>
      </c>
      <c r="AW15" s="278">
        <v>186</v>
      </c>
      <c r="AX15" s="280">
        <v>0</v>
      </c>
      <c r="AY15" s="281">
        <v>326</v>
      </c>
      <c r="AZ15" s="281">
        <v>350</v>
      </c>
      <c r="BA15" s="281">
        <v>350</v>
      </c>
      <c r="BB15" s="281">
        <v>419</v>
      </c>
      <c r="BC15" s="281">
        <v>317</v>
      </c>
      <c r="BD15" s="282">
        <v>1762</v>
      </c>
      <c r="BE15" s="283">
        <v>1948</v>
      </c>
      <c r="BF15" s="277">
        <v>0</v>
      </c>
      <c r="BG15" s="281">
        <v>0</v>
      </c>
      <c r="BH15" s="278">
        <v>0</v>
      </c>
      <c r="BI15" s="280">
        <v>0</v>
      </c>
      <c r="BJ15" s="281">
        <v>576</v>
      </c>
      <c r="BK15" s="281">
        <v>409</v>
      </c>
      <c r="BL15" s="281">
        <v>291</v>
      </c>
      <c r="BM15" s="281">
        <v>207</v>
      </c>
      <c r="BN15" s="281">
        <v>82</v>
      </c>
      <c r="BO15" s="278">
        <v>1565</v>
      </c>
      <c r="BP15" s="283">
        <v>1565</v>
      </c>
      <c r="BQ15" s="277">
        <v>114</v>
      </c>
      <c r="BR15" s="281">
        <v>119</v>
      </c>
      <c r="BS15" s="278">
        <v>233</v>
      </c>
      <c r="BT15" s="280">
        <v>0</v>
      </c>
      <c r="BU15" s="281">
        <v>129</v>
      </c>
      <c r="BV15" s="281">
        <v>177</v>
      </c>
      <c r="BW15" s="281">
        <v>118</v>
      </c>
      <c r="BX15" s="281">
        <v>82</v>
      </c>
      <c r="BY15" s="281">
        <v>34</v>
      </c>
      <c r="BZ15" s="278">
        <v>540</v>
      </c>
      <c r="CA15" s="283">
        <v>773</v>
      </c>
      <c r="CB15" s="277">
        <v>4</v>
      </c>
      <c r="CC15" s="281">
        <v>14</v>
      </c>
      <c r="CD15" s="278">
        <v>18</v>
      </c>
      <c r="CE15" s="280">
        <v>0</v>
      </c>
      <c r="CF15" s="281">
        <v>91</v>
      </c>
      <c r="CG15" s="281">
        <v>89</v>
      </c>
      <c r="CH15" s="281">
        <v>127</v>
      </c>
      <c r="CI15" s="281">
        <v>103</v>
      </c>
      <c r="CJ15" s="281">
        <v>48</v>
      </c>
      <c r="CK15" s="278">
        <v>458</v>
      </c>
      <c r="CL15" s="283">
        <v>476</v>
      </c>
      <c r="CM15" s="277">
        <v>0</v>
      </c>
      <c r="CN15" s="281">
        <v>0</v>
      </c>
      <c r="CO15" s="278">
        <v>0</v>
      </c>
      <c r="CP15" s="280">
        <v>0</v>
      </c>
      <c r="CQ15" s="281">
        <v>2</v>
      </c>
      <c r="CR15" s="281">
        <v>5</v>
      </c>
      <c r="CS15" s="281">
        <v>8</v>
      </c>
      <c r="CT15" s="281">
        <v>7</v>
      </c>
      <c r="CU15" s="281">
        <v>1</v>
      </c>
      <c r="CV15" s="278">
        <v>23</v>
      </c>
      <c r="CW15" s="283">
        <v>23</v>
      </c>
      <c r="CX15" s="277">
        <v>0</v>
      </c>
      <c r="CY15" s="281">
        <v>0</v>
      </c>
      <c r="CZ15" s="278">
        <v>0</v>
      </c>
      <c r="DA15" s="280">
        <v>0</v>
      </c>
      <c r="DB15" s="281">
        <v>0</v>
      </c>
      <c r="DC15" s="281">
        <v>0</v>
      </c>
      <c r="DD15" s="281">
        <v>0</v>
      </c>
      <c r="DE15" s="281">
        <v>0</v>
      </c>
      <c r="DF15" s="281">
        <v>0</v>
      </c>
      <c r="DG15" s="278">
        <v>0</v>
      </c>
      <c r="DH15" s="283">
        <v>0</v>
      </c>
      <c r="DI15" s="277">
        <v>0</v>
      </c>
      <c r="DJ15" s="281">
        <v>0</v>
      </c>
      <c r="DK15" s="278">
        <v>0</v>
      </c>
      <c r="DL15" s="280">
        <v>0</v>
      </c>
      <c r="DM15" s="281">
        <v>0</v>
      </c>
      <c r="DN15" s="281">
        <v>0</v>
      </c>
      <c r="DO15" s="281">
        <v>0</v>
      </c>
      <c r="DP15" s="281">
        <v>0</v>
      </c>
      <c r="DQ15" s="281">
        <v>0</v>
      </c>
      <c r="DR15" s="278">
        <v>0</v>
      </c>
      <c r="DS15" s="283">
        <v>0</v>
      </c>
      <c r="DT15" s="277">
        <v>437</v>
      </c>
      <c r="DU15" s="281">
        <v>728</v>
      </c>
      <c r="DV15" s="278">
        <v>1165</v>
      </c>
      <c r="DW15" s="280">
        <v>0</v>
      </c>
      <c r="DX15" s="281">
        <v>556</v>
      </c>
      <c r="DY15" s="281">
        <v>923</v>
      </c>
      <c r="DZ15" s="281">
        <v>688</v>
      </c>
      <c r="EA15" s="281">
        <v>625</v>
      </c>
      <c r="EB15" s="281">
        <v>350</v>
      </c>
      <c r="EC15" s="278">
        <v>3142</v>
      </c>
      <c r="ED15" s="283">
        <v>4307</v>
      </c>
      <c r="EE15" s="277">
        <v>50</v>
      </c>
      <c r="EF15" s="281">
        <v>44</v>
      </c>
      <c r="EG15" s="278">
        <v>94</v>
      </c>
      <c r="EH15" s="280">
        <v>0</v>
      </c>
      <c r="EI15" s="281">
        <v>106</v>
      </c>
      <c r="EJ15" s="281">
        <v>104</v>
      </c>
      <c r="EK15" s="281">
        <v>96</v>
      </c>
      <c r="EL15" s="281">
        <v>117</v>
      </c>
      <c r="EM15" s="281">
        <v>80</v>
      </c>
      <c r="EN15" s="278">
        <v>503</v>
      </c>
      <c r="EO15" s="283">
        <v>597</v>
      </c>
      <c r="EP15" s="277">
        <v>605</v>
      </c>
      <c r="EQ15" s="281">
        <v>865</v>
      </c>
      <c r="ER15" s="278">
        <v>1470</v>
      </c>
      <c r="ES15" s="280">
        <v>0</v>
      </c>
      <c r="ET15" s="281">
        <v>1446</v>
      </c>
      <c r="EU15" s="281">
        <v>1196</v>
      </c>
      <c r="EV15" s="281">
        <v>791</v>
      </c>
      <c r="EW15" s="281">
        <v>623</v>
      </c>
      <c r="EX15" s="281">
        <v>346</v>
      </c>
      <c r="EY15" s="278">
        <v>4402</v>
      </c>
      <c r="EZ15" s="283">
        <v>5872</v>
      </c>
    </row>
    <row r="16" spans="2:156" ht="19.5" customHeight="1" x14ac:dyDescent="0.2">
      <c r="B16" s="262" t="s">
        <v>13</v>
      </c>
      <c r="C16" s="277">
        <v>0</v>
      </c>
      <c r="D16" s="281">
        <v>0</v>
      </c>
      <c r="E16" s="385">
        <v>0</v>
      </c>
      <c r="F16" s="280">
        <v>0</v>
      </c>
      <c r="G16" s="281">
        <v>215</v>
      </c>
      <c r="H16" s="281">
        <v>218</v>
      </c>
      <c r="I16" s="281">
        <v>143</v>
      </c>
      <c r="J16" s="281">
        <v>118</v>
      </c>
      <c r="K16" s="281">
        <v>99</v>
      </c>
      <c r="L16" s="282">
        <v>793</v>
      </c>
      <c r="M16" s="283">
        <v>793</v>
      </c>
      <c r="N16" s="277">
        <v>0</v>
      </c>
      <c r="O16" s="281">
        <v>0</v>
      </c>
      <c r="P16" s="278">
        <v>0</v>
      </c>
      <c r="Q16" s="280">
        <v>0</v>
      </c>
      <c r="R16" s="281">
        <v>1</v>
      </c>
      <c r="S16" s="281">
        <v>4</v>
      </c>
      <c r="T16" s="281">
        <v>6</v>
      </c>
      <c r="U16" s="281">
        <v>15</v>
      </c>
      <c r="V16" s="281">
        <v>29</v>
      </c>
      <c r="W16" s="278">
        <v>55</v>
      </c>
      <c r="X16" s="283">
        <v>55</v>
      </c>
      <c r="Y16" s="277">
        <v>8</v>
      </c>
      <c r="Z16" s="281">
        <v>23</v>
      </c>
      <c r="AA16" s="278">
        <v>31</v>
      </c>
      <c r="AB16" s="280">
        <v>0</v>
      </c>
      <c r="AC16" s="281">
        <v>98</v>
      </c>
      <c r="AD16" s="281">
        <v>128</v>
      </c>
      <c r="AE16" s="281">
        <v>91</v>
      </c>
      <c r="AF16" s="281">
        <v>92</v>
      </c>
      <c r="AG16" s="281">
        <v>82</v>
      </c>
      <c r="AH16" s="278">
        <v>491</v>
      </c>
      <c r="AI16" s="283">
        <v>522</v>
      </c>
      <c r="AJ16" s="277">
        <v>3</v>
      </c>
      <c r="AK16" s="281">
        <v>5</v>
      </c>
      <c r="AL16" s="278">
        <v>8</v>
      </c>
      <c r="AM16" s="280">
        <v>0</v>
      </c>
      <c r="AN16" s="281">
        <v>18</v>
      </c>
      <c r="AO16" s="281">
        <v>26</v>
      </c>
      <c r="AP16" s="281">
        <v>9</v>
      </c>
      <c r="AQ16" s="281">
        <v>13</v>
      </c>
      <c r="AR16" s="281">
        <v>6</v>
      </c>
      <c r="AS16" s="278">
        <v>72</v>
      </c>
      <c r="AT16" s="283">
        <v>80</v>
      </c>
      <c r="AU16" s="277">
        <v>37</v>
      </c>
      <c r="AV16" s="281">
        <v>33</v>
      </c>
      <c r="AW16" s="278">
        <v>70</v>
      </c>
      <c r="AX16" s="280">
        <v>0</v>
      </c>
      <c r="AY16" s="281">
        <v>168</v>
      </c>
      <c r="AZ16" s="281">
        <v>177</v>
      </c>
      <c r="BA16" s="281">
        <v>181</v>
      </c>
      <c r="BB16" s="281">
        <v>175</v>
      </c>
      <c r="BC16" s="281">
        <v>142</v>
      </c>
      <c r="BD16" s="282">
        <v>843</v>
      </c>
      <c r="BE16" s="283">
        <v>913</v>
      </c>
      <c r="BF16" s="277">
        <v>0</v>
      </c>
      <c r="BG16" s="281">
        <v>0</v>
      </c>
      <c r="BH16" s="278">
        <v>0</v>
      </c>
      <c r="BI16" s="280">
        <v>0</v>
      </c>
      <c r="BJ16" s="281">
        <v>183</v>
      </c>
      <c r="BK16" s="281">
        <v>174</v>
      </c>
      <c r="BL16" s="281">
        <v>107</v>
      </c>
      <c r="BM16" s="281">
        <v>64</v>
      </c>
      <c r="BN16" s="281">
        <v>32</v>
      </c>
      <c r="BO16" s="278">
        <v>560</v>
      </c>
      <c r="BP16" s="283">
        <v>560</v>
      </c>
      <c r="BQ16" s="277">
        <v>13</v>
      </c>
      <c r="BR16" s="281">
        <v>25</v>
      </c>
      <c r="BS16" s="278">
        <v>38</v>
      </c>
      <c r="BT16" s="280">
        <v>0</v>
      </c>
      <c r="BU16" s="281">
        <v>32</v>
      </c>
      <c r="BV16" s="281">
        <v>38</v>
      </c>
      <c r="BW16" s="281">
        <v>30</v>
      </c>
      <c r="BX16" s="281">
        <v>20</v>
      </c>
      <c r="BY16" s="281">
        <v>11</v>
      </c>
      <c r="BZ16" s="278">
        <v>131</v>
      </c>
      <c r="CA16" s="283">
        <v>169</v>
      </c>
      <c r="CB16" s="277">
        <v>0</v>
      </c>
      <c r="CC16" s="281">
        <v>0</v>
      </c>
      <c r="CD16" s="278">
        <v>0</v>
      </c>
      <c r="CE16" s="280">
        <v>0</v>
      </c>
      <c r="CF16" s="281">
        <v>29</v>
      </c>
      <c r="CG16" s="281">
        <v>22</v>
      </c>
      <c r="CH16" s="281">
        <v>42</v>
      </c>
      <c r="CI16" s="281">
        <v>33</v>
      </c>
      <c r="CJ16" s="281">
        <v>24</v>
      </c>
      <c r="CK16" s="278">
        <v>150</v>
      </c>
      <c r="CL16" s="283">
        <v>150</v>
      </c>
      <c r="CM16" s="277">
        <v>0</v>
      </c>
      <c r="CN16" s="281">
        <v>0</v>
      </c>
      <c r="CO16" s="278">
        <v>0</v>
      </c>
      <c r="CP16" s="280">
        <v>0</v>
      </c>
      <c r="CQ16" s="281">
        <v>0</v>
      </c>
      <c r="CR16" s="281">
        <v>4</v>
      </c>
      <c r="CS16" s="281">
        <v>5</v>
      </c>
      <c r="CT16" s="281">
        <v>4</v>
      </c>
      <c r="CU16" s="281">
        <v>2</v>
      </c>
      <c r="CV16" s="278">
        <v>15</v>
      </c>
      <c r="CW16" s="283">
        <v>15</v>
      </c>
      <c r="CX16" s="277">
        <v>0</v>
      </c>
      <c r="CY16" s="281">
        <v>0</v>
      </c>
      <c r="CZ16" s="278">
        <v>0</v>
      </c>
      <c r="DA16" s="280">
        <v>0</v>
      </c>
      <c r="DB16" s="281">
        <v>0</v>
      </c>
      <c r="DC16" s="281">
        <v>0</v>
      </c>
      <c r="DD16" s="281">
        <v>0</v>
      </c>
      <c r="DE16" s="281">
        <v>0</v>
      </c>
      <c r="DF16" s="281">
        <v>0</v>
      </c>
      <c r="DG16" s="278">
        <v>0</v>
      </c>
      <c r="DH16" s="283">
        <v>0</v>
      </c>
      <c r="DI16" s="277">
        <v>0</v>
      </c>
      <c r="DJ16" s="281">
        <v>0</v>
      </c>
      <c r="DK16" s="278">
        <v>0</v>
      </c>
      <c r="DL16" s="280">
        <v>0</v>
      </c>
      <c r="DM16" s="281">
        <v>0</v>
      </c>
      <c r="DN16" s="281">
        <v>0</v>
      </c>
      <c r="DO16" s="281">
        <v>0</v>
      </c>
      <c r="DP16" s="281">
        <v>0</v>
      </c>
      <c r="DQ16" s="281">
        <v>0</v>
      </c>
      <c r="DR16" s="278">
        <v>0</v>
      </c>
      <c r="DS16" s="283">
        <v>0</v>
      </c>
      <c r="DT16" s="277">
        <v>69</v>
      </c>
      <c r="DU16" s="281">
        <v>165</v>
      </c>
      <c r="DV16" s="278">
        <v>234</v>
      </c>
      <c r="DW16" s="280">
        <v>0</v>
      </c>
      <c r="DX16" s="281">
        <v>253</v>
      </c>
      <c r="DY16" s="281">
        <v>397</v>
      </c>
      <c r="DZ16" s="281">
        <v>230</v>
      </c>
      <c r="EA16" s="281">
        <v>208</v>
      </c>
      <c r="EB16" s="281">
        <v>133</v>
      </c>
      <c r="EC16" s="278">
        <v>1221</v>
      </c>
      <c r="ED16" s="283">
        <v>1455</v>
      </c>
      <c r="EE16" s="277">
        <v>28</v>
      </c>
      <c r="EF16" s="281">
        <v>19</v>
      </c>
      <c r="EG16" s="278">
        <v>47</v>
      </c>
      <c r="EH16" s="280">
        <v>0</v>
      </c>
      <c r="EI16" s="281">
        <v>88</v>
      </c>
      <c r="EJ16" s="281">
        <v>61</v>
      </c>
      <c r="EK16" s="281">
        <v>72</v>
      </c>
      <c r="EL16" s="281">
        <v>61</v>
      </c>
      <c r="EM16" s="281">
        <v>45</v>
      </c>
      <c r="EN16" s="278">
        <v>327</v>
      </c>
      <c r="EO16" s="283">
        <v>374</v>
      </c>
      <c r="EP16" s="277">
        <v>89</v>
      </c>
      <c r="EQ16" s="281">
        <v>191</v>
      </c>
      <c r="ER16" s="278">
        <v>280</v>
      </c>
      <c r="ES16" s="280">
        <v>0</v>
      </c>
      <c r="ET16" s="281">
        <v>553</v>
      </c>
      <c r="EU16" s="281">
        <v>522</v>
      </c>
      <c r="EV16" s="281">
        <v>305</v>
      </c>
      <c r="EW16" s="281">
        <v>233</v>
      </c>
      <c r="EX16" s="281">
        <v>153</v>
      </c>
      <c r="EY16" s="278">
        <v>1766</v>
      </c>
      <c r="EZ16" s="283">
        <v>2046</v>
      </c>
    </row>
    <row r="17" spans="2:156" ht="19.5" customHeight="1" x14ac:dyDescent="0.2">
      <c r="B17" s="262" t="s">
        <v>15</v>
      </c>
      <c r="C17" s="277">
        <v>0</v>
      </c>
      <c r="D17" s="281">
        <v>0</v>
      </c>
      <c r="E17" s="385">
        <v>0</v>
      </c>
      <c r="F17" s="280">
        <v>0</v>
      </c>
      <c r="G17" s="281">
        <v>112</v>
      </c>
      <c r="H17" s="281">
        <v>159</v>
      </c>
      <c r="I17" s="281">
        <v>79</v>
      </c>
      <c r="J17" s="281">
        <v>43</v>
      </c>
      <c r="K17" s="281">
        <v>53</v>
      </c>
      <c r="L17" s="282">
        <v>446</v>
      </c>
      <c r="M17" s="283">
        <v>446</v>
      </c>
      <c r="N17" s="277">
        <v>0</v>
      </c>
      <c r="O17" s="281">
        <v>0</v>
      </c>
      <c r="P17" s="278">
        <v>0</v>
      </c>
      <c r="Q17" s="280">
        <v>0</v>
      </c>
      <c r="R17" s="281">
        <v>0</v>
      </c>
      <c r="S17" s="281">
        <v>4</v>
      </c>
      <c r="T17" s="281">
        <v>8</v>
      </c>
      <c r="U17" s="281">
        <v>14</v>
      </c>
      <c r="V17" s="281">
        <v>36</v>
      </c>
      <c r="W17" s="278">
        <v>62</v>
      </c>
      <c r="X17" s="283">
        <v>62</v>
      </c>
      <c r="Y17" s="277">
        <v>3</v>
      </c>
      <c r="Z17" s="281">
        <v>12</v>
      </c>
      <c r="AA17" s="278">
        <v>15</v>
      </c>
      <c r="AB17" s="280">
        <v>0</v>
      </c>
      <c r="AC17" s="281">
        <v>42</v>
      </c>
      <c r="AD17" s="281">
        <v>78</v>
      </c>
      <c r="AE17" s="281">
        <v>42</v>
      </c>
      <c r="AF17" s="281">
        <v>41</v>
      </c>
      <c r="AG17" s="281">
        <v>48</v>
      </c>
      <c r="AH17" s="278">
        <v>251</v>
      </c>
      <c r="AI17" s="283">
        <v>266</v>
      </c>
      <c r="AJ17" s="277">
        <v>0</v>
      </c>
      <c r="AK17" s="281">
        <v>1</v>
      </c>
      <c r="AL17" s="278">
        <v>1</v>
      </c>
      <c r="AM17" s="280">
        <v>0</v>
      </c>
      <c r="AN17" s="281">
        <v>7</v>
      </c>
      <c r="AO17" s="281">
        <v>12</v>
      </c>
      <c r="AP17" s="281">
        <v>6</v>
      </c>
      <c r="AQ17" s="281">
        <v>3</v>
      </c>
      <c r="AR17" s="281">
        <v>6</v>
      </c>
      <c r="AS17" s="278">
        <v>34</v>
      </c>
      <c r="AT17" s="283">
        <v>35</v>
      </c>
      <c r="AU17" s="277">
        <v>9</v>
      </c>
      <c r="AV17" s="281">
        <v>15</v>
      </c>
      <c r="AW17" s="278">
        <v>24</v>
      </c>
      <c r="AX17" s="280">
        <v>0</v>
      </c>
      <c r="AY17" s="281">
        <v>119</v>
      </c>
      <c r="AZ17" s="281">
        <v>111</v>
      </c>
      <c r="BA17" s="281">
        <v>97</v>
      </c>
      <c r="BB17" s="281">
        <v>94</v>
      </c>
      <c r="BC17" s="281">
        <v>75</v>
      </c>
      <c r="BD17" s="282">
        <v>496</v>
      </c>
      <c r="BE17" s="283">
        <v>520</v>
      </c>
      <c r="BF17" s="277">
        <v>0</v>
      </c>
      <c r="BG17" s="281">
        <v>0</v>
      </c>
      <c r="BH17" s="278">
        <v>0</v>
      </c>
      <c r="BI17" s="280">
        <v>0</v>
      </c>
      <c r="BJ17" s="281">
        <v>107</v>
      </c>
      <c r="BK17" s="281">
        <v>149</v>
      </c>
      <c r="BL17" s="281">
        <v>59</v>
      </c>
      <c r="BM17" s="281">
        <v>18</v>
      </c>
      <c r="BN17" s="281">
        <v>13</v>
      </c>
      <c r="BO17" s="278">
        <v>346</v>
      </c>
      <c r="BP17" s="283">
        <v>346</v>
      </c>
      <c r="BQ17" s="277">
        <v>1</v>
      </c>
      <c r="BR17" s="281">
        <v>6</v>
      </c>
      <c r="BS17" s="278">
        <v>7</v>
      </c>
      <c r="BT17" s="280">
        <v>0</v>
      </c>
      <c r="BU17" s="281">
        <v>30</v>
      </c>
      <c r="BV17" s="281">
        <v>36</v>
      </c>
      <c r="BW17" s="281">
        <v>25</v>
      </c>
      <c r="BX17" s="281">
        <v>12</v>
      </c>
      <c r="BY17" s="281">
        <v>6</v>
      </c>
      <c r="BZ17" s="278">
        <v>109</v>
      </c>
      <c r="CA17" s="283">
        <v>116</v>
      </c>
      <c r="CB17" s="277">
        <v>0</v>
      </c>
      <c r="CC17" s="281">
        <v>2</v>
      </c>
      <c r="CD17" s="278">
        <v>2</v>
      </c>
      <c r="CE17" s="280">
        <v>0</v>
      </c>
      <c r="CF17" s="281">
        <v>7</v>
      </c>
      <c r="CG17" s="281">
        <v>26</v>
      </c>
      <c r="CH17" s="281">
        <v>49</v>
      </c>
      <c r="CI17" s="281">
        <v>42</v>
      </c>
      <c r="CJ17" s="281">
        <v>17</v>
      </c>
      <c r="CK17" s="278">
        <v>141</v>
      </c>
      <c r="CL17" s="283">
        <v>143</v>
      </c>
      <c r="CM17" s="277">
        <v>0</v>
      </c>
      <c r="CN17" s="281">
        <v>0</v>
      </c>
      <c r="CO17" s="278">
        <v>0</v>
      </c>
      <c r="CP17" s="280">
        <v>0</v>
      </c>
      <c r="CQ17" s="281">
        <v>6</v>
      </c>
      <c r="CR17" s="281">
        <v>5</v>
      </c>
      <c r="CS17" s="281">
        <v>5</v>
      </c>
      <c r="CT17" s="281">
        <v>2</v>
      </c>
      <c r="CU17" s="281">
        <v>1</v>
      </c>
      <c r="CV17" s="278">
        <v>19</v>
      </c>
      <c r="CW17" s="283">
        <v>19</v>
      </c>
      <c r="CX17" s="277">
        <v>0</v>
      </c>
      <c r="CY17" s="281">
        <v>0</v>
      </c>
      <c r="CZ17" s="278">
        <v>0</v>
      </c>
      <c r="DA17" s="280">
        <v>0</v>
      </c>
      <c r="DB17" s="281">
        <v>0</v>
      </c>
      <c r="DC17" s="281">
        <v>0</v>
      </c>
      <c r="DD17" s="281">
        <v>0</v>
      </c>
      <c r="DE17" s="281">
        <v>0</v>
      </c>
      <c r="DF17" s="281">
        <v>0</v>
      </c>
      <c r="DG17" s="278">
        <v>0</v>
      </c>
      <c r="DH17" s="283">
        <v>0</v>
      </c>
      <c r="DI17" s="277">
        <v>0</v>
      </c>
      <c r="DJ17" s="281">
        <v>0</v>
      </c>
      <c r="DK17" s="278">
        <v>0</v>
      </c>
      <c r="DL17" s="280">
        <v>0</v>
      </c>
      <c r="DM17" s="281">
        <v>0</v>
      </c>
      <c r="DN17" s="281">
        <v>0</v>
      </c>
      <c r="DO17" s="281">
        <v>0</v>
      </c>
      <c r="DP17" s="281">
        <v>0</v>
      </c>
      <c r="DQ17" s="281">
        <v>0</v>
      </c>
      <c r="DR17" s="278">
        <v>0</v>
      </c>
      <c r="DS17" s="283">
        <v>0</v>
      </c>
      <c r="DT17" s="277">
        <v>59</v>
      </c>
      <c r="DU17" s="281">
        <v>165</v>
      </c>
      <c r="DV17" s="278">
        <v>224</v>
      </c>
      <c r="DW17" s="280">
        <v>0</v>
      </c>
      <c r="DX17" s="281">
        <v>191</v>
      </c>
      <c r="DY17" s="281">
        <v>347</v>
      </c>
      <c r="DZ17" s="281">
        <v>182</v>
      </c>
      <c r="EA17" s="281">
        <v>118</v>
      </c>
      <c r="EB17" s="281">
        <v>87</v>
      </c>
      <c r="EC17" s="278">
        <v>925</v>
      </c>
      <c r="ED17" s="283">
        <v>1149</v>
      </c>
      <c r="EE17" s="277">
        <v>16</v>
      </c>
      <c r="EF17" s="281">
        <v>13</v>
      </c>
      <c r="EG17" s="278">
        <v>29</v>
      </c>
      <c r="EH17" s="280">
        <v>0</v>
      </c>
      <c r="EI17" s="281">
        <v>56</v>
      </c>
      <c r="EJ17" s="281">
        <v>35</v>
      </c>
      <c r="EK17" s="281">
        <v>32</v>
      </c>
      <c r="EL17" s="281">
        <v>38</v>
      </c>
      <c r="EM17" s="281">
        <v>19</v>
      </c>
      <c r="EN17" s="278">
        <v>180</v>
      </c>
      <c r="EO17" s="283">
        <v>209</v>
      </c>
      <c r="EP17" s="277">
        <v>58</v>
      </c>
      <c r="EQ17" s="281">
        <v>166</v>
      </c>
      <c r="ER17" s="278">
        <v>224</v>
      </c>
      <c r="ES17" s="280">
        <v>0</v>
      </c>
      <c r="ET17" s="281">
        <v>380</v>
      </c>
      <c r="EU17" s="281">
        <v>475</v>
      </c>
      <c r="EV17" s="281">
        <v>229</v>
      </c>
      <c r="EW17" s="281">
        <v>146</v>
      </c>
      <c r="EX17" s="281">
        <v>97</v>
      </c>
      <c r="EY17" s="278">
        <v>1327</v>
      </c>
      <c r="EZ17" s="283">
        <v>1551</v>
      </c>
    </row>
    <row r="18" spans="2:156" ht="19.5" customHeight="1" x14ac:dyDescent="0.2">
      <c r="B18" s="262" t="s">
        <v>16</v>
      </c>
      <c r="C18" s="277">
        <v>0</v>
      </c>
      <c r="D18" s="281">
        <v>0</v>
      </c>
      <c r="E18" s="385">
        <v>0</v>
      </c>
      <c r="F18" s="280">
        <v>0</v>
      </c>
      <c r="G18" s="281">
        <v>215</v>
      </c>
      <c r="H18" s="281">
        <v>301</v>
      </c>
      <c r="I18" s="281">
        <v>182</v>
      </c>
      <c r="J18" s="281">
        <v>143</v>
      </c>
      <c r="K18" s="281">
        <v>84</v>
      </c>
      <c r="L18" s="282">
        <v>925</v>
      </c>
      <c r="M18" s="283">
        <v>925</v>
      </c>
      <c r="N18" s="277">
        <v>0</v>
      </c>
      <c r="O18" s="281">
        <v>0</v>
      </c>
      <c r="P18" s="278">
        <v>0</v>
      </c>
      <c r="Q18" s="280">
        <v>0</v>
      </c>
      <c r="R18" s="281">
        <v>1</v>
      </c>
      <c r="S18" s="281">
        <v>11</v>
      </c>
      <c r="T18" s="281">
        <v>15</v>
      </c>
      <c r="U18" s="281">
        <v>30</v>
      </c>
      <c r="V18" s="281">
        <v>46</v>
      </c>
      <c r="W18" s="278">
        <v>103</v>
      </c>
      <c r="X18" s="283">
        <v>103</v>
      </c>
      <c r="Y18" s="277">
        <v>24</v>
      </c>
      <c r="Z18" s="281">
        <v>55</v>
      </c>
      <c r="AA18" s="278">
        <v>79</v>
      </c>
      <c r="AB18" s="280">
        <v>0</v>
      </c>
      <c r="AC18" s="281">
        <v>153</v>
      </c>
      <c r="AD18" s="281">
        <v>267</v>
      </c>
      <c r="AE18" s="281">
        <v>174</v>
      </c>
      <c r="AF18" s="281">
        <v>151</v>
      </c>
      <c r="AG18" s="281">
        <v>97</v>
      </c>
      <c r="AH18" s="278">
        <v>842</v>
      </c>
      <c r="AI18" s="283">
        <v>921</v>
      </c>
      <c r="AJ18" s="277">
        <v>0</v>
      </c>
      <c r="AK18" s="281">
        <v>9</v>
      </c>
      <c r="AL18" s="278">
        <v>9</v>
      </c>
      <c r="AM18" s="280">
        <v>0</v>
      </c>
      <c r="AN18" s="281">
        <v>10</v>
      </c>
      <c r="AO18" s="281">
        <v>19</v>
      </c>
      <c r="AP18" s="281">
        <v>19</v>
      </c>
      <c r="AQ18" s="281">
        <v>10</v>
      </c>
      <c r="AR18" s="281">
        <v>8</v>
      </c>
      <c r="AS18" s="278">
        <v>66</v>
      </c>
      <c r="AT18" s="283">
        <v>75</v>
      </c>
      <c r="AU18" s="277">
        <v>42</v>
      </c>
      <c r="AV18" s="281">
        <v>27</v>
      </c>
      <c r="AW18" s="278">
        <v>69</v>
      </c>
      <c r="AX18" s="280">
        <v>0</v>
      </c>
      <c r="AY18" s="281">
        <v>209</v>
      </c>
      <c r="AZ18" s="281">
        <v>255</v>
      </c>
      <c r="BA18" s="281">
        <v>272</v>
      </c>
      <c r="BB18" s="281">
        <v>293</v>
      </c>
      <c r="BC18" s="281">
        <v>212</v>
      </c>
      <c r="BD18" s="282">
        <v>1241</v>
      </c>
      <c r="BE18" s="283">
        <v>1310</v>
      </c>
      <c r="BF18" s="277">
        <v>0</v>
      </c>
      <c r="BG18" s="281">
        <v>0</v>
      </c>
      <c r="BH18" s="278">
        <v>0</v>
      </c>
      <c r="BI18" s="280">
        <v>0</v>
      </c>
      <c r="BJ18" s="281">
        <v>304</v>
      </c>
      <c r="BK18" s="281">
        <v>422</v>
      </c>
      <c r="BL18" s="281">
        <v>261</v>
      </c>
      <c r="BM18" s="281">
        <v>152</v>
      </c>
      <c r="BN18" s="281">
        <v>80</v>
      </c>
      <c r="BO18" s="278">
        <v>1219</v>
      </c>
      <c r="BP18" s="283">
        <v>1219</v>
      </c>
      <c r="BQ18" s="277">
        <v>55</v>
      </c>
      <c r="BR18" s="281">
        <v>95</v>
      </c>
      <c r="BS18" s="278">
        <v>150</v>
      </c>
      <c r="BT18" s="280">
        <v>0</v>
      </c>
      <c r="BU18" s="281">
        <v>171</v>
      </c>
      <c r="BV18" s="281">
        <v>258</v>
      </c>
      <c r="BW18" s="281">
        <v>112</v>
      </c>
      <c r="BX18" s="281">
        <v>69</v>
      </c>
      <c r="BY18" s="281">
        <v>20</v>
      </c>
      <c r="BZ18" s="278">
        <v>630</v>
      </c>
      <c r="CA18" s="283">
        <v>780</v>
      </c>
      <c r="CB18" s="277">
        <v>1</v>
      </c>
      <c r="CC18" s="281">
        <v>2</v>
      </c>
      <c r="CD18" s="278">
        <v>3</v>
      </c>
      <c r="CE18" s="280">
        <v>0</v>
      </c>
      <c r="CF18" s="281">
        <v>32</v>
      </c>
      <c r="CG18" s="281">
        <v>71</v>
      </c>
      <c r="CH18" s="281">
        <v>105</v>
      </c>
      <c r="CI18" s="281">
        <v>57</v>
      </c>
      <c r="CJ18" s="281">
        <v>25</v>
      </c>
      <c r="CK18" s="278">
        <v>290</v>
      </c>
      <c r="CL18" s="283">
        <v>293</v>
      </c>
      <c r="CM18" s="277">
        <v>0</v>
      </c>
      <c r="CN18" s="281">
        <v>0</v>
      </c>
      <c r="CO18" s="278">
        <v>0</v>
      </c>
      <c r="CP18" s="280">
        <v>0</v>
      </c>
      <c r="CQ18" s="281">
        <v>2</v>
      </c>
      <c r="CR18" s="281">
        <v>6</v>
      </c>
      <c r="CS18" s="281">
        <v>9</v>
      </c>
      <c r="CT18" s="281">
        <v>9</v>
      </c>
      <c r="CU18" s="281">
        <v>5</v>
      </c>
      <c r="CV18" s="278">
        <v>31</v>
      </c>
      <c r="CW18" s="283">
        <v>31</v>
      </c>
      <c r="CX18" s="277">
        <v>0</v>
      </c>
      <c r="CY18" s="281">
        <v>0</v>
      </c>
      <c r="CZ18" s="278">
        <v>0</v>
      </c>
      <c r="DA18" s="280">
        <v>0</v>
      </c>
      <c r="DB18" s="281">
        <v>0</v>
      </c>
      <c r="DC18" s="281">
        <v>0</v>
      </c>
      <c r="DD18" s="281">
        <v>0</v>
      </c>
      <c r="DE18" s="281">
        <v>0</v>
      </c>
      <c r="DF18" s="281">
        <v>0</v>
      </c>
      <c r="DG18" s="278">
        <v>0</v>
      </c>
      <c r="DH18" s="283">
        <v>0</v>
      </c>
      <c r="DI18" s="277">
        <v>0</v>
      </c>
      <c r="DJ18" s="281">
        <v>0</v>
      </c>
      <c r="DK18" s="278">
        <v>0</v>
      </c>
      <c r="DL18" s="280">
        <v>0</v>
      </c>
      <c r="DM18" s="281">
        <v>0</v>
      </c>
      <c r="DN18" s="281">
        <v>0</v>
      </c>
      <c r="DO18" s="281">
        <v>0</v>
      </c>
      <c r="DP18" s="281">
        <v>0</v>
      </c>
      <c r="DQ18" s="281">
        <v>0</v>
      </c>
      <c r="DR18" s="278">
        <v>0</v>
      </c>
      <c r="DS18" s="283">
        <v>0</v>
      </c>
      <c r="DT18" s="277">
        <v>163</v>
      </c>
      <c r="DU18" s="281">
        <v>315</v>
      </c>
      <c r="DV18" s="278">
        <v>478</v>
      </c>
      <c r="DW18" s="280">
        <v>0</v>
      </c>
      <c r="DX18" s="281">
        <v>398</v>
      </c>
      <c r="DY18" s="281">
        <v>870</v>
      </c>
      <c r="DZ18" s="281">
        <v>503</v>
      </c>
      <c r="EA18" s="281">
        <v>378</v>
      </c>
      <c r="EB18" s="281">
        <v>205</v>
      </c>
      <c r="EC18" s="278">
        <v>2354</v>
      </c>
      <c r="ED18" s="283">
        <v>2832</v>
      </c>
      <c r="EE18" s="277">
        <v>29</v>
      </c>
      <c r="EF18" s="281">
        <v>19</v>
      </c>
      <c r="EG18" s="278">
        <v>48</v>
      </c>
      <c r="EH18" s="280">
        <v>0</v>
      </c>
      <c r="EI18" s="281">
        <v>99</v>
      </c>
      <c r="EJ18" s="281">
        <v>98</v>
      </c>
      <c r="EK18" s="281">
        <v>89</v>
      </c>
      <c r="EL18" s="281">
        <v>112</v>
      </c>
      <c r="EM18" s="281">
        <v>89</v>
      </c>
      <c r="EN18" s="278">
        <v>487</v>
      </c>
      <c r="EO18" s="283">
        <v>535</v>
      </c>
      <c r="EP18" s="277">
        <v>215</v>
      </c>
      <c r="EQ18" s="281">
        <v>388</v>
      </c>
      <c r="ER18" s="278">
        <v>603</v>
      </c>
      <c r="ES18" s="280">
        <v>0</v>
      </c>
      <c r="ET18" s="281">
        <v>840</v>
      </c>
      <c r="EU18" s="281">
        <v>1158</v>
      </c>
      <c r="EV18" s="281">
        <v>617</v>
      </c>
      <c r="EW18" s="281">
        <v>399</v>
      </c>
      <c r="EX18" s="281">
        <v>211</v>
      </c>
      <c r="EY18" s="278">
        <v>3225</v>
      </c>
      <c r="EZ18" s="283">
        <v>3828</v>
      </c>
    </row>
    <row r="19" spans="2:156" ht="19.5" customHeight="1" x14ac:dyDescent="0.2">
      <c r="B19" s="262" t="s">
        <v>17</v>
      </c>
      <c r="C19" s="277">
        <v>0</v>
      </c>
      <c r="D19" s="281">
        <v>0</v>
      </c>
      <c r="E19" s="385">
        <v>0</v>
      </c>
      <c r="F19" s="280">
        <v>0</v>
      </c>
      <c r="G19" s="281">
        <v>237</v>
      </c>
      <c r="H19" s="281">
        <v>439</v>
      </c>
      <c r="I19" s="281">
        <v>260</v>
      </c>
      <c r="J19" s="281">
        <v>205</v>
      </c>
      <c r="K19" s="281">
        <v>164</v>
      </c>
      <c r="L19" s="282">
        <v>1305</v>
      </c>
      <c r="M19" s="283">
        <v>1305</v>
      </c>
      <c r="N19" s="277">
        <v>0</v>
      </c>
      <c r="O19" s="281">
        <v>1</v>
      </c>
      <c r="P19" s="278">
        <v>1</v>
      </c>
      <c r="Q19" s="280">
        <v>0</v>
      </c>
      <c r="R19" s="281">
        <v>1</v>
      </c>
      <c r="S19" s="281">
        <v>8</v>
      </c>
      <c r="T19" s="281">
        <v>19</v>
      </c>
      <c r="U19" s="281">
        <v>42</v>
      </c>
      <c r="V19" s="281">
        <v>76</v>
      </c>
      <c r="W19" s="278">
        <v>146</v>
      </c>
      <c r="X19" s="283">
        <v>147</v>
      </c>
      <c r="Y19" s="277">
        <v>29</v>
      </c>
      <c r="Z19" s="281">
        <v>82</v>
      </c>
      <c r="AA19" s="278">
        <v>111</v>
      </c>
      <c r="AB19" s="280">
        <v>0</v>
      </c>
      <c r="AC19" s="281">
        <v>166</v>
      </c>
      <c r="AD19" s="281">
        <v>309</v>
      </c>
      <c r="AE19" s="281">
        <v>203</v>
      </c>
      <c r="AF19" s="281">
        <v>181</v>
      </c>
      <c r="AG19" s="281">
        <v>150</v>
      </c>
      <c r="AH19" s="278">
        <v>1009</v>
      </c>
      <c r="AI19" s="283">
        <v>1120</v>
      </c>
      <c r="AJ19" s="277">
        <v>2</v>
      </c>
      <c r="AK19" s="281">
        <v>5</v>
      </c>
      <c r="AL19" s="278">
        <v>7</v>
      </c>
      <c r="AM19" s="280">
        <v>0</v>
      </c>
      <c r="AN19" s="281">
        <v>11</v>
      </c>
      <c r="AO19" s="281">
        <v>32</v>
      </c>
      <c r="AP19" s="281">
        <v>19</v>
      </c>
      <c r="AQ19" s="281">
        <v>15</v>
      </c>
      <c r="AR19" s="281">
        <v>10</v>
      </c>
      <c r="AS19" s="278">
        <v>87</v>
      </c>
      <c r="AT19" s="283">
        <v>94</v>
      </c>
      <c r="AU19" s="277">
        <v>37</v>
      </c>
      <c r="AV19" s="281">
        <v>55</v>
      </c>
      <c r="AW19" s="278">
        <v>92</v>
      </c>
      <c r="AX19" s="280">
        <v>0</v>
      </c>
      <c r="AY19" s="281">
        <v>264</v>
      </c>
      <c r="AZ19" s="281">
        <v>443</v>
      </c>
      <c r="BA19" s="281">
        <v>379</v>
      </c>
      <c r="BB19" s="281">
        <v>383</v>
      </c>
      <c r="BC19" s="281">
        <v>326</v>
      </c>
      <c r="BD19" s="282">
        <v>1795</v>
      </c>
      <c r="BE19" s="283">
        <v>1887</v>
      </c>
      <c r="BF19" s="277">
        <v>0</v>
      </c>
      <c r="BG19" s="281">
        <v>0</v>
      </c>
      <c r="BH19" s="278">
        <v>0</v>
      </c>
      <c r="BI19" s="280">
        <v>0</v>
      </c>
      <c r="BJ19" s="281">
        <v>360</v>
      </c>
      <c r="BK19" s="281">
        <v>527</v>
      </c>
      <c r="BL19" s="281">
        <v>298</v>
      </c>
      <c r="BM19" s="281">
        <v>168</v>
      </c>
      <c r="BN19" s="281">
        <v>83</v>
      </c>
      <c r="BO19" s="278">
        <v>1436</v>
      </c>
      <c r="BP19" s="283">
        <v>1436</v>
      </c>
      <c r="BQ19" s="277">
        <v>30</v>
      </c>
      <c r="BR19" s="281">
        <v>67</v>
      </c>
      <c r="BS19" s="278">
        <v>97</v>
      </c>
      <c r="BT19" s="280">
        <v>0</v>
      </c>
      <c r="BU19" s="281">
        <v>65</v>
      </c>
      <c r="BV19" s="281">
        <v>168</v>
      </c>
      <c r="BW19" s="281">
        <v>70</v>
      </c>
      <c r="BX19" s="281">
        <v>42</v>
      </c>
      <c r="BY19" s="281">
        <v>22</v>
      </c>
      <c r="BZ19" s="278">
        <v>367</v>
      </c>
      <c r="CA19" s="283">
        <v>464</v>
      </c>
      <c r="CB19" s="277">
        <v>2</v>
      </c>
      <c r="CC19" s="281">
        <v>6</v>
      </c>
      <c r="CD19" s="278">
        <v>8</v>
      </c>
      <c r="CE19" s="280">
        <v>0</v>
      </c>
      <c r="CF19" s="281">
        <v>50</v>
      </c>
      <c r="CG19" s="281">
        <v>96</v>
      </c>
      <c r="CH19" s="281">
        <v>88</v>
      </c>
      <c r="CI19" s="281">
        <v>69</v>
      </c>
      <c r="CJ19" s="281">
        <v>46</v>
      </c>
      <c r="CK19" s="278">
        <v>349</v>
      </c>
      <c r="CL19" s="283">
        <v>357</v>
      </c>
      <c r="CM19" s="277">
        <v>0</v>
      </c>
      <c r="CN19" s="281">
        <v>0</v>
      </c>
      <c r="CO19" s="278">
        <v>0</v>
      </c>
      <c r="CP19" s="280">
        <v>0</v>
      </c>
      <c r="CQ19" s="281">
        <v>6</v>
      </c>
      <c r="CR19" s="281">
        <v>13</v>
      </c>
      <c r="CS19" s="281">
        <v>11</v>
      </c>
      <c r="CT19" s="281">
        <v>10</v>
      </c>
      <c r="CU19" s="281">
        <v>5</v>
      </c>
      <c r="CV19" s="278">
        <v>45</v>
      </c>
      <c r="CW19" s="283">
        <v>45</v>
      </c>
      <c r="CX19" s="277">
        <v>0</v>
      </c>
      <c r="CY19" s="281">
        <v>0</v>
      </c>
      <c r="CZ19" s="278">
        <v>0</v>
      </c>
      <c r="DA19" s="280">
        <v>0</v>
      </c>
      <c r="DB19" s="281">
        <v>0</v>
      </c>
      <c r="DC19" s="281">
        <v>0</v>
      </c>
      <c r="DD19" s="281">
        <v>0</v>
      </c>
      <c r="DE19" s="281">
        <v>0</v>
      </c>
      <c r="DF19" s="281">
        <v>0</v>
      </c>
      <c r="DG19" s="278">
        <v>0</v>
      </c>
      <c r="DH19" s="283">
        <v>0</v>
      </c>
      <c r="DI19" s="277">
        <v>0</v>
      </c>
      <c r="DJ19" s="281">
        <v>0</v>
      </c>
      <c r="DK19" s="278">
        <v>0</v>
      </c>
      <c r="DL19" s="280">
        <v>0</v>
      </c>
      <c r="DM19" s="281">
        <v>0</v>
      </c>
      <c r="DN19" s="281">
        <v>0</v>
      </c>
      <c r="DO19" s="281">
        <v>0</v>
      </c>
      <c r="DP19" s="281">
        <v>0</v>
      </c>
      <c r="DQ19" s="281">
        <v>0</v>
      </c>
      <c r="DR19" s="278">
        <v>0</v>
      </c>
      <c r="DS19" s="283">
        <v>0</v>
      </c>
      <c r="DT19" s="277">
        <v>191</v>
      </c>
      <c r="DU19" s="281">
        <v>473</v>
      </c>
      <c r="DV19" s="278">
        <v>664</v>
      </c>
      <c r="DW19" s="280">
        <v>0</v>
      </c>
      <c r="DX19" s="281">
        <v>410</v>
      </c>
      <c r="DY19" s="281">
        <v>1138</v>
      </c>
      <c r="DZ19" s="281">
        <v>632</v>
      </c>
      <c r="EA19" s="281">
        <v>526</v>
      </c>
      <c r="EB19" s="281">
        <v>352</v>
      </c>
      <c r="EC19" s="278">
        <v>3058</v>
      </c>
      <c r="ED19" s="283">
        <v>3722</v>
      </c>
      <c r="EE19" s="277">
        <v>28</v>
      </c>
      <c r="EF19" s="281">
        <v>36</v>
      </c>
      <c r="EG19" s="278">
        <v>64</v>
      </c>
      <c r="EH19" s="280">
        <v>0</v>
      </c>
      <c r="EI19" s="281">
        <v>106</v>
      </c>
      <c r="EJ19" s="281">
        <v>94</v>
      </c>
      <c r="EK19" s="281">
        <v>90</v>
      </c>
      <c r="EL19" s="281">
        <v>89</v>
      </c>
      <c r="EM19" s="281">
        <v>59</v>
      </c>
      <c r="EN19" s="278">
        <v>438</v>
      </c>
      <c r="EO19" s="283">
        <v>502</v>
      </c>
      <c r="EP19" s="277">
        <v>237</v>
      </c>
      <c r="EQ19" s="281">
        <v>549</v>
      </c>
      <c r="ER19" s="278">
        <v>786</v>
      </c>
      <c r="ES19" s="280">
        <v>0</v>
      </c>
      <c r="ET19" s="281">
        <v>934</v>
      </c>
      <c r="EU19" s="281">
        <v>1477</v>
      </c>
      <c r="EV19" s="281">
        <v>755</v>
      </c>
      <c r="EW19" s="281">
        <v>543</v>
      </c>
      <c r="EX19" s="281">
        <v>359</v>
      </c>
      <c r="EY19" s="278">
        <v>4068</v>
      </c>
      <c r="EZ19" s="283">
        <v>4854</v>
      </c>
    </row>
    <row r="20" spans="2:156" ht="19.5" customHeight="1" x14ac:dyDescent="0.2">
      <c r="B20" s="262" t="s">
        <v>18</v>
      </c>
      <c r="C20" s="277">
        <v>0</v>
      </c>
      <c r="D20" s="281">
        <v>0</v>
      </c>
      <c r="E20" s="385">
        <v>0</v>
      </c>
      <c r="F20" s="280">
        <v>0</v>
      </c>
      <c r="G20" s="281">
        <v>473</v>
      </c>
      <c r="H20" s="281">
        <v>506</v>
      </c>
      <c r="I20" s="281">
        <v>269</v>
      </c>
      <c r="J20" s="281">
        <v>236</v>
      </c>
      <c r="K20" s="281">
        <v>162</v>
      </c>
      <c r="L20" s="282">
        <v>1646</v>
      </c>
      <c r="M20" s="283">
        <v>1646</v>
      </c>
      <c r="N20" s="277">
        <v>0</v>
      </c>
      <c r="O20" s="281">
        <v>0</v>
      </c>
      <c r="P20" s="278">
        <v>0</v>
      </c>
      <c r="Q20" s="280">
        <v>0</v>
      </c>
      <c r="R20" s="281">
        <v>2</v>
      </c>
      <c r="S20" s="281">
        <v>13</v>
      </c>
      <c r="T20" s="281">
        <v>19</v>
      </c>
      <c r="U20" s="281">
        <v>43</v>
      </c>
      <c r="V20" s="281">
        <v>77</v>
      </c>
      <c r="W20" s="278">
        <v>154</v>
      </c>
      <c r="X20" s="283">
        <v>154</v>
      </c>
      <c r="Y20" s="277">
        <v>47</v>
      </c>
      <c r="Z20" s="281">
        <v>98</v>
      </c>
      <c r="AA20" s="278">
        <v>145</v>
      </c>
      <c r="AB20" s="280">
        <v>0</v>
      </c>
      <c r="AC20" s="281">
        <v>336</v>
      </c>
      <c r="AD20" s="281">
        <v>338</v>
      </c>
      <c r="AE20" s="281">
        <v>219</v>
      </c>
      <c r="AF20" s="281">
        <v>180</v>
      </c>
      <c r="AG20" s="281">
        <v>152</v>
      </c>
      <c r="AH20" s="278">
        <v>1225</v>
      </c>
      <c r="AI20" s="283">
        <v>1370</v>
      </c>
      <c r="AJ20" s="277">
        <v>9</v>
      </c>
      <c r="AK20" s="281">
        <v>5</v>
      </c>
      <c r="AL20" s="278">
        <v>14</v>
      </c>
      <c r="AM20" s="280">
        <v>0</v>
      </c>
      <c r="AN20" s="281">
        <v>35</v>
      </c>
      <c r="AO20" s="281">
        <v>38</v>
      </c>
      <c r="AP20" s="281">
        <v>29</v>
      </c>
      <c r="AQ20" s="281">
        <v>28</v>
      </c>
      <c r="AR20" s="281">
        <v>14</v>
      </c>
      <c r="AS20" s="278">
        <v>144</v>
      </c>
      <c r="AT20" s="283">
        <v>158</v>
      </c>
      <c r="AU20" s="277">
        <v>57</v>
      </c>
      <c r="AV20" s="281">
        <v>64</v>
      </c>
      <c r="AW20" s="278">
        <v>121</v>
      </c>
      <c r="AX20" s="280">
        <v>0</v>
      </c>
      <c r="AY20" s="281">
        <v>439</v>
      </c>
      <c r="AZ20" s="281">
        <v>515</v>
      </c>
      <c r="BA20" s="281">
        <v>453</v>
      </c>
      <c r="BB20" s="281">
        <v>445</v>
      </c>
      <c r="BC20" s="281">
        <v>370</v>
      </c>
      <c r="BD20" s="282">
        <v>2222</v>
      </c>
      <c r="BE20" s="283">
        <v>2343</v>
      </c>
      <c r="BF20" s="277">
        <v>0</v>
      </c>
      <c r="BG20" s="281">
        <v>0</v>
      </c>
      <c r="BH20" s="278">
        <v>0</v>
      </c>
      <c r="BI20" s="280">
        <v>0</v>
      </c>
      <c r="BJ20" s="281">
        <v>663</v>
      </c>
      <c r="BK20" s="281">
        <v>640</v>
      </c>
      <c r="BL20" s="281">
        <v>336</v>
      </c>
      <c r="BM20" s="281">
        <v>197</v>
      </c>
      <c r="BN20" s="281">
        <v>93</v>
      </c>
      <c r="BO20" s="278">
        <v>1929</v>
      </c>
      <c r="BP20" s="283">
        <v>1929</v>
      </c>
      <c r="BQ20" s="277">
        <v>44</v>
      </c>
      <c r="BR20" s="281">
        <v>81</v>
      </c>
      <c r="BS20" s="278">
        <v>125</v>
      </c>
      <c r="BT20" s="280">
        <v>0</v>
      </c>
      <c r="BU20" s="281">
        <v>170</v>
      </c>
      <c r="BV20" s="281">
        <v>187</v>
      </c>
      <c r="BW20" s="281">
        <v>99</v>
      </c>
      <c r="BX20" s="281">
        <v>64</v>
      </c>
      <c r="BY20" s="281">
        <v>20</v>
      </c>
      <c r="BZ20" s="278">
        <v>540</v>
      </c>
      <c r="CA20" s="283">
        <v>665</v>
      </c>
      <c r="CB20" s="277">
        <v>0</v>
      </c>
      <c r="CC20" s="281">
        <v>2</v>
      </c>
      <c r="CD20" s="278">
        <v>2</v>
      </c>
      <c r="CE20" s="280">
        <v>0</v>
      </c>
      <c r="CF20" s="281">
        <v>53</v>
      </c>
      <c r="CG20" s="281">
        <v>100</v>
      </c>
      <c r="CH20" s="281">
        <v>144</v>
      </c>
      <c r="CI20" s="281">
        <v>93</v>
      </c>
      <c r="CJ20" s="281">
        <v>58</v>
      </c>
      <c r="CK20" s="278">
        <v>448</v>
      </c>
      <c r="CL20" s="283">
        <v>450</v>
      </c>
      <c r="CM20" s="277">
        <v>0</v>
      </c>
      <c r="CN20" s="281">
        <v>0</v>
      </c>
      <c r="CO20" s="278">
        <v>0</v>
      </c>
      <c r="CP20" s="280">
        <v>0</v>
      </c>
      <c r="CQ20" s="281">
        <v>3</v>
      </c>
      <c r="CR20" s="281">
        <v>3</v>
      </c>
      <c r="CS20" s="281">
        <v>3</v>
      </c>
      <c r="CT20" s="281">
        <v>5</v>
      </c>
      <c r="CU20" s="281">
        <v>3</v>
      </c>
      <c r="CV20" s="278">
        <v>17</v>
      </c>
      <c r="CW20" s="283">
        <v>17</v>
      </c>
      <c r="CX20" s="277">
        <v>0</v>
      </c>
      <c r="CY20" s="281">
        <v>0</v>
      </c>
      <c r="CZ20" s="278">
        <v>0</v>
      </c>
      <c r="DA20" s="280">
        <v>0</v>
      </c>
      <c r="DB20" s="281">
        <v>0</v>
      </c>
      <c r="DC20" s="281">
        <v>0</v>
      </c>
      <c r="DD20" s="281">
        <v>0</v>
      </c>
      <c r="DE20" s="281">
        <v>0</v>
      </c>
      <c r="DF20" s="281">
        <v>0</v>
      </c>
      <c r="DG20" s="278">
        <v>0</v>
      </c>
      <c r="DH20" s="283">
        <v>0</v>
      </c>
      <c r="DI20" s="277">
        <v>0</v>
      </c>
      <c r="DJ20" s="281">
        <v>0</v>
      </c>
      <c r="DK20" s="278">
        <v>0</v>
      </c>
      <c r="DL20" s="280">
        <v>0</v>
      </c>
      <c r="DM20" s="281">
        <v>0</v>
      </c>
      <c r="DN20" s="281">
        <v>0</v>
      </c>
      <c r="DO20" s="281">
        <v>0</v>
      </c>
      <c r="DP20" s="281">
        <v>0</v>
      </c>
      <c r="DQ20" s="281">
        <v>0</v>
      </c>
      <c r="DR20" s="278">
        <v>0</v>
      </c>
      <c r="DS20" s="283">
        <v>0</v>
      </c>
      <c r="DT20" s="277">
        <v>217</v>
      </c>
      <c r="DU20" s="281">
        <v>480</v>
      </c>
      <c r="DV20" s="278">
        <v>697</v>
      </c>
      <c r="DW20" s="280">
        <v>0</v>
      </c>
      <c r="DX20" s="281">
        <v>779</v>
      </c>
      <c r="DY20" s="281">
        <v>1084</v>
      </c>
      <c r="DZ20" s="281">
        <v>675</v>
      </c>
      <c r="EA20" s="281">
        <v>524</v>
      </c>
      <c r="EB20" s="281">
        <v>319</v>
      </c>
      <c r="EC20" s="278">
        <v>3381</v>
      </c>
      <c r="ED20" s="283">
        <v>4078</v>
      </c>
      <c r="EE20" s="277">
        <v>24</v>
      </c>
      <c r="EF20" s="281">
        <v>14</v>
      </c>
      <c r="EG20" s="278">
        <v>38</v>
      </c>
      <c r="EH20" s="280">
        <v>0</v>
      </c>
      <c r="EI20" s="281">
        <v>127</v>
      </c>
      <c r="EJ20" s="281">
        <v>114</v>
      </c>
      <c r="EK20" s="281">
        <v>86</v>
      </c>
      <c r="EL20" s="281">
        <v>93</v>
      </c>
      <c r="EM20" s="281">
        <v>68</v>
      </c>
      <c r="EN20" s="278">
        <v>488</v>
      </c>
      <c r="EO20" s="283">
        <v>526</v>
      </c>
      <c r="EP20" s="277">
        <v>287</v>
      </c>
      <c r="EQ20" s="281">
        <v>587</v>
      </c>
      <c r="ER20" s="278">
        <v>874</v>
      </c>
      <c r="ES20" s="280">
        <v>0</v>
      </c>
      <c r="ET20" s="281">
        <v>1562</v>
      </c>
      <c r="EU20" s="281">
        <v>1469</v>
      </c>
      <c r="EV20" s="281">
        <v>810</v>
      </c>
      <c r="EW20" s="281">
        <v>552</v>
      </c>
      <c r="EX20" s="281">
        <v>319</v>
      </c>
      <c r="EY20" s="278">
        <v>4712</v>
      </c>
      <c r="EZ20" s="283">
        <v>5586</v>
      </c>
    </row>
    <row r="21" spans="2:156" ht="19.5" customHeight="1" x14ac:dyDescent="0.2">
      <c r="B21" s="262" t="s">
        <v>19</v>
      </c>
      <c r="C21" s="277">
        <v>0</v>
      </c>
      <c r="D21" s="281">
        <v>0</v>
      </c>
      <c r="E21" s="385">
        <v>0</v>
      </c>
      <c r="F21" s="280">
        <v>0</v>
      </c>
      <c r="G21" s="281">
        <v>206</v>
      </c>
      <c r="H21" s="281">
        <v>157</v>
      </c>
      <c r="I21" s="281">
        <v>93</v>
      </c>
      <c r="J21" s="281">
        <v>75</v>
      </c>
      <c r="K21" s="281">
        <v>55</v>
      </c>
      <c r="L21" s="282">
        <v>586</v>
      </c>
      <c r="M21" s="283">
        <v>586</v>
      </c>
      <c r="N21" s="277">
        <v>0</v>
      </c>
      <c r="O21" s="281">
        <v>0</v>
      </c>
      <c r="P21" s="278">
        <v>0</v>
      </c>
      <c r="Q21" s="280">
        <v>0</v>
      </c>
      <c r="R21" s="281">
        <v>6</v>
      </c>
      <c r="S21" s="281">
        <v>4</v>
      </c>
      <c r="T21" s="281">
        <v>12</v>
      </c>
      <c r="U21" s="281">
        <v>19</v>
      </c>
      <c r="V21" s="281">
        <v>28</v>
      </c>
      <c r="W21" s="278">
        <v>69</v>
      </c>
      <c r="X21" s="283">
        <v>69</v>
      </c>
      <c r="Y21" s="277">
        <v>28</v>
      </c>
      <c r="Z21" s="281">
        <v>50</v>
      </c>
      <c r="AA21" s="278">
        <v>78</v>
      </c>
      <c r="AB21" s="280">
        <v>0</v>
      </c>
      <c r="AC21" s="281">
        <v>146</v>
      </c>
      <c r="AD21" s="281">
        <v>144</v>
      </c>
      <c r="AE21" s="281">
        <v>92</v>
      </c>
      <c r="AF21" s="281">
        <v>58</v>
      </c>
      <c r="AG21" s="281">
        <v>67</v>
      </c>
      <c r="AH21" s="278">
        <v>507</v>
      </c>
      <c r="AI21" s="283">
        <v>585</v>
      </c>
      <c r="AJ21" s="277">
        <v>1</v>
      </c>
      <c r="AK21" s="281">
        <v>3</v>
      </c>
      <c r="AL21" s="278">
        <v>4</v>
      </c>
      <c r="AM21" s="280">
        <v>0</v>
      </c>
      <c r="AN21" s="281">
        <v>9</v>
      </c>
      <c r="AO21" s="281">
        <v>7</v>
      </c>
      <c r="AP21" s="281">
        <v>3</v>
      </c>
      <c r="AQ21" s="281">
        <v>2</v>
      </c>
      <c r="AR21" s="281">
        <v>5</v>
      </c>
      <c r="AS21" s="278">
        <v>26</v>
      </c>
      <c r="AT21" s="283">
        <v>30</v>
      </c>
      <c r="AU21" s="277">
        <v>42</v>
      </c>
      <c r="AV21" s="281">
        <v>32</v>
      </c>
      <c r="AW21" s="278">
        <v>74</v>
      </c>
      <c r="AX21" s="280">
        <v>0</v>
      </c>
      <c r="AY21" s="281">
        <v>173</v>
      </c>
      <c r="AZ21" s="281">
        <v>193</v>
      </c>
      <c r="BA21" s="281">
        <v>170</v>
      </c>
      <c r="BB21" s="281">
        <v>149</v>
      </c>
      <c r="BC21" s="281">
        <v>144</v>
      </c>
      <c r="BD21" s="282">
        <v>829</v>
      </c>
      <c r="BE21" s="283">
        <v>903</v>
      </c>
      <c r="BF21" s="277">
        <v>0</v>
      </c>
      <c r="BG21" s="281">
        <v>0</v>
      </c>
      <c r="BH21" s="278">
        <v>0</v>
      </c>
      <c r="BI21" s="280">
        <v>0</v>
      </c>
      <c r="BJ21" s="281">
        <v>264</v>
      </c>
      <c r="BK21" s="281">
        <v>234</v>
      </c>
      <c r="BL21" s="281">
        <v>115</v>
      </c>
      <c r="BM21" s="281">
        <v>58</v>
      </c>
      <c r="BN21" s="281">
        <v>47</v>
      </c>
      <c r="BO21" s="278">
        <v>718</v>
      </c>
      <c r="BP21" s="283">
        <v>718</v>
      </c>
      <c r="BQ21" s="277">
        <v>27</v>
      </c>
      <c r="BR21" s="281">
        <v>49</v>
      </c>
      <c r="BS21" s="278">
        <v>76</v>
      </c>
      <c r="BT21" s="280">
        <v>0</v>
      </c>
      <c r="BU21" s="281">
        <v>115</v>
      </c>
      <c r="BV21" s="281">
        <v>86</v>
      </c>
      <c r="BW21" s="281">
        <v>59</v>
      </c>
      <c r="BX21" s="281">
        <v>28</v>
      </c>
      <c r="BY21" s="281">
        <v>11</v>
      </c>
      <c r="BZ21" s="278">
        <v>299</v>
      </c>
      <c r="CA21" s="283">
        <v>375</v>
      </c>
      <c r="CB21" s="277">
        <v>3</v>
      </c>
      <c r="CC21" s="281">
        <v>1</v>
      </c>
      <c r="CD21" s="278">
        <v>4</v>
      </c>
      <c r="CE21" s="280">
        <v>0</v>
      </c>
      <c r="CF21" s="281">
        <v>22</v>
      </c>
      <c r="CG21" s="281">
        <v>48</v>
      </c>
      <c r="CH21" s="281">
        <v>53</v>
      </c>
      <c r="CI21" s="281">
        <v>22</v>
      </c>
      <c r="CJ21" s="281">
        <v>16</v>
      </c>
      <c r="CK21" s="278">
        <v>161</v>
      </c>
      <c r="CL21" s="283">
        <v>165</v>
      </c>
      <c r="CM21" s="277">
        <v>0</v>
      </c>
      <c r="CN21" s="281">
        <v>0</v>
      </c>
      <c r="CO21" s="278">
        <v>0</v>
      </c>
      <c r="CP21" s="280">
        <v>0</v>
      </c>
      <c r="CQ21" s="281">
        <v>6</v>
      </c>
      <c r="CR21" s="281">
        <v>8</v>
      </c>
      <c r="CS21" s="281">
        <v>10</v>
      </c>
      <c r="CT21" s="281">
        <v>8</v>
      </c>
      <c r="CU21" s="281">
        <v>5</v>
      </c>
      <c r="CV21" s="278">
        <v>37</v>
      </c>
      <c r="CW21" s="283">
        <v>37</v>
      </c>
      <c r="CX21" s="277">
        <v>0</v>
      </c>
      <c r="CY21" s="281">
        <v>0</v>
      </c>
      <c r="CZ21" s="278">
        <v>0</v>
      </c>
      <c r="DA21" s="280">
        <v>0</v>
      </c>
      <c r="DB21" s="281">
        <v>0</v>
      </c>
      <c r="DC21" s="281">
        <v>0</v>
      </c>
      <c r="DD21" s="281">
        <v>0</v>
      </c>
      <c r="DE21" s="281">
        <v>0</v>
      </c>
      <c r="DF21" s="281">
        <v>0</v>
      </c>
      <c r="DG21" s="278">
        <v>0</v>
      </c>
      <c r="DH21" s="283">
        <v>0</v>
      </c>
      <c r="DI21" s="277">
        <v>0</v>
      </c>
      <c r="DJ21" s="281">
        <v>0</v>
      </c>
      <c r="DK21" s="278">
        <v>0</v>
      </c>
      <c r="DL21" s="280">
        <v>0</v>
      </c>
      <c r="DM21" s="281">
        <v>0</v>
      </c>
      <c r="DN21" s="281">
        <v>0</v>
      </c>
      <c r="DO21" s="281">
        <v>0</v>
      </c>
      <c r="DP21" s="281">
        <v>0</v>
      </c>
      <c r="DQ21" s="281">
        <v>0</v>
      </c>
      <c r="DR21" s="278">
        <v>0</v>
      </c>
      <c r="DS21" s="283">
        <v>0</v>
      </c>
      <c r="DT21" s="277">
        <v>105</v>
      </c>
      <c r="DU21" s="281">
        <v>213</v>
      </c>
      <c r="DV21" s="278">
        <v>318</v>
      </c>
      <c r="DW21" s="280">
        <v>0</v>
      </c>
      <c r="DX21" s="281">
        <v>403</v>
      </c>
      <c r="DY21" s="281">
        <v>445</v>
      </c>
      <c r="DZ21" s="281">
        <v>271</v>
      </c>
      <c r="EA21" s="281">
        <v>173</v>
      </c>
      <c r="EB21" s="281">
        <v>137</v>
      </c>
      <c r="EC21" s="278">
        <v>1429</v>
      </c>
      <c r="ED21" s="283">
        <v>1747</v>
      </c>
      <c r="EE21" s="277">
        <v>15</v>
      </c>
      <c r="EF21" s="281">
        <v>13</v>
      </c>
      <c r="EG21" s="278">
        <v>28</v>
      </c>
      <c r="EH21" s="280">
        <v>0</v>
      </c>
      <c r="EI21" s="281">
        <v>68</v>
      </c>
      <c r="EJ21" s="281">
        <v>58</v>
      </c>
      <c r="EK21" s="281">
        <v>47</v>
      </c>
      <c r="EL21" s="281">
        <v>49</v>
      </c>
      <c r="EM21" s="281">
        <v>28</v>
      </c>
      <c r="EN21" s="278">
        <v>250</v>
      </c>
      <c r="EO21" s="283">
        <v>278</v>
      </c>
      <c r="EP21" s="277">
        <v>150</v>
      </c>
      <c r="EQ21" s="281">
        <v>262</v>
      </c>
      <c r="ER21" s="278">
        <v>412</v>
      </c>
      <c r="ES21" s="280">
        <v>0</v>
      </c>
      <c r="ET21" s="281">
        <v>722</v>
      </c>
      <c r="EU21" s="281">
        <v>582</v>
      </c>
      <c r="EV21" s="281">
        <v>311</v>
      </c>
      <c r="EW21" s="281">
        <v>168</v>
      </c>
      <c r="EX21" s="281">
        <v>122</v>
      </c>
      <c r="EY21" s="278">
        <v>1905</v>
      </c>
      <c r="EZ21" s="283">
        <v>2317</v>
      </c>
    </row>
    <row r="22" spans="2:156" ht="19.5" customHeight="1" x14ac:dyDescent="0.2">
      <c r="B22" s="262" t="s">
        <v>20</v>
      </c>
      <c r="C22" s="277">
        <v>0</v>
      </c>
      <c r="D22" s="281">
        <v>0</v>
      </c>
      <c r="E22" s="385">
        <v>0</v>
      </c>
      <c r="F22" s="280">
        <v>0</v>
      </c>
      <c r="G22" s="281">
        <v>258</v>
      </c>
      <c r="H22" s="281">
        <v>166</v>
      </c>
      <c r="I22" s="281">
        <v>138</v>
      </c>
      <c r="J22" s="281">
        <v>88</v>
      </c>
      <c r="K22" s="281">
        <v>58</v>
      </c>
      <c r="L22" s="282">
        <v>708</v>
      </c>
      <c r="M22" s="283">
        <v>708</v>
      </c>
      <c r="N22" s="277">
        <v>0</v>
      </c>
      <c r="O22" s="281">
        <v>0</v>
      </c>
      <c r="P22" s="278">
        <v>0</v>
      </c>
      <c r="Q22" s="280">
        <v>0</v>
      </c>
      <c r="R22" s="281">
        <v>1</v>
      </c>
      <c r="S22" s="281">
        <v>6</v>
      </c>
      <c r="T22" s="281">
        <v>7</v>
      </c>
      <c r="U22" s="281">
        <v>18</v>
      </c>
      <c r="V22" s="281">
        <v>36</v>
      </c>
      <c r="W22" s="278">
        <v>68</v>
      </c>
      <c r="X22" s="283">
        <v>68</v>
      </c>
      <c r="Y22" s="277">
        <v>34</v>
      </c>
      <c r="Z22" s="281">
        <v>82</v>
      </c>
      <c r="AA22" s="278">
        <v>116</v>
      </c>
      <c r="AB22" s="280">
        <v>0</v>
      </c>
      <c r="AC22" s="281">
        <v>230</v>
      </c>
      <c r="AD22" s="281">
        <v>168</v>
      </c>
      <c r="AE22" s="281">
        <v>113</v>
      </c>
      <c r="AF22" s="281">
        <v>81</v>
      </c>
      <c r="AG22" s="281">
        <v>51</v>
      </c>
      <c r="AH22" s="278">
        <v>643</v>
      </c>
      <c r="AI22" s="283">
        <v>759</v>
      </c>
      <c r="AJ22" s="277">
        <v>9</v>
      </c>
      <c r="AK22" s="281">
        <v>31</v>
      </c>
      <c r="AL22" s="278">
        <v>40</v>
      </c>
      <c r="AM22" s="280">
        <v>0</v>
      </c>
      <c r="AN22" s="281">
        <v>56</v>
      </c>
      <c r="AO22" s="281">
        <v>48</v>
      </c>
      <c r="AP22" s="281">
        <v>29</v>
      </c>
      <c r="AQ22" s="281">
        <v>24</v>
      </c>
      <c r="AR22" s="281">
        <v>11</v>
      </c>
      <c r="AS22" s="278">
        <v>168</v>
      </c>
      <c r="AT22" s="283">
        <v>208</v>
      </c>
      <c r="AU22" s="277">
        <v>23</v>
      </c>
      <c r="AV22" s="281">
        <v>46</v>
      </c>
      <c r="AW22" s="278">
        <v>69</v>
      </c>
      <c r="AX22" s="280">
        <v>0</v>
      </c>
      <c r="AY22" s="281">
        <v>234</v>
      </c>
      <c r="AZ22" s="281">
        <v>211</v>
      </c>
      <c r="BA22" s="281">
        <v>207</v>
      </c>
      <c r="BB22" s="281">
        <v>206</v>
      </c>
      <c r="BC22" s="281">
        <v>127</v>
      </c>
      <c r="BD22" s="282">
        <v>985</v>
      </c>
      <c r="BE22" s="283">
        <v>1054</v>
      </c>
      <c r="BF22" s="277">
        <v>0</v>
      </c>
      <c r="BG22" s="281">
        <v>0</v>
      </c>
      <c r="BH22" s="278">
        <v>0</v>
      </c>
      <c r="BI22" s="280">
        <v>0</v>
      </c>
      <c r="BJ22" s="281">
        <v>321</v>
      </c>
      <c r="BK22" s="281">
        <v>197</v>
      </c>
      <c r="BL22" s="281">
        <v>126</v>
      </c>
      <c r="BM22" s="281">
        <v>63</v>
      </c>
      <c r="BN22" s="281">
        <v>30</v>
      </c>
      <c r="BO22" s="278">
        <v>737</v>
      </c>
      <c r="BP22" s="283">
        <v>737</v>
      </c>
      <c r="BQ22" s="277">
        <v>20</v>
      </c>
      <c r="BR22" s="281">
        <v>43</v>
      </c>
      <c r="BS22" s="278">
        <v>63</v>
      </c>
      <c r="BT22" s="280">
        <v>0</v>
      </c>
      <c r="BU22" s="281">
        <v>164</v>
      </c>
      <c r="BV22" s="281">
        <v>112</v>
      </c>
      <c r="BW22" s="281">
        <v>72</v>
      </c>
      <c r="BX22" s="281">
        <v>44</v>
      </c>
      <c r="BY22" s="281">
        <v>13</v>
      </c>
      <c r="BZ22" s="278">
        <v>405</v>
      </c>
      <c r="CA22" s="283">
        <v>468</v>
      </c>
      <c r="CB22" s="277">
        <v>0</v>
      </c>
      <c r="CC22" s="281">
        <v>5</v>
      </c>
      <c r="CD22" s="278">
        <v>5</v>
      </c>
      <c r="CE22" s="280">
        <v>0</v>
      </c>
      <c r="CF22" s="281">
        <v>44</v>
      </c>
      <c r="CG22" s="281">
        <v>45</v>
      </c>
      <c r="CH22" s="281">
        <v>73</v>
      </c>
      <c r="CI22" s="281">
        <v>46</v>
      </c>
      <c r="CJ22" s="281">
        <v>23</v>
      </c>
      <c r="CK22" s="278">
        <v>231</v>
      </c>
      <c r="CL22" s="283">
        <v>236</v>
      </c>
      <c r="CM22" s="277">
        <v>0</v>
      </c>
      <c r="CN22" s="281">
        <v>0</v>
      </c>
      <c r="CO22" s="278">
        <v>0</v>
      </c>
      <c r="CP22" s="280">
        <v>0</v>
      </c>
      <c r="CQ22" s="281">
        <v>2</v>
      </c>
      <c r="CR22" s="281">
        <v>6</v>
      </c>
      <c r="CS22" s="281">
        <v>12</v>
      </c>
      <c r="CT22" s="281">
        <v>9</v>
      </c>
      <c r="CU22" s="281">
        <v>4</v>
      </c>
      <c r="CV22" s="278">
        <v>33</v>
      </c>
      <c r="CW22" s="283">
        <v>33</v>
      </c>
      <c r="CX22" s="277">
        <v>0</v>
      </c>
      <c r="CY22" s="281">
        <v>0</v>
      </c>
      <c r="CZ22" s="278">
        <v>0</v>
      </c>
      <c r="DA22" s="280">
        <v>0</v>
      </c>
      <c r="DB22" s="281">
        <v>0</v>
      </c>
      <c r="DC22" s="281">
        <v>0</v>
      </c>
      <c r="DD22" s="281">
        <v>0</v>
      </c>
      <c r="DE22" s="281">
        <v>0</v>
      </c>
      <c r="DF22" s="281">
        <v>0</v>
      </c>
      <c r="DG22" s="278">
        <v>0</v>
      </c>
      <c r="DH22" s="283">
        <v>0</v>
      </c>
      <c r="DI22" s="277">
        <v>0</v>
      </c>
      <c r="DJ22" s="281">
        <v>0</v>
      </c>
      <c r="DK22" s="278">
        <v>0</v>
      </c>
      <c r="DL22" s="280">
        <v>0</v>
      </c>
      <c r="DM22" s="281">
        <v>0</v>
      </c>
      <c r="DN22" s="281">
        <v>0</v>
      </c>
      <c r="DO22" s="281">
        <v>0</v>
      </c>
      <c r="DP22" s="281">
        <v>0</v>
      </c>
      <c r="DQ22" s="281">
        <v>0</v>
      </c>
      <c r="DR22" s="278">
        <v>0</v>
      </c>
      <c r="DS22" s="283">
        <v>0</v>
      </c>
      <c r="DT22" s="277">
        <v>123</v>
      </c>
      <c r="DU22" s="281">
        <v>298</v>
      </c>
      <c r="DV22" s="278">
        <v>421</v>
      </c>
      <c r="DW22" s="280">
        <v>0</v>
      </c>
      <c r="DX22" s="281">
        <v>543</v>
      </c>
      <c r="DY22" s="281">
        <v>429</v>
      </c>
      <c r="DZ22" s="281">
        <v>309</v>
      </c>
      <c r="EA22" s="281">
        <v>214</v>
      </c>
      <c r="EB22" s="281">
        <v>107</v>
      </c>
      <c r="EC22" s="278">
        <v>1602</v>
      </c>
      <c r="ED22" s="283">
        <v>2023</v>
      </c>
      <c r="EE22" s="277">
        <v>12</v>
      </c>
      <c r="EF22" s="281">
        <v>24</v>
      </c>
      <c r="EG22" s="278">
        <v>36</v>
      </c>
      <c r="EH22" s="280">
        <v>0</v>
      </c>
      <c r="EI22" s="281">
        <v>68</v>
      </c>
      <c r="EJ22" s="281">
        <v>66</v>
      </c>
      <c r="EK22" s="281">
        <v>44</v>
      </c>
      <c r="EL22" s="281">
        <v>73</v>
      </c>
      <c r="EM22" s="281">
        <v>27</v>
      </c>
      <c r="EN22" s="278">
        <v>278</v>
      </c>
      <c r="EO22" s="283">
        <v>314</v>
      </c>
      <c r="EP22" s="277">
        <v>175</v>
      </c>
      <c r="EQ22" s="281">
        <v>389</v>
      </c>
      <c r="ER22" s="278">
        <v>564</v>
      </c>
      <c r="ES22" s="280">
        <v>0</v>
      </c>
      <c r="ET22" s="281">
        <v>984</v>
      </c>
      <c r="EU22" s="281">
        <v>574</v>
      </c>
      <c r="EV22" s="281">
        <v>394</v>
      </c>
      <c r="EW22" s="281">
        <v>233</v>
      </c>
      <c r="EX22" s="281">
        <v>114</v>
      </c>
      <c r="EY22" s="278">
        <v>2299</v>
      </c>
      <c r="EZ22" s="283">
        <v>2863</v>
      </c>
    </row>
    <row r="23" spans="2:156" ht="19.5" customHeight="1" x14ac:dyDescent="0.2">
      <c r="B23" s="262" t="s">
        <v>21</v>
      </c>
      <c r="C23" s="277">
        <v>0</v>
      </c>
      <c r="D23" s="281">
        <v>0</v>
      </c>
      <c r="E23" s="385">
        <v>0</v>
      </c>
      <c r="F23" s="280">
        <v>0</v>
      </c>
      <c r="G23" s="281">
        <v>244</v>
      </c>
      <c r="H23" s="281">
        <v>342</v>
      </c>
      <c r="I23" s="281">
        <v>165</v>
      </c>
      <c r="J23" s="281">
        <v>130</v>
      </c>
      <c r="K23" s="281">
        <v>83</v>
      </c>
      <c r="L23" s="282">
        <v>964</v>
      </c>
      <c r="M23" s="283">
        <v>964</v>
      </c>
      <c r="N23" s="277">
        <v>0</v>
      </c>
      <c r="O23" s="281">
        <v>0</v>
      </c>
      <c r="P23" s="278">
        <v>0</v>
      </c>
      <c r="Q23" s="280">
        <v>0</v>
      </c>
      <c r="R23" s="281">
        <v>2</v>
      </c>
      <c r="S23" s="281">
        <v>4</v>
      </c>
      <c r="T23" s="281">
        <v>13</v>
      </c>
      <c r="U23" s="281">
        <v>29</v>
      </c>
      <c r="V23" s="281">
        <v>41</v>
      </c>
      <c r="W23" s="278">
        <v>89</v>
      </c>
      <c r="X23" s="283">
        <v>89</v>
      </c>
      <c r="Y23" s="277">
        <v>46</v>
      </c>
      <c r="Z23" s="281">
        <v>71</v>
      </c>
      <c r="AA23" s="278">
        <v>117</v>
      </c>
      <c r="AB23" s="280">
        <v>0</v>
      </c>
      <c r="AC23" s="281">
        <v>203</v>
      </c>
      <c r="AD23" s="281">
        <v>248</v>
      </c>
      <c r="AE23" s="281">
        <v>134</v>
      </c>
      <c r="AF23" s="281">
        <v>123</v>
      </c>
      <c r="AG23" s="281">
        <v>75</v>
      </c>
      <c r="AH23" s="278">
        <v>783</v>
      </c>
      <c r="AI23" s="283">
        <v>900</v>
      </c>
      <c r="AJ23" s="277">
        <v>13</v>
      </c>
      <c r="AK23" s="281">
        <v>30</v>
      </c>
      <c r="AL23" s="278">
        <v>43</v>
      </c>
      <c r="AM23" s="280">
        <v>0</v>
      </c>
      <c r="AN23" s="281">
        <v>16</v>
      </c>
      <c r="AO23" s="281">
        <v>37</v>
      </c>
      <c r="AP23" s="281">
        <v>15</v>
      </c>
      <c r="AQ23" s="281">
        <v>15</v>
      </c>
      <c r="AR23" s="281">
        <v>6</v>
      </c>
      <c r="AS23" s="278">
        <v>89</v>
      </c>
      <c r="AT23" s="283">
        <v>132</v>
      </c>
      <c r="AU23" s="277">
        <v>45</v>
      </c>
      <c r="AV23" s="281">
        <v>45</v>
      </c>
      <c r="AW23" s="278">
        <v>90</v>
      </c>
      <c r="AX23" s="280">
        <v>0</v>
      </c>
      <c r="AY23" s="281">
        <v>214</v>
      </c>
      <c r="AZ23" s="281">
        <v>327</v>
      </c>
      <c r="BA23" s="281">
        <v>272</v>
      </c>
      <c r="BB23" s="281">
        <v>230</v>
      </c>
      <c r="BC23" s="281">
        <v>180</v>
      </c>
      <c r="BD23" s="282">
        <v>1223</v>
      </c>
      <c r="BE23" s="283">
        <v>1313</v>
      </c>
      <c r="BF23" s="277">
        <v>0</v>
      </c>
      <c r="BG23" s="281">
        <v>0</v>
      </c>
      <c r="BH23" s="278">
        <v>0</v>
      </c>
      <c r="BI23" s="280">
        <v>0</v>
      </c>
      <c r="BJ23" s="281">
        <v>287</v>
      </c>
      <c r="BK23" s="281">
        <v>337</v>
      </c>
      <c r="BL23" s="281">
        <v>176</v>
      </c>
      <c r="BM23" s="281">
        <v>108</v>
      </c>
      <c r="BN23" s="281">
        <v>40</v>
      </c>
      <c r="BO23" s="278">
        <v>948</v>
      </c>
      <c r="BP23" s="283">
        <v>948</v>
      </c>
      <c r="BQ23" s="277">
        <v>28</v>
      </c>
      <c r="BR23" s="281">
        <v>44</v>
      </c>
      <c r="BS23" s="278">
        <v>72</v>
      </c>
      <c r="BT23" s="280">
        <v>0</v>
      </c>
      <c r="BU23" s="281">
        <v>56</v>
      </c>
      <c r="BV23" s="281">
        <v>71</v>
      </c>
      <c r="BW23" s="281">
        <v>41</v>
      </c>
      <c r="BX23" s="281">
        <v>15</v>
      </c>
      <c r="BY23" s="281">
        <v>15</v>
      </c>
      <c r="BZ23" s="278">
        <v>198</v>
      </c>
      <c r="CA23" s="283">
        <v>270</v>
      </c>
      <c r="CB23" s="277">
        <v>2</v>
      </c>
      <c r="CC23" s="281">
        <v>1</v>
      </c>
      <c r="CD23" s="278">
        <v>3</v>
      </c>
      <c r="CE23" s="280">
        <v>0</v>
      </c>
      <c r="CF23" s="281">
        <v>24</v>
      </c>
      <c r="CG23" s="281">
        <v>54</v>
      </c>
      <c r="CH23" s="281">
        <v>72</v>
      </c>
      <c r="CI23" s="281">
        <v>55</v>
      </c>
      <c r="CJ23" s="281">
        <v>38</v>
      </c>
      <c r="CK23" s="278">
        <v>243</v>
      </c>
      <c r="CL23" s="283">
        <v>246</v>
      </c>
      <c r="CM23" s="277">
        <v>0</v>
      </c>
      <c r="CN23" s="281">
        <v>0</v>
      </c>
      <c r="CO23" s="278">
        <v>0</v>
      </c>
      <c r="CP23" s="280">
        <v>0</v>
      </c>
      <c r="CQ23" s="281">
        <v>1</v>
      </c>
      <c r="CR23" s="281">
        <v>5</v>
      </c>
      <c r="CS23" s="281">
        <v>3</v>
      </c>
      <c r="CT23" s="281">
        <v>2</v>
      </c>
      <c r="CU23" s="281">
        <v>3</v>
      </c>
      <c r="CV23" s="278">
        <v>14</v>
      </c>
      <c r="CW23" s="283">
        <v>14</v>
      </c>
      <c r="CX23" s="277">
        <v>0</v>
      </c>
      <c r="CY23" s="281">
        <v>0</v>
      </c>
      <c r="CZ23" s="278">
        <v>0</v>
      </c>
      <c r="DA23" s="280">
        <v>0</v>
      </c>
      <c r="DB23" s="281">
        <v>0</v>
      </c>
      <c r="DC23" s="281">
        <v>0</v>
      </c>
      <c r="DD23" s="281">
        <v>0</v>
      </c>
      <c r="DE23" s="281">
        <v>0</v>
      </c>
      <c r="DF23" s="281">
        <v>0</v>
      </c>
      <c r="DG23" s="278">
        <v>0</v>
      </c>
      <c r="DH23" s="283">
        <v>0</v>
      </c>
      <c r="DI23" s="277">
        <v>0</v>
      </c>
      <c r="DJ23" s="281">
        <v>0</v>
      </c>
      <c r="DK23" s="278">
        <v>0</v>
      </c>
      <c r="DL23" s="280">
        <v>0</v>
      </c>
      <c r="DM23" s="281">
        <v>0</v>
      </c>
      <c r="DN23" s="281">
        <v>0</v>
      </c>
      <c r="DO23" s="281">
        <v>0</v>
      </c>
      <c r="DP23" s="281">
        <v>0</v>
      </c>
      <c r="DQ23" s="281">
        <v>0</v>
      </c>
      <c r="DR23" s="278">
        <v>0</v>
      </c>
      <c r="DS23" s="283">
        <v>0</v>
      </c>
      <c r="DT23" s="277">
        <v>162</v>
      </c>
      <c r="DU23" s="281">
        <v>326</v>
      </c>
      <c r="DV23" s="278">
        <v>488</v>
      </c>
      <c r="DW23" s="280">
        <v>0</v>
      </c>
      <c r="DX23" s="281">
        <v>353</v>
      </c>
      <c r="DY23" s="281">
        <v>649</v>
      </c>
      <c r="DZ23" s="281">
        <v>354</v>
      </c>
      <c r="EA23" s="281">
        <v>289</v>
      </c>
      <c r="EB23" s="281">
        <v>151</v>
      </c>
      <c r="EC23" s="278">
        <v>1796</v>
      </c>
      <c r="ED23" s="283">
        <v>2284</v>
      </c>
      <c r="EE23" s="277">
        <v>18</v>
      </c>
      <c r="EF23" s="281">
        <v>15</v>
      </c>
      <c r="EG23" s="278">
        <v>33</v>
      </c>
      <c r="EH23" s="280">
        <v>0</v>
      </c>
      <c r="EI23" s="281">
        <v>56</v>
      </c>
      <c r="EJ23" s="281">
        <v>73</v>
      </c>
      <c r="EK23" s="281">
        <v>63</v>
      </c>
      <c r="EL23" s="281">
        <v>41</v>
      </c>
      <c r="EM23" s="281">
        <v>45</v>
      </c>
      <c r="EN23" s="278">
        <v>278</v>
      </c>
      <c r="EO23" s="283">
        <v>311</v>
      </c>
      <c r="EP23" s="277">
        <v>219</v>
      </c>
      <c r="EQ23" s="281">
        <v>394</v>
      </c>
      <c r="ER23" s="278">
        <v>613</v>
      </c>
      <c r="ES23" s="280">
        <v>0</v>
      </c>
      <c r="ET23" s="281">
        <v>769</v>
      </c>
      <c r="EU23" s="281">
        <v>905</v>
      </c>
      <c r="EV23" s="281">
        <v>447</v>
      </c>
      <c r="EW23" s="281">
        <v>315</v>
      </c>
      <c r="EX23" s="281">
        <v>160</v>
      </c>
      <c r="EY23" s="278">
        <v>2596</v>
      </c>
      <c r="EZ23" s="283">
        <v>3209</v>
      </c>
    </row>
    <row r="24" spans="2:156" ht="19.5" customHeight="1" x14ac:dyDescent="0.2">
      <c r="B24" s="262" t="s">
        <v>22</v>
      </c>
      <c r="C24" s="277">
        <v>0</v>
      </c>
      <c r="D24" s="281">
        <v>0</v>
      </c>
      <c r="E24" s="385">
        <v>0</v>
      </c>
      <c r="F24" s="280">
        <v>0</v>
      </c>
      <c r="G24" s="281">
        <v>69</v>
      </c>
      <c r="H24" s="281">
        <v>73</v>
      </c>
      <c r="I24" s="281">
        <v>36</v>
      </c>
      <c r="J24" s="281">
        <v>43</v>
      </c>
      <c r="K24" s="281">
        <v>32</v>
      </c>
      <c r="L24" s="282">
        <v>253</v>
      </c>
      <c r="M24" s="283">
        <v>253</v>
      </c>
      <c r="N24" s="277">
        <v>0</v>
      </c>
      <c r="O24" s="281">
        <v>0</v>
      </c>
      <c r="P24" s="278">
        <v>0</v>
      </c>
      <c r="Q24" s="280">
        <v>0</v>
      </c>
      <c r="R24" s="281">
        <v>1</v>
      </c>
      <c r="S24" s="281">
        <v>1</v>
      </c>
      <c r="T24" s="281">
        <v>5</v>
      </c>
      <c r="U24" s="281">
        <v>10</v>
      </c>
      <c r="V24" s="281">
        <v>21</v>
      </c>
      <c r="W24" s="278">
        <v>38</v>
      </c>
      <c r="X24" s="283">
        <v>38</v>
      </c>
      <c r="Y24" s="277">
        <v>6</v>
      </c>
      <c r="Z24" s="281">
        <v>13</v>
      </c>
      <c r="AA24" s="278">
        <v>19</v>
      </c>
      <c r="AB24" s="280">
        <v>0</v>
      </c>
      <c r="AC24" s="281">
        <v>53</v>
      </c>
      <c r="AD24" s="281">
        <v>77</v>
      </c>
      <c r="AE24" s="281">
        <v>28</v>
      </c>
      <c r="AF24" s="281">
        <v>41</v>
      </c>
      <c r="AG24" s="281">
        <v>32</v>
      </c>
      <c r="AH24" s="278">
        <v>231</v>
      </c>
      <c r="AI24" s="283">
        <v>250</v>
      </c>
      <c r="AJ24" s="277">
        <v>0</v>
      </c>
      <c r="AK24" s="281">
        <v>2</v>
      </c>
      <c r="AL24" s="278">
        <v>2</v>
      </c>
      <c r="AM24" s="280">
        <v>0</v>
      </c>
      <c r="AN24" s="281">
        <v>10</v>
      </c>
      <c r="AO24" s="281">
        <v>13</v>
      </c>
      <c r="AP24" s="281">
        <v>6</v>
      </c>
      <c r="AQ24" s="281">
        <v>3</v>
      </c>
      <c r="AR24" s="281">
        <v>5</v>
      </c>
      <c r="AS24" s="278">
        <v>37</v>
      </c>
      <c r="AT24" s="283">
        <v>39</v>
      </c>
      <c r="AU24" s="277">
        <v>5</v>
      </c>
      <c r="AV24" s="281">
        <v>6</v>
      </c>
      <c r="AW24" s="278">
        <v>11</v>
      </c>
      <c r="AX24" s="280">
        <v>0</v>
      </c>
      <c r="AY24" s="281">
        <v>69</v>
      </c>
      <c r="AZ24" s="281">
        <v>81</v>
      </c>
      <c r="BA24" s="281">
        <v>61</v>
      </c>
      <c r="BB24" s="281">
        <v>63</v>
      </c>
      <c r="BC24" s="281">
        <v>36</v>
      </c>
      <c r="BD24" s="282">
        <v>310</v>
      </c>
      <c r="BE24" s="283">
        <v>321</v>
      </c>
      <c r="BF24" s="277">
        <v>0</v>
      </c>
      <c r="BG24" s="281">
        <v>0</v>
      </c>
      <c r="BH24" s="278">
        <v>0</v>
      </c>
      <c r="BI24" s="280">
        <v>0</v>
      </c>
      <c r="BJ24" s="281">
        <v>120</v>
      </c>
      <c r="BK24" s="281">
        <v>114</v>
      </c>
      <c r="BL24" s="281">
        <v>58</v>
      </c>
      <c r="BM24" s="281">
        <v>29</v>
      </c>
      <c r="BN24" s="281">
        <v>22</v>
      </c>
      <c r="BO24" s="278">
        <v>343</v>
      </c>
      <c r="BP24" s="283">
        <v>343</v>
      </c>
      <c r="BQ24" s="277">
        <v>1</v>
      </c>
      <c r="BR24" s="281">
        <v>9</v>
      </c>
      <c r="BS24" s="278">
        <v>10</v>
      </c>
      <c r="BT24" s="280">
        <v>0</v>
      </c>
      <c r="BU24" s="281">
        <v>19</v>
      </c>
      <c r="BV24" s="281">
        <v>23</v>
      </c>
      <c r="BW24" s="281">
        <v>20</v>
      </c>
      <c r="BX24" s="281">
        <v>15</v>
      </c>
      <c r="BY24" s="281">
        <v>5</v>
      </c>
      <c r="BZ24" s="278">
        <v>82</v>
      </c>
      <c r="CA24" s="283">
        <v>92</v>
      </c>
      <c r="CB24" s="277">
        <v>0</v>
      </c>
      <c r="CC24" s="281">
        <v>1</v>
      </c>
      <c r="CD24" s="278">
        <v>1</v>
      </c>
      <c r="CE24" s="280">
        <v>0</v>
      </c>
      <c r="CF24" s="281">
        <v>16</v>
      </c>
      <c r="CG24" s="281">
        <v>24</v>
      </c>
      <c r="CH24" s="281">
        <v>30</v>
      </c>
      <c r="CI24" s="281">
        <v>20</v>
      </c>
      <c r="CJ24" s="281">
        <v>10</v>
      </c>
      <c r="CK24" s="278">
        <v>100</v>
      </c>
      <c r="CL24" s="283">
        <v>101</v>
      </c>
      <c r="CM24" s="277">
        <v>0</v>
      </c>
      <c r="CN24" s="281">
        <v>1</v>
      </c>
      <c r="CO24" s="278">
        <v>1</v>
      </c>
      <c r="CP24" s="280">
        <v>0</v>
      </c>
      <c r="CQ24" s="281">
        <v>1</v>
      </c>
      <c r="CR24" s="281">
        <v>5</v>
      </c>
      <c r="CS24" s="281">
        <v>4</v>
      </c>
      <c r="CT24" s="281">
        <v>3</v>
      </c>
      <c r="CU24" s="281">
        <v>1</v>
      </c>
      <c r="CV24" s="278">
        <v>14</v>
      </c>
      <c r="CW24" s="283">
        <v>15</v>
      </c>
      <c r="CX24" s="277">
        <v>0</v>
      </c>
      <c r="CY24" s="281">
        <v>0</v>
      </c>
      <c r="CZ24" s="278">
        <v>0</v>
      </c>
      <c r="DA24" s="280">
        <v>0</v>
      </c>
      <c r="DB24" s="281">
        <v>0</v>
      </c>
      <c r="DC24" s="281">
        <v>0</v>
      </c>
      <c r="DD24" s="281">
        <v>0</v>
      </c>
      <c r="DE24" s="281">
        <v>0</v>
      </c>
      <c r="DF24" s="281">
        <v>0</v>
      </c>
      <c r="DG24" s="278">
        <v>0</v>
      </c>
      <c r="DH24" s="283">
        <v>0</v>
      </c>
      <c r="DI24" s="277">
        <v>0</v>
      </c>
      <c r="DJ24" s="281">
        <v>0</v>
      </c>
      <c r="DK24" s="278">
        <v>0</v>
      </c>
      <c r="DL24" s="280">
        <v>0</v>
      </c>
      <c r="DM24" s="281">
        <v>0</v>
      </c>
      <c r="DN24" s="281">
        <v>0</v>
      </c>
      <c r="DO24" s="281">
        <v>0</v>
      </c>
      <c r="DP24" s="281">
        <v>0</v>
      </c>
      <c r="DQ24" s="281">
        <v>0</v>
      </c>
      <c r="DR24" s="278">
        <v>0</v>
      </c>
      <c r="DS24" s="283">
        <v>0</v>
      </c>
      <c r="DT24" s="277">
        <v>44</v>
      </c>
      <c r="DU24" s="281">
        <v>148</v>
      </c>
      <c r="DV24" s="278">
        <v>192</v>
      </c>
      <c r="DW24" s="280">
        <v>0</v>
      </c>
      <c r="DX24" s="281">
        <v>198</v>
      </c>
      <c r="DY24" s="281">
        <v>262</v>
      </c>
      <c r="DZ24" s="281">
        <v>127</v>
      </c>
      <c r="EA24" s="281">
        <v>104</v>
      </c>
      <c r="EB24" s="281">
        <v>66</v>
      </c>
      <c r="EC24" s="278">
        <v>757</v>
      </c>
      <c r="ED24" s="283">
        <v>949</v>
      </c>
      <c r="EE24" s="277">
        <v>6</v>
      </c>
      <c r="EF24" s="281">
        <v>4</v>
      </c>
      <c r="EG24" s="278">
        <v>10</v>
      </c>
      <c r="EH24" s="280">
        <v>0</v>
      </c>
      <c r="EI24" s="281">
        <v>32</v>
      </c>
      <c r="EJ24" s="281">
        <v>25</v>
      </c>
      <c r="EK24" s="281">
        <v>24</v>
      </c>
      <c r="EL24" s="281">
        <v>25</v>
      </c>
      <c r="EM24" s="281">
        <v>9</v>
      </c>
      <c r="EN24" s="278">
        <v>115</v>
      </c>
      <c r="EO24" s="283">
        <v>125</v>
      </c>
      <c r="EP24" s="277">
        <v>49</v>
      </c>
      <c r="EQ24" s="281">
        <v>159</v>
      </c>
      <c r="ER24" s="278">
        <v>208</v>
      </c>
      <c r="ES24" s="280">
        <v>0</v>
      </c>
      <c r="ET24" s="281">
        <v>379</v>
      </c>
      <c r="EU24" s="281">
        <v>337</v>
      </c>
      <c r="EV24" s="281">
        <v>140</v>
      </c>
      <c r="EW24" s="281">
        <v>109</v>
      </c>
      <c r="EX24" s="281">
        <v>70</v>
      </c>
      <c r="EY24" s="278">
        <v>1035</v>
      </c>
      <c r="EZ24" s="283">
        <v>1243</v>
      </c>
    </row>
    <row r="25" spans="2:156" ht="19.5" customHeight="1" x14ac:dyDescent="0.2">
      <c r="B25" s="262" t="s">
        <v>23</v>
      </c>
      <c r="C25" s="277">
        <v>0</v>
      </c>
      <c r="D25" s="281">
        <v>0</v>
      </c>
      <c r="E25" s="385">
        <v>0</v>
      </c>
      <c r="F25" s="280">
        <v>0</v>
      </c>
      <c r="G25" s="281">
        <v>142</v>
      </c>
      <c r="H25" s="281">
        <v>138</v>
      </c>
      <c r="I25" s="281">
        <v>75</v>
      </c>
      <c r="J25" s="281">
        <v>55</v>
      </c>
      <c r="K25" s="281">
        <v>38</v>
      </c>
      <c r="L25" s="282">
        <v>448</v>
      </c>
      <c r="M25" s="283">
        <v>448</v>
      </c>
      <c r="N25" s="277">
        <v>0</v>
      </c>
      <c r="O25" s="281">
        <v>0</v>
      </c>
      <c r="P25" s="278">
        <v>0</v>
      </c>
      <c r="Q25" s="280">
        <v>0</v>
      </c>
      <c r="R25" s="281">
        <v>0</v>
      </c>
      <c r="S25" s="281">
        <v>3</v>
      </c>
      <c r="T25" s="281">
        <v>5</v>
      </c>
      <c r="U25" s="281">
        <v>14</v>
      </c>
      <c r="V25" s="281">
        <v>20</v>
      </c>
      <c r="W25" s="278">
        <v>42</v>
      </c>
      <c r="X25" s="283">
        <v>42</v>
      </c>
      <c r="Y25" s="277">
        <v>27</v>
      </c>
      <c r="Z25" s="281">
        <v>47</v>
      </c>
      <c r="AA25" s="278">
        <v>74</v>
      </c>
      <c r="AB25" s="280">
        <v>0</v>
      </c>
      <c r="AC25" s="281">
        <v>95</v>
      </c>
      <c r="AD25" s="281">
        <v>134</v>
      </c>
      <c r="AE25" s="281">
        <v>62</v>
      </c>
      <c r="AF25" s="281">
        <v>69</v>
      </c>
      <c r="AG25" s="281">
        <v>39</v>
      </c>
      <c r="AH25" s="278">
        <v>399</v>
      </c>
      <c r="AI25" s="283">
        <v>473</v>
      </c>
      <c r="AJ25" s="277">
        <v>2</v>
      </c>
      <c r="AK25" s="281">
        <v>8</v>
      </c>
      <c r="AL25" s="278">
        <v>10</v>
      </c>
      <c r="AM25" s="280">
        <v>0</v>
      </c>
      <c r="AN25" s="281">
        <v>7</v>
      </c>
      <c r="AO25" s="281">
        <v>22</v>
      </c>
      <c r="AP25" s="281">
        <v>7</v>
      </c>
      <c r="AQ25" s="281">
        <v>7</v>
      </c>
      <c r="AR25" s="281">
        <v>3</v>
      </c>
      <c r="AS25" s="278">
        <v>46</v>
      </c>
      <c r="AT25" s="283">
        <v>56</v>
      </c>
      <c r="AU25" s="277">
        <v>17</v>
      </c>
      <c r="AV25" s="281">
        <v>13</v>
      </c>
      <c r="AW25" s="278">
        <v>30</v>
      </c>
      <c r="AX25" s="280">
        <v>0</v>
      </c>
      <c r="AY25" s="281">
        <v>150</v>
      </c>
      <c r="AZ25" s="281">
        <v>148</v>
      </c>
      <c r="BA25" s="281">
        <v>140</v>
      </c>
      <c r="BB25" s="281">
        <v>145</v>
      </c>
      <c r="BC25" s="281">
        <v>103</v>
      </c>
      <c r="BD25" s="282">
        <v>686</v>
      </c>
      <c r="BE25" s="283">
        <v>716</v>
      </c>
      <c r="BF25" s="277">
        <v>0</v>
      </c>
      <c r="BG25" s="281">
        <v>0</v>
      </c>
      <c r="BH25" s="278">
        <v>0</v>
      </c>
      <c r="BI25" s="280">
        <v>0</v>
      </c>
      <c r="BJ25" s="281">
        <v>279</v>
      </c>
      <c r="BK25" s="281">
        <v>245</v>
      </c>
      <c r="BL25" s="281">
        <v>121</v>
      </c>
      <c r="BM25" s="281">
        <v>75</v>
      </c>
      <c r="BN25" s="281">
        <v>33</v>
      </c>
      <c r="BO25" s="278">
        <v>753</v>
      </c>
      <c r="BP25" s="283">
        <v>753</v>
      </c>
      <c r="BQ25" s="277">
        <v>4</v>
      </c>
      <c r="BR25" s="281">
        <v>8</v>
      </c>
      <c r="BS25" s="278">
        <v>12</v>
      </c>
      <c r="BT25" s="280">
        <v>0</v>
      </c>
      <c r="BU25" s="281">
        <v>39</v>
      </c>
      <c r="BV25" s="281">
        <v>53</v>
      </c>
      <c r="BW25" s="281">
        <v>32</v>
      </c>
      <c r="BX25" s="281">
        <v>22</v>
      </c>
      <c r="BY25" s="281">
        <v>5</v>
      </c>
      <c r="BZ25" s="278">
        <v>151</v>
      </c>
      <c r="CA25" s="283">
        <v>163</v>
      </c>
      <c r="CB25" s="277">
        <v>1</v>
      </c>
      <c r="CC25" s="281">
        <v>2</v>
      </c>
      <c r="CD25" s="278">
        <v>3</v>
      </c>
      <c r="CE25" s="280">
        <v>0</v>
      </c>
      <c r="CF25" s="281">
        <v>19</v>
      </c>
      <c r="CG25" s="281">
        <v>42</v>
      </c>
      <c r="CH25" s="281">
        <v>48</v>
      </c>
      <c r="CI25" s="281">
        <v>29</v>
      </c>
      <c r="CJ25" s="281">
        <v>11</v>
      </c>
      <c r="CK25" s="278">
        <v>149</v>
      </c>
      <c r="CL25" s="283">
        <v>152</v>
      </c>
      <c r="CM25" s="277">
        <v>0</v>
      </c>
      <c r="CN25" s="281">
        <v>0</v>
      </c>
      <c r="CO25" s="278">
        <v>0</v>
      </c>
      <c r="CP25" s="280">
        <v>0</v>
      </c>
      <c r="CQ25" s="281">
        <v>2</v>
      </c>
      <c r="CR25" s="281">
        <v>2</v>
      </c>
      <c r="CS25" s="281">
        <v>4</v>
      </c>
      <c r="CT25" s="281">
        <v>4</v>
      </c>
      <c r="CU25" s="281">
        <v>4</v>
      </c>
      <c r="CV25" s="278">
        <v>16</v>
      </c>
      <c r="CW25" s="283">
        <v>16</v>
      </c>
      <c r="CX25" s="277">
        <v>0</v>
      </c>
      <c r="CY25" s="281">
        <v>0</v>
      </c>
      <c r="CZ25" s="278">
        <v>0</v>
      </c>
      <c r="DA25" s="280">
        <v>0</v>
      </c>
      <c r="DB25" s="281">
        <v>0</v>
      </c>
      <c r="DC25" s="281">
        <v>0</v>
      </c>
      <c r="DD25" s="281">
        <v>0</v>
      </c>
      <c r="DE25" s="281">
        <v>0</v>
      </c>
      <c r="DF25" s="281">
        <v>0</v>
      </c>
      <c r="DG25" s="278">
        <v>0</v>
      </c>
      <c r="DH25" s="283">
        <v>0</v>
      </c>
      <c r="DI25" s="277">
        <v>0</v>
      </c>
      <c r="DJ25" s="281">
        <v>0</v>
      </c>
      <c r="DK25" s="278">
        <v>0</v>
      </c>
      <c r="DL25" s="280">
        <v>0</v>
      </c>
      <c r="DM25" s="281">
        <v>0</v>
      </c>
      <c r="DN25" s="281">
        <v>0</v>
      </c>
      <c r="DO25" s="281">
        <v>0</v>
      </c>
      <c r="DP25" s="281">
        <v>0</v>
      </c>
      <c r="DQ25" s="281">
        <v>0</v>
      </c>
      <c r="DR25" s="278">
        <v>0</v>
      </c>
      <c r="DS25" s="283">
        <v>0</v>
      </c>
      <c r="DT25" s="277">
        <v>91</v>
      </c>
      <c r="DU25" s="281">
        <v>202</v>
      </c>
      <c r="DV25" s="278">
        <v>293</v>
      </c>
      <c r="DW25" s="280">
        <v>0</v>
      </c>
      <c r="DX25" s="281">
        <v>248</v>
      </c>
      <c r="DY25" s="281">
        <v>374</v>
      </c>
      <c r="DZ25" s="281">
        <v>197</v>
      </c>
      <c r="EA25" s="281">
        <v>178</v>
      </c>
      <c r="EB25" s="281">
        <v>83</v>
      </c>
      <c r="EC25" s="278">
        <v>1080</v>
      </c>
      <c r="ED25" s="283">
        <v>1373</v>
      </c>
      <c r="EE25" s="277">
        <v>7</v>
      </c>
      <c r="EF25" s="281">
        <v>5</v>
      </c>
      <c r="EG25" s="278">
        <v>12</v>
      </c>
      <c r="EH25" s="280">
        <v>0</v>
      </c>
      <c r="EI25" s="281">
        <v>50</v>
      </c>
      <c r="EJ25" s="281">
        <v>43</v>
      </c>
      <c r="EK25" s="281">
        <v>45</v>
      </c>
      <c r="EL25" s="281">
        <v>46</v>
      </c>
      <c r="EM25" s="281">
        <v>38</v>
      </c>
      <c r="EN25" s="278">
        <v>222</v>
      </c>
      <c r="EO25" s="283">
        <v>234</v>
      </c>
      <c r="EP25" s="277">
        <v>119</v>
      </c>
      <c r="EQ25" s="281">
        <v>244</v>
      </c>
      <c r="ER25" s="278">
        <v>363</v>
      </c>
      <c r="ES25" s="280">
        <v>0</v>
      </c>
      <c r="ET25" s="281">
        <v>527</v>
      </c>
      <c r="EU25" s="281">
        <v>502</v>
      </c>
      <c r="EV25" s="281">
        <v>254</v>
      </c>
      <c r="EW25" s="281">
        <v>197</v>
      </c>
      <c r="EX25" s="281">
        <v>86</v>
      </c>
      <c r="EY25" s="278">
        <v>1566</v>
      </c>
      <c r="EZ25" s="283">
        <v>1929</v>
      </c>
    </row>
    <row r="26" spans="2:156" ht="19.5" customHeight="1" x14ac:dyDescent="0.2">
      <c r="B26" s="262" t="s">
        <v>24</v>
      </c>
      <c r="C26" s="277">
        <v>0</v>
      </c>
      <c r="D26" s="281">
        <v>0</v>
      </c>
      <c r="E26" s="385">
        <v>0</v>
      </c>
      <c r="F26" s="280">
        <v>0</v>
      </c>
      <c r="G26" s="281">
        <v>78</v>
      </c>
      <c r="H26" s="281">
        <v>53</v>
      </c>
      <c r="I26" s="281">
        <v>37</v>
      </c>
      <c r="J26" s="281">
        <v>41</v>
      </c>
      <c r="K26" s="281">
        <v>37</v>
      </c>
      <c r="L26" s="282">
        <v>246</v>
      </c>
      <c r="M26" s="283">
        <v>246</v>
      </c>
      <c r="N26" s="277">
        <v>0</v>
      </c>
      <c r="O26" s="281">
        <v>0</v>
      </c>
      <c r="P26" s="278">
        <v>0</v>
      </c>
      <c r="Q26" s="280">
        <v>0</v>
      </c>
      <c r="R26" s="281">
        <v>0</v>
      </c>
      <c r="S26" s="281">
        <v>1</v>
      </c>
      <c r="T26" s="281">
        <v>4</v>
      </c>
      <c r="U26" s="281">
        <v>9</v>
      </c>
      <c r="V26" s="281">
        <v>28</v>
      </c>
      <c r="W26" s="278">
        <v>42</v>
      </c>
      <c r="X26" s="283">
        <v>42</v>
      </c>
      <c r="Y26" s="277">
        <v>11</v>
      </c>
      <c r="Z26" s="281">
        <v>17</v>
      </c>
      <c r="AA26" s="278">
        <v>28</v>
      </c>
      <c r="AB26" s="280">
        <v>0</v>
      </c>
      <c r="AC26" s="281">
        <v>65</v>
      </c>
      <c r="AD26" s="281">
        <v>51</v>
      </c>
      <c r="AE26" s="281">
        <v>42</v>
      </c>
      <c r="AF26" s="281">
        <v>32</v>
      </c>
      <c r="AG26" s="281">
        <v>35</v>
      </c>
      <c r="AH26" s="278">
        <v>225</v>
      </c>
      <c r="AI26" s="283">
        <v>253</v>
      </c>
      <c r="AJ26" s="277">
        <v>0</v>
      </c>
      <c r="AK26" s="281">
        <v>2</v>
      </c>
      <c r="AL26" s="278">
        <v>2</v>
      </c>
      <c r="AM26" s="280">
        <v>0</v>
      </c>
      <c r="AN26" s="281">
        <v>4</v>
      </c>
      <c r="AO26" s="281">
        <v>6</v>
      </c>
      <c r="AP26" s="281">
        <v>2</v>
      </c>
      <c r="AQ26" s="281">
        <v>5</v>
      </c>
      <c r="AR26" s="281">
        <v>7</v>
      </c>
      <c r="AS26" s="278">
        <v>24</v>
      </c>
      <c r="AT26" s="283">
        <v>26</v>
      </c>
      <c r="AU26" s="277">
        <v>18</v>
      </c>
      <c r="AV26" s="281">
        <v>18</v>
      </c>
      <c r="AW26" s="278">
        <v>36</v>
      </c>
      <c r="AX26" s="280">
        <v>0</v>
      </c>
      <c r="AY26" s="281">
        <v>83</v>
      </c>
      <c r="AZ26" s="281">
        <v>75</v>
      </c>
      <c r="BA26" s="281">
        <v>83</v>
      </c>
      <c r="BB26" s="281">
        <v>83</v>
      </c>
      <c r="BC26" s="281">
        <v>62</v>
      </c>
      <c r="BD26" s="282">
        <v>386</v>
      </c>
      <c r="BE26" s="283">
        <v>422</v>
      </c>
      <c r="BF26" s="277">
        <v>0</v>
      </c>
      <c r="BG26" s="281">
        <v>0</v>
      </c>
      <c r="BH26" s="278">
        <v>0</v>
      </c>
      <c r="BI26" s="280">
        <v>0</v>
      </c>
      <c r="BJ26" s="281">
        <v>107</v>
      </c>
      <c r="BK26" s="281">
        <v>73</v>
      </c>
      <c r="BL26" s="281">
        <v>40</v>
      </c>
      <c r="BM26" s="281">
        <v>24</v>
      </c>
      <c r="BN26" s="281">
        <v>11</v>
      </c>
      <c r="BO26" s="278">
        <v>255</v>
      </c>
      <c r="BP26" s="283">
        <v>255</v>
      </c>
      <c r="BQ26" s="277">
        <v>12</v>
      </c>
      <c r="BR26" s="281">
        <v>15</v>
      </c>
      <c r="BS26" s="278">
        <v>27</v>
      </c>
      <c r="BT26" s="280">
        <v>0</v>
      </c>
      <c r="BU26" s="281">
        <v>39</v>
      </c>
      <c r="BV26" s="281">
        <v>33</v>
      </c>
      <c r="BW26" s="281">
        <v>18</v>
      </c>
      <c r="BX26" s="281">
        <v>11</v>
      </c>
      <c r="BY26" s="281">
        <v>14</v>
      </c>
      <c r="BZ26" s="278">
        <v>115</v>
      </c>
      <c r="CA26" s="283">
        <v>142</v>
      </c>
      <c r="CB26" s="277">
        <v>1</v>
      </c>
      <c r="CC26" s="281">
        <v>2</v>
      </c>
      <c r="CD26" s="278">
        <v>3</v>
      </c>
      <c r="CE26" s="280">
        <v>0</v>
      </c>
      <c r="CF26" s="281">
        <v>19</v>
      </c>
      <c r="CG26" s="281">
        <v>22</v>
      </c>
      <c r="CH26" s="281">
        <v>18</v>
      </c>
      <c r="CI26" s="281">
        <v>20</v>
      </c>
      <c r="CJ26" s="281">
        <v>17</v>
      </c>
      <c r="CK26" s="278">
        <v>96</v>
      </c>
      <c r="CL26" s="283">
        <v>99</v>
      </c>
      <c r="CM26" s="277">
        <v>0</v>
      </c>
      <c r="CN26" s="281">
        <v>0</v>
      </c>
      <c r="CO26" s="278">
        <v>0</v>
      </c>
      <c r="CP26" s="280">
        <v>0</v>
      </c>
      <c r="CQ26" s="281">
        <v>2</v>
      </c>
      <c r="CR26" s="281">
        <v>1</v>
      </c>
      <c r="CS26" s="281">
        <v>3</v>
      </c>
      <c r="CT26" s="281">
        <v>2</v>
      </c>
      <c r="CU26" s="281">
        <v>0</v>
      </c>
      <c r="CV26" s="278">
        <v>8</v>
      </c>
      <c r="CW26" s="283">
        <v>8</v>
      </c>
      <c r="CX26" s="277">
        <v>0</v>
      </c>
      <c r="CY26" s="281">
        <v>0</v>
      </c>
      <c r="CZ26" s="278">
        <v>0</v>
      </c>
      <c r="DA26" s="280">
        <v>0</v>
      </c>
      <c r="DB26" s="281">
        <v>0</v>
      </c>
      <c r="DC26" s="281">
        <v>0</v>
      </c>
      <c r="DD26" s="281">
        <v>0</v>
      </c>
      <c r="DE26" s="281">
        <v>0</v>
      </c>
      <c r="DF26" s="281">
        <v>0</v>
      </c>
      <c r="DG26" s="278">
        <v>0</v>
      </c>
      <c r="DH26" s="283">
        <v>0</v>
      </c>
      <c r="DI26" s="277">
        <v>0</v>
      </c>
      <c r="DJ26" s="281">
        <v>0</v>
      </c>
      <c r="DK26" s="278">
        <v>0</v>
      </c>
      <c r="DL26" s="280">
        <v>0</v>
      </c>
      <c r="DM26" s="281">
        <v>0</v>
      </c>
      <c r="DN26" s="281">
        <v>0</v>
      </c>
      <c r="DO26" s="281">
        <v>0</v>
      </c>
      <c r="DP26" s="281">
        <v>0</v>
      </c>
      <c r="DQ26" s="281">
        <v>0</v>
      </c>
      <c r="DR26" s="278">
        <v>0</v>
      </c>
      <c r="DS26" s="283">
        <v>0</v>
      </c>
      <c r="DT26" s="277">
        <v>77</v>
      </c>
      <c r="DU26" s="281">
        <v>73</v>
      </c>
      <c r="DV26" s="278">
        <v>150</v>
      </c>
      <c r="DW26" s="280">
        <v>0</v>
      </c>
      <c r="DX26" s="281">
        <v>154</v>
      </c>
      <c r="DY26" s="281">
        <v>158</v>
      </c>
      <c r="DZ26" s="281">
        <v>101</v>
      </c>
      <c r="EA26" s="281">
        <v>76</v>
      </c>
      <c r="EB26" s="281">
        <v>63</v>
      </c>
      <c r="EC26" s="278">
        <v>552</v>
      </c>
      <c r="ED26" s="283">
        <v>702</v>
      </c>
      <c r="EE26" s="277">
        <v>13</v>
      </c>
      <c r="EF26" s="281">
        <v>8</v>
      </c>
      <c r="EG26" s="278">
        <v>21</v>
      </c>
      <c r="EH26" s="280">
        <v>0</v>
      </c>
      <c r="EI26" s="281">
        <v>34</v>
      </c>
      <c r="EJ26" s="281">
        <v>28</v>
      </c>
      <c r="EK26" s="281">
        <v>29</v>
      </c>
      <c r="EL26" s="281">
        <v>30</v>
      </c>
      <c r="EM26" s="281">
        <v>22</v>
      </c>
      <c r="EN26" s="278">
        <v>143</v>
      </c>
      <c r="EO26" s="283">
        <v>164</v>
      </c>
      <c r="EP26" s="277">
        <v>95</v>
      </c>
      <c r="EQ26" s="281">
        <v>91</v>
      </c>
      <c r="ER26" s="278">
        <v>186</v>
      </c>
      <c r="ES26" s="280">
        <v>0</v>
      </c>
      <c r="ET26" s="281">
        <v>291</v>
      </c>
      <c r="EU26" s="281">
        <v>202</v>
      </c>
      <c r="EV26" s="281">
        <v>121</v>
      </c>
      <c r="EW26" s="281">
        <v>81</v>
      </c>
      <c r="EX26" s="281">
        <v>70</v>
      </c>
      <c r="EY26" s="278">
        <v>765</v>
      </c>
      <c r="EZ26" s="283">
        <v>951</v>
      </c>
    </row>
    <row r="27" spans="2:156" ht="19.5" customHeight="1" x14ac:dyDescent="0.2">
      <c r="B27" s="262" t="s">
        <v>25</v>
      </c>
      <c r="C27" s="277">
        <v>0</v>
      </c>
      <c r="D27" s="281">
        <v>0</v>
      </c>
      <c r="E27" s="385">
        <v>0</v>
      </c>
      <c r="F27" s="280">
        <v>0</v>
      </c>
      <c r="G27" s="281">
        <v>100</v>
      </c>
      <c r="H27" s="281">
        <v>69</v>
      </c>
      <c r="I27" s="281">
        <v>40</v>
      </c>
      <c r="J27" s="281">
        <v>41</v>
      </c>
      <c r="K27" s="281">
        <v>35</v>
      </c>
      <c r="L27" s="282">
        <v>285</v>
      </c>
      <c r="M27" s="283">
        <v>285</v>
      </c>
      <c r="N27" s="277">
        <v>0</v>
      </c>
      <c r="O27" s="281">
        <v>0</v>
      </c>
      <c r="P27" s="278">
        <v>0</v>
      </c>
      <c r="Q27" s="280">
        <v>0</v>
      </c>
      <c r="R27" s="281">
        <v>2</v>
      </c>
      <c r="S27" s="281">
        <v>7</v>
      </c>
      <c r="T27" s="281">
        <v>6</v>
      </c>
      <c r="U27" s="281">
        <v>15</v>
      </c>
      <c r="V27" s="281">
        <v>23</v>
      </c>
      <c r="W27" s="278">
        <v>53</v>
      </c>
      <c r="X27" s="283">
        <v>53</v>
      </c>
      <c r="Y27" s="277">
        <v>15</v>
      </c>
      <c r="Z27" s="281">
        <v>32</v>
      </c>
      <c r="AA27" s="278">
        <v>47</v>
      </c>
      <c r="AB27" s="280">
        <v>0</v>
      </c>
      <c r="AC27" s="281">
        <v>75</v>
      </c>
      <c r="AD27" s="281">
        <v>59</v>
      </c>
      <c r="AE27" s="281">
        <v>47</v>
      </c>
      <c r="AF27" s="281">
        <v>40</v>
      </c>
      <c r="AG27" s="281">
        <v>26</v>
      </c>
      <c r="AH27" s="278">
        <v>247</v>
      </c>
      <c r="AI27" s="283">
        <v>294</v>
      </c>
      <c r="AJ27" s="277">
        <v>2</v>
      </c>
      <c r="AK27" s="281">
        <v>3</v>
      </c>
      <c r="AL27" s="278">
        <v>5</v>
      </c>
      <c r="AM27" s="280">
        <v>0</v>
      </c>
      <c r="AN27" s="281">
        <v>3</v>
      </c>
      <c r="AO27" s="281">
        <v>11</v>
      </c>
      <c r="AP27" s="281">
        <v>7</v>
      </c>
      <c r="AQ27" s="281">
        <v>4</v>
      </c>
      <c r="AR27" s="281">
        <v>5</v>
      </c>
      <c r="AS27" s="278">
        <v>30</v>
      </c>
      <c r="AT27" s="283">
        <v>35</v>
      </c>
      <c r="AU27" s="277">
        <v>7</v>
      </c>
      <c r="AV27" s="281">
        <v>13</v>
      </c>
      <c r="AW27" s="278">
        <v>20</v>
      </c>
      <c r="AX27" s="280">
        <v>0</v>
      </c>
      <c r="AY27" s="281">
        <v>73</v>
      </c>
      <c r="AZ27" s="281">
        <v>72</v>
      </c>
      <c r="BA27" s="281">
        <v>42</v>
      </c>
      <c r="BB27" s="281">
        <v>79</v>
      </c>
      <c r="BC27" s="281">
        <v>52</v>
      </c>
      <c r="BD27" s="282">
        <v>318</v>
      </c>
      <c r="BE27" s="283">
        <v>338</v>
      </c>
      <c r="BF27" s="277">
        <v>0</v>
      </c>
      <c r="BG27" s="281">
        <v>0</v>
      </c>
      <c r="BH27" s="278">
        <v>0</v>
      </c>
      <c r="BI27" s="280">
        <v>0</v>
      </c>
      <c r="BJ27" s="281">
        <v>144</v>
      </c>
      <c r="BK27" s="281">
        <v>80</v>
      </c>
      <c r="BL27" s="281">
        <v>48</v>
      </c>
      <c r="BM27" s="281">
        <v>35</v>
      </c>
      <c r="BN27" s="281">
        <v>8</v>
      </c>
      <c r="BO27" s="278">
        <v>315</v>
      </c>
      <c r="BP27" s="283">
        <v>315</v>
      </c>
      <c r="BQ27" s="277">
        <v>8</v>
      </c>
      <c r="BR27" s="281">
        <v>15</v>
      </c>
      <c r="BS27" s="278">
        <v>23</v>
      </c>
      <c r="BT27" s="280">
        <v>0</v>
      </c>
      <c r="BU27" s="281">
        <v>46</v>
      </c>
      <c r="BV27" s="281">
        <v>54</v>
      </c>
      <c r="BW27" s="281">
        <v>23</v>
      </c>
      <c r="BX27" s="281">
        <v>15</v>
      </c>
      <c r="BY27" s="281">
        <v>5</v>
      </c>
      <c r="BZ27" s="278">
        <v>143</v>
      </c>
      <c r="CA27" s="283">
        <v>166</v>
      </c>
      <c r="CB27" s="277">
        <v>0</v>
      </c>
      <c r="CC27" s="281">
        <v>3</v>
      </c>
      <c r="CD27" s="278">
        <v>3</v>
      </c>
      <c r="CE27" s="280">
        <v>0</v>
      </c>
      <c r="CF27" s="281">
        <v>13</v>
      </c>
      <c r="CG27" s="281">
        <v>29</v>
      </c>
      <c r="CH27" s="281">
        <v>18</v>
      </c>
      <c r="CI27" s="281">
        <v>10</v>
      </c>
      <c r="CJ27" s="281">
        <v>5</v>
      </c>
      <c r="CK27" s="278">
        <v>75</v>
      </c>
      <c r="CL27" s="283">
        <v>78</v>
      </c>
      <c r="CM27" s="277">
        <v>0</v>
      </c>
      <c r="CN27" s="281">
        <v>0</v>
      </c>
      <c r="CO27" s="278">
        <v>0</v>
      </c>
      <c r="CP27" s="280">
        <v>0</v>
      </c>
      <c r="CQ27" s="281">
        <v>5</v>
      </c>
      <c r="CR27" s="281">
        <v>2</v>
      </c>
      <c r="CS27" s="281">
        <v>7</v>
      </c>
      <c r="CT27" s="281">
        <v>4</v>
      </c>
      <c r="CU27" s="281">
        <v>2</v>
      </c>
      <c r="CV27" s="278">
        <v>20</v>
      </c>
      <c r="CW27" s="283">
        <v>20</v>
      </c>
      <c r="CX27" s="277">
        <v>0</v>
      </c>
      <c r="CY27" s="281">
        <v>0</v>
      </c>
      <c r="CZ27" s="278">
        <v>0</v>
      </c>
      <c r="DA27" s="280">
        <v>0</v>
      </c>
      <c r="DB27" s="281">
        <v>0</v>
      </c>
      <c r="DC27" s="281">
        <v>0</v>
      </c>
      <c r="DD27" s="281">
        <v>0</v>
      </c>
      <c r="DE27" s="281">
        <v>0</v>
      </c>
      <c r="DF27" s="281">
        <v>0</v>
      </c>
      <c r="DG27" s="278">
        <v>0</v>
      </c>
      <c r="DH27" s="283">
        <v>0</v>
      </c>
      <c r="DI27" s="277">
        <v>0</v>
      </c>
      <c r="DJ27" s="281">
        <v>0</v>
      </c>
      <c r="DK27" s="278">
        <v>0</v>
      </c>
      <c r="DL27" s="280">
        <v>0</v>
      </c>
      <c r="DM27" s="281">
        <v>0</v>
      </c>
      <c r="DN27" s="281">
        <v>0</v>
      </c>
      <c r="DO27" s="281">
        <v>0</v>
      </c>
      <c r="DP27" s="281">
        <v>0</v>
      </c>
      <c r="DQ27" s="281">
        <v>0</v>
      </c>
      <c r="DR27" s="278">
        <v>0</v>
      </c>
      <c r="DS27" s="283">
        <v>0</v>
      </c>
      <c r="DT27" s="277">
        <v>72</v>
      </c>
      <c r="DU27" s="281">
        <v>119</v>
      </c>
      <c r="DV27" s="278">
        <v>191</v>
      </c>
      <c r="DW27" s="280">
        <v>0</v>
      </c>
      <c r="DX27" s="281">
        <v>137</v>
      </c>
      <c r="DY27" s="281">
        <v>187</v>
      </c>
      <c r="DZ27" s="281">
        <v>111</v>
      </c>
      <c r="EA27" s="281">
        <v>105</v>
      </c>
      <c r="EB27" s="281">
        <v>53</v>
      </c>
      <c r="EC27" s="278">
        <v>593</v>
      </c>
      <c r="ED27" s="283">
        <v>784</v>
      </c>
      <c r="EE27" s="277">
        <v>3</v>
      </c>
      <c r="EF27" s="281">
        <v>2</v>
      </c>
      <c r="EG27" s="278">
        <v>5</v>
      </c>
      <c r="EH27" s="280">
        <v>0</v>
      </c>
      <c r="EI27" s="281">
        <v>21</v>
      </c>
      <c r="EJ27" s="281">
        <v>17</v>
      </c>
      <c r="EK27" s="281">
        <v>6</v>
      </c>
      <c r="EL27" s="281">
        <v>22</v>
      </c>
      <c r="EM27" s="281">
        <v>13</v>
      </c>
      <c r="EN27" s="278">
        <v>79</v>
      </c>
      <c r="EO27" s="283">
        <v>84</v>
      </c>
      <c r="EP27" s="277">
        <v>87</v>
      </c>
      <c r="EQ27" s="281">
        <v>141</v>
      </c>
      <c r="ER27" s="278">
        <v>228</v>
      </c>
      <c r="ES27" s="280">
        <v>0</v>
      </c>
      <c r="ET27" s="281">
        <v>345</v>
      </c>
      <c r="EU27" s="281">
        <v>241</v>
      </c>
      <c r="EV27" s="281">
        <v>122</v>
      </c>
      <c r="EW27" s="281">
        <v>108</v>
      </c>
      <c r="EX27" s="281">
        <v>59</v>
      </c>
      <c r="EY27" s="278">
        <v>875</v>
      </c>
      <c r="EZ27" s="283">
        <v>1103</v>
      </c>
    </row>
    <row r="28" spans="2:156" ht="19.5" customHeight="1" x14ac:dyDescent="0.2">
      <c r="B28" s="262" t="s">
        <v>26</v>
      </c>
      <c r="C28" s="277">
        <v>0</v>
      </c>
      <c r="D28" s="281">
        <v>0</v>
      </c>
      <c r="E28" s="385">
        <v>0</v>
      </c>
      <c r="F28" s="280">
        <v>0</v>
      </c>
      <c r="G28" s="281">
        <v>81</v>
      </c>
      <c r="H28" s="281">
        <v>73</v>
      </c>
      <c r="I28" s="281">
        <v>48</v>
      </c>
      <c r="J28" s="281">
        <v>42</v>
      </c>
      <c r="K28" s="281">
        <v>43</v>
      </c>
      <c r="L28" s="282">
        <v>287</v>
      </c>
      <c r="M28" s="283">
        <v>287</v>
      </c>
      <c r="N28" s="277">
        <v>0</v>
      </c>
      <c r="O28" s="281">
        <v>0</v>
      </c>
      <c r="P28" s="278">
        <v>0</v>
      </c>
      <c r="Q28" s="280">
        <v>0</v>
      </c>
      <c r="R28" s="281">
        <v>0</v>
      </c>
      <c r="S28" s="281">
        <v>2</v>
      </c>
      <c r="T28" s="281">
        <v>5</v>
      </c>
      <c r="U28" s="281">
        <v>13</v>
      </c>
      <c r="V28" s="281">
        <v>12</v>
      </c>
      <c r="W28" s="278">
        <v>32</v>
      </c>
      <c r="X28" s="283">
        <v>32</v>
      </c>
      <c r="Y28" s="277">
        <v>12</v>
      </c>
      <c r="Z28" s="281">
        <v>17</v>
      </c>
      <c r="AA28" s="278">
        <v>29</v>
      </c>
      <c r="AB28" s="280">
        <v>0</v>
      </c>
      <c r="AC28" s="281">
        <v>59</v>
      </c>
      <c r="AD28" s="281">
        <v>76</v>
      </c>
      <c r="AE28" s="281">
        <v>41</v>
      </c>
      <c r="AF28" s="281">
        <v>42</v>
      </c>
      <c r="AG28" s="281">
        <v>39</v>
      </c>
      <c r="AH28" s="278">
        <v>257</v>
      </c>
      <c r="AI28" s="283">
        <v>286</v>
      </c>
      <c r="AJ28" s="277">
        <v>0</v>
      </c>
      <c r="AK28" s="281">
        <v>0</v>
      </c>
      <c r="AL28" s="278">
        <v>0</v>
      </c>
      <c r="AM28" s="280">
        <v>0</v>
      </c>
      <c r="AN28" s="281">
        <v>3</v>
      </c>
      <c r="AO28" s="281">
        <v>6</v>
      </c>
      <c r="AP28" s="281">
        <v>3</v>
      </c>
      <c r="AQ28" s="281">
        <v>2</v>
      </c>
      <c r="AR28" s="281">
        <v>2</v>
      </c>
      <c r="AS28" s="278">
        <v>16</v>
      </c>
      <c r="AT28" s="283">
        <v>16</v>
      </c>
      <c r="AU28" s="277">
        <v>12</v>
      </c>
      <c r="AV28" s="281">
        <v>7</v>
      </c>
      <c r="AW28" s="278">
        <v>19</v>
      </c>
      <c r="AX28" s="280">
        <v>0</v>
      </c>
      <c r="AY28" s="281">
        <v>57</v>
      </c>
      <c r="AZ28" s="281">
        <v>55</v>
      </c>
      <c r="BA28" s="281">
        <v>62</v>
      </c>
      <c r="BB28" s="281">
        <v>73</v>
      </c>
      <c r="BC28" s="281">
        <v>56</v>
      </c>
      <c r="BD28" s="282">
        <v>303</v>
      </c>
      <c r="BE28" s="283">
        <v>322</v>
      </c>
      <c r="BF28" s="277">
        <v>0</v>
      </c>
      <c r="BG28" s="281">
        <v>0</v>
      </c>
      <c r="BH28" s="278">
        <v>0</v>
      </c>
      <c r="BI28" s="280">
        <v>0</v>
      </c>
      <c r="BJ28" s="281">
        <v>110</v>
      </c>
      <c r="BK28" s="281">
        <v>84</v>
      </c>
      <c r="BL28" s="281">
        <v>54</v>
      </c>
      <c r="BM28" s="281">
        <v>27</v>
      </c>
      <c r="BN28" s="281">
        <v>16</v>
      </c>
      <c r="BO28" s="278">
        <v>291</v>
      </c>
      <c r="BP28" s="283">
        <v>291</v>
      </c>
      <c r="BQ28" s="277">
        <v>5</v>
      </c>
      <c r="BR28" s="281">
        <v>6</v>
      </c>
      <c r="BS28" s="278">
        <v>11</v>
      </c>
      <c r="BT28" s="280">
        <v>0</v>
      </c>
      <c r="BU28" s="281">
        <v>21</v>
      </c>
      <c r="BV28" s="281">
        <v>28</v>
      </c>
      <c r="BW28" s="281">
        <v>15</v>
      </c>
      <c r="BX28" s="281">
        <v>7</v>
      </c>
      <c r="BY28" s="281">
        <v>7</v>
      </c>
      <c r="BZ28" s="278">
        <v>78</v>
      </c>
      <c r="CA28" s="283">
        <v>89</v>
      </c>
      <c r="CB28" s="277">
        <v>0</v>
      </c>
      <c r="CC28" s="281">
        <v>1</v>
      </c>
      <c r="CD28" s="278">
        <v>1</v>
      </c>
      <c r="CE28" s="280">
        <v>0</v>
      </c>
      <c r="CF28" s="281">
        <v>9</v>
      </c>
      <c r="CG28" s="281">
        <v>12</v>
      </c>
      <c r="CH28" s="281">
        <v>19</v>
      </c>
      <c r="CI28" s="281">
        <v>19</v>
      </c>
      <c r="CJ28" s="281">
        <v>7</v>
      </c>
      <c r="CK28" s="278">
        <v>66</v>
      </c>
      <c r="CL28" s="283">
        <v>67</v>
      </c>
      <c r="CM28" s="277">
        <v>0</v>
      </c>
      <c r="CN28" s="281">
        <v>0</v>
      </c>
      <c r="CO28" s="278">
        <v>0</v>
      </c>
      <c r="CP28" s="280">
        <v>0</v>
      </c>
      <c r="CQ28" s="281">
        <v>2</v>
      </c>
      <c r="CR28" s="281">
        <v>3</v>
      </c>
      <c r="CS28" s="281">
        <v>1</v>
      </c>
      <c r="CT28" s="281">
        <v>2</v>
      </c>
      <c r="CU28" s="281">
        <v>0</v>
      </c>
      <c r="CV28" s="278">
        <v>8</v>
      </c>
      <c r="CW28" s="283">
        <v>8</v>
      </c>
      <c r="CX28" s="277">
        <v>0</v>
      </c>
      <c r="CY28" s="281">
        <v>0</v>
      </c>
      <c r="CZ28" s="278">
        <v>0</v>
      </c>
      <c r="DA28" s="280">
        <v>0</v>
      </c>
      <c r="DB28" s="281">
        <v>0</v>
      </c>
      <c r="DC28" s="281">
        <v>0</v>
      </c>
      <c r="DD28" s="281">
        <v>0</v>
      </c>
      <c r="DE28" s="281">
        <v>0</v>
      </c>
      <c r="DF28" s="281">
        <v>0</v>
      </c>
      <c r="DG28" s="278">
        <v>0</v>
      </c>
      <c r="DH28" s="283">
        <v>0</v>
      </c>
      <c r="DI28" s="277">
        <v>0</v>
      </c>
      <c r="DJ28" s="281">
        <v>0</v>
      </c>
      <c r="DK28" s="278">
        <v>0</v>
      </c>
      <c r="DL28" s="280">
        <v>0</v>
      </c>
      <c r="DM28" s="281">
        <v>0</v>
      </c>
      <c r="DN28" s="281">
        <v>0</v>
      </c>
      <c r="DO28" s="281">
        <v>0</v>
      </c>
      <c r="DP28" s="281">
        <v>0</v>
      </c>
      <c r="DQ28" s="281">
        <v>0</v>
      </c>
      <c r="DR28" s="278">
        <v>0</v>
      </c>
      <c r="DS28" s="283">
        <v>0</v>
      </c>
      <c r="DT28" s="277">
        <v>57</v>
      </c>
      <c r="DU28" s="281">
        <v>89</v>
      </c>
      <c r="DV28" s="278">
        <v>146</v>
      </c>
      <c r="DW28" s="280">
        <v>0</v>
      </c>
      <c r="DX28" s="281">
        <v>153</v>
      </c>
      <c r="DY28" s="281">
        <v>171</v>
      </c>
      <c r="DZ28" s="281">
        <v>114</v>
      </c>
      <c r="EA28" s="281">
        <v>85</v>
      </c>
      <c r="EB28" s="281">
        <v>62</v>
      </c>
      <c r="EC28" s="278">
        <v>585</v>
      </c>
      <c r="ED28" s="283">
        <v>731</v>
      </c>
      <c r="EE28" s="277">
        <v>12</v>
      </c>
      <c r="EF28" s="281">
        <v>2</v>
      </c>
      <c r="EG28" s="278">
        <v>14</v>
      </c>
      <c r="EH28" s="280">
        <v>0</v>
      </c>
      <c r="EI28" s="281">
        <v>20</v>
      </c>
      <c r="EJ28" s="281">
        <v>21</v>
      </c>
      <c r="EK28" s="281">
        <v>21</v>
      </c>
      <c r="EL28" s="281">
        <v>20</v>
      </c>
      <c r="EM28" s="281">
        <v>11</v>
      </c>
      <c r="EN28" s="278">
        <v>93</v>
      </c>
      <c r="EO28" s="283">
        <v>107</v>
      </c>
      <c r="EP28" s="277">
        <v>69</v>
      </c>
      <c r="EQ28" s="281">
        <v>102</v>
      </c>
      <c r="ER28" s="278">
        <v>171</v>
      </c>
      <c r="ES28" s="280">
        <v>0</v>
      </c>
      <c r="ET28" s="281">
        <v>283</v>
      </c>
      <c r="EU28" s="281">
        <v>228</v>
      </c>
      <c r="EV28" s="281">
        <v>133</v>
      </c>
      <c r="EW28" s="281">
        <v>93</v>
      </c>
      <c r="EX28" s="281">
        <v>66</v>
      </c>
      <c r="EY28" s="278">
        <v>803</v>
      </c>
      <c r="EZ28" s="283">
        <v>974</v>
      </c>
    </row>
    <row r="29" spans="2:156" ht="19.5" customHeight="1" x14ac:dyDescent="0.2">
      <c r="B29" s="262" t="s">
        <v>27</v>
      </c>
      <c r="C29" s="277">
        <v>0</v>
      </c>
      <c r="D29" s="281">
        <v>0</v>
      </c>
      <c r="E29" s="385">
        <v>0</v>
      </c>
      <c r="F29" s="280">
        <v>0</v>
      </c>
      <c r="G29" s="281">
        <v>49</v>
      </c>
      <c r="H29" s="281">
        <v>56</v>
      </c>
      <c r="I29" s="281">
        <v>36</v>
      </c>
      <c r="J29" s="281">
        <v>38</v>
      </c>
      <c r="K29" s="281">
        <v>31</v>
      </c>
      <c r="L29" s="282">
        <v>210</v>
      </c>
      <c r="M29" s="283">
        <v>210</v>
      </c>
      <c r="N29" s="277">
        <v>0</v>
      </c>
      <c r="O29" s="281">
        <v>0</v>
      </c>
      <c r="P29" s="278">
        <v>0</v>
      </c>
      <c r="Q29" s="280">
        <v>0</v>
      </c>
      <c r="R29" s="281">
        <v>1</v>
      </c>
      <c r="S29" s="281">
        <v>3</v>
      </c>
      <c r="T29" s="281">
        <v>7</v>
      </c>
      <c r="U29" s="281">
        <v>12</v>
      </c>
      <c r="V29" s="281">
        <v>17</v>
      </c>
      <c r="W29" s="278">
        <v>40</v>
      </c>
      <c r="X29" s="283">
        <v>40</v>
      </c>
      <c r="Y29" s="277">
        <v>23</v>
      </c>
      <c r="Z29" s="281">
        <v>45</v>
      </c>
      <c r="AA29" s="278">
        <v>68</v>
      </c>
      <c r="AB29" s="280">
        <v>0</v>
      </c>
      <c r="AC29" s="281">
        <v>35</v>
      </c>
      <c r="AD29" s="281">
        <v>42</v>
      </c>
      <c r="AE29" s="281">
        <v>33</v>
      </c>
      <c r="AF29" s="281">
        <v>32</v>
      </c>
      <c r="AG29" s="281">
        <v>29</v>
      </c>
      <c r="AH29" s="278">
        <v>171</v>
      </c>
      <c r="AI29" s="283">
        <v>239</v>
      </c>
      <c r="AJ29" s="277">
        <v>0</v>
      </c>
      <c r="AK29" s="281">
        <v>2</v>
      </c>
      <c r="AL29" s="278">
        <v>2</v>
      </c>
      <c r="AM29" s="280">
        <v>0</v>
      </c>
      <c r="AN29" s="281">
        <v>0</v>
      </c>
      <c r="AO29" s="281">
        <v>1</v>
      </c>
      <c r="AP29" s="281">
        <v>0</v>
      </c>
      <c r="AQ29" s="281">
        <v>3</v>
      </c>
      <c r="AR29" s="281">
        <v>2</v>
      </c>
      <c r="AS29" s="278">
        <v>6</v>
      </c>
      <c r="AT29" s="283">
        <v>8</v>
      </c>
      <c r="AU29" s="277">
        <v>9</v>
      </c>
      <c r="AV29" s="281">
        <v>17</v>
      </c>
      <c r="AW29" s="278">
        <v>26</v>
      </c>
      <c r="AX29" s="280">
        <v>0</v>
      </c>
      <c r="AY29" s="281">
        <v>64</v>
      </c>
      <c r="AZ29" s="281">
        <v>59</v>
      </c>
      <c r="BA29" s="281">
        <v>77</v>
      </c>
      <c r="BB29" s="281">
        <v>73</v>
      </c>
      <c r="BC29" s="281">
        <v>43</v>
      </c>
      <c r="BD29" s="282">
        <v>316</v>
      </c>
      <c r="BE29" s="283">
        <v>342</v>
      </c>
      <c r="BF29" s="277">
        <v>0</v>
      </c>
      <c r="BG29" s="281">
        <v>0</v>
      </c>
      <c r="BH29" s="278">
        <v>0</v>
      </c>
      <c r="BI29" s="280">
        <v>0</v>
      </c>
      <c r="BJ29" s="281">
        <v>102</v>
      </c>
      <c r="BK29" s="281">
        <v>79</v>
      </c>
      <c r="BL29" s="281">
        <v>37</v>
      </c>
      <c r="BM29" s="281">
        <v>34</v>
      </c>
      <c r="BN29" s="281">
        <v>13</v>
      </c>
      <c r="BO29" s="278">
        <v>265</v>
      </c>
      <c r="BP29" s="283">
        <v>265</v>
      </c>
      <c r="BQ29" s="277">
        <v>10</v>
      </c>
      <c r="BR29" s="281">
        <v>27</v>
      </c>
      <c r="BS29" s="278">
        <v>37</v>
      </c>
      <c r="BT29" s="280">
        <v>0</v>
      </c>
      <c r="BU29" s="281">
        <v>18</v>
      </c>
      <c r="BV29" s="281">
        <v>26</v>
      </c>
      <c r="BW29" s="281">
        <v>16</v>
      </c>
      <c r="BX29" s="281">
        <v>5</v>
      </c>
      <c r="BY29" s="281">
        <v>6</v>
      </c>
      <c r="BZ29" s="278">
        <v>71</v>
      </c>
      <c r="CA29" s="283">
        <v>108</v>
      </c>
      <c r="CB29" s="277">
        <v>0</v>
      </c>
      <c r="CC29" s="281">
        <v>1</v>
      </c>
      <c r="CD29" s="278">
        <v>1</v>
      </c>
      <c r="CE29" s="280">
        <v>0</v>
      </c>
      <c r="CF29" s="281">
        <v>10</v>
      </c>
      <c r="CG29" s="281">
        <v>12</v>
      </c>
      <c r="CH29" s="281">
        <v>14</v>
      </c>
      <c r="CI29" s="281">
        <v>11</v>
      </c>
      <c r="CJ29" s="281">
        <v>7</v>
      </c>
      <c r="CK29" s="278">
        <v>54</v>
      </c>
      <c r="CL29" s="283">
        <v>55</v>
      </c>
      <c r="CM29" s="277">
        <v>1</v>
      </c>
      <c r="CN29" s="281">
        <v>0</v>
      </c>
      <c r="CO29" s="278">
        <v>1</v>
      </c>
      <c r="CP29" s="280">
        <v>0</v>
      </c>
      <c r="CQ29" s="281">
        <v>5</v>
      </c>
      <c r="CR29" s="281">
        <v>2</v>
      </c>
      <c r="CS29" s="281">
        <v>1</v>
      </c>
      <c r="CT29" s="281">
        <v>5</v>
      </c>
      <c r="CU29" s="281">
        <v>1</v>
      </c>
      <c r="CV29" s="278">
        <v>14</v>
      </c>
      <c r="CW29" s="283">
        <v>15</v>
      </c>
      <c r="CX29" s="277">
        <v>0</v>
      </c>
      <c r="CY29" s="281">
        <v>0</v>
      </c>
      <c r="CZ29" s="278">
        <v>0</v>
      </c>
      <c r="DA29" s="280">
        <v>0</v>
      </c>
      <c r="DB29" s="281">
        <v>0</v>
      </c>
      <c r="DC29" s="281">
        <v>0</v>
      </c>
      <c r="DD29" s="281">
        <v>0</v>
      </c>
      <c r="DE29" s="281">
        <v>0</v>
      </c>
      <c r="DF29" s="281">
        <v>0</v>
      </c>
      <c r="DG29" s="278">
        <v>0</v>
      </c>
      <c r="DH29" s="283">
        <v>0</v>
      </c>
      <c r="DI29" s="277">
        <v>0</v>
      </c>
      <c r="DJ29" s="281">
        <v>0</v>
      </c>
      <c r="DK29" s="278">
        <v>0</v>
      </c>
      <c r="DL29" s="280">
        <v>0</v>
      </c>
      <c r="DM29" s="281">
        <v>0</v>
      </c>
      <c r="DN29" s="281">
        <v>0</v>
      </c>
      <c r="DO29" s="281">
        <v>0</v>
      </c>
      <c r="DP29" s="281">
        <v>0</v>
      </c>
      <c r="DQ29" s="281">
        <v>0</v>
      </c>
      <c r="DR29" s="278">
        <v>0</v>
      </c>
      <c r="DS29" s="283">
        <v>0</v>
      </c>
      <c r="DT29" s="277">
        <v>84</v>
      </c>
      <c r="DU29" s="281">
        <v>124</v>
      </c>
      <c r="DV29" s="278">
        <v>208</v>
      </c>
      <c r="DW29" s="280">
        <v>0</v>
      </c>
      <c r="DX29" s="281">
        <v>70</v>
      </c>
      <c r="DY29" s="281">
        <v>145</v>
      </c>
      <c r="DZ29" s="281">
        <v>92</v>
      </c>
      <c r="EA29" s="281">
        <v>63</v>
      </c>
      <c r="EB29" s="281">
        <v>42</v>
      </c>
      <c r="EC29" s="278">
        <v>412</v>
      </c>
      <c r="ED29" s="283">
        <v>620</v>
      </c>
      <c r="EE29" s="277">
        <v>9</v>
      </c>
      <c r="EF29" s="281">
        <v>15</v>
      </c>
      <c r="EG29" s="278">
        <v>24</v>
      </c>
      <c r="EH29" s="280">
        <v>0</v>
      </c>
      <c r="EI29" s="281">
        <v>36</v>
      </c>
      <c r="EJ29" s="281">
        <v>29</v>
      </c>
      <c r="EK29" s="281">
        <v>37</v>
      </c>
      <c r="EL29" s="281">
        <v>40</v>
      </c>
      <c r="EM29" s="281">
        <v>16</v>
      </c>
      <c r="EN29" s="278">
        <v>158</v>
      </c>
      <c r="EO29" s="283">
        <v>182</v>
      </c>
      <c r="EP29" s="277">
        <v>106</v>
      </c>
      <c r="EQ29" s="281">
        <v>155</v>
      </c>
      <c r="ER29" s="278">
        <v>261</v>
      </c>
      <c r="ES29" s="280">
        <v>0</v>
      </c>
      <c r="ET29" s="281">
        <v>196</v>
      </c>
      <c r="EU29" s="281">
        <v>181</v>
      </c>
      <c r="EV29" s="281">
        <v>110</v>
      </c>
      <c r="EW29" s="281">
        <v>70</v>
      </c>
      <c r="EX29" s="281">
        <v>42</v>
      </c>
      <c r="EY29" s="278">
        <v>599</v>
      </c>
      <c r="EZ29" s="283">
        <v>860</v>
      </c>
    </row>
    <row r="30" spans="2:156" ht="19.5" customHeight="1" x14ac:dyDescent="0.2">
      <c r="B30" s="262" t="s">
        <v>28</v>
      </c>
      <c r="C30" s="277">
        <v>0</v>
      </c>
      <c r="D30" s="281">
        <v>0</v>
      </c>
      <c r="E30" s="385">
        <v>0</v>
      </c>
      <c r="F30" s="280">
        <v>0</v>
      </c>
      <c r="G30" s="281">
        <v>11</v>
      </c>
      <c r="H30" s="281">
        <v>17</v>
      </c>
      <c r="I30" s="281">
        <v>5</v>
      </c>
      <c r="J30" s="281">
        <v>8</v>
      </c>
      <c r="K30" s="281">
        <v>10</v>
      </c>
      <c r="L30" s="282">
        <v>51</v>
      </c>
      <c r="M30" s="283">
        <v>51</v>
      </c>
      <c r="N30" s="277">
        <v>0</v>
      </c>
      <c r="O30" s="281">
        <v>0</v>
      </c>
      <c r="P30" s="278">
        <v>0</v>
      </c>
      <c r="Q30" s="280">
        <v>0</v>
      </c>
      <c r="R30" s="281">
        <v>0</v>
      </c>
      <c r="S30" s="281">
        <v>1</v>
      </c>
      <c r="T30" s="281">
        <v>2</v>
      </c>
      <c r="U30" s="281">
        <v>2</v>
      </c>
      <c r="V30" s="281">
        <v>2</v>
      </c>
      <c r="W30" s="278">
        <v>7</v>
      </c>
      <c r="X30" s="283">
        <v>7</v>
      </c>
      <c r="Y30" s="277">
        <v>1</v>
      </c>
      <c r="Z30" s="281">
        <v>3</v>
      </c>
      <c r="AA30" s="278">
        <v>4</v>
      </c>
      <c r="AB30" s="280">
        <v>0</v>
      </c>
      <c r="AC30" s="281">
        <v>6</v>
      </c>
      <c r="AD30" s="281">
        <v>20</v>
      </c>
      <c r="AE30" s="281">
        <v>8</v>
      </c>
      <c r="AF30" s="281">
        <v>11</v>
      </c>
      <c r="AG30" s="281">
        <v>9</v>
      </c>
      <c r="AH30" s="278">
        <v>54</v>
      </c>
      <c r="AI30" s="283">
        <v>58</v>
      </c>
      <c r="AJ30" s="277">
        <v>0</v>
      </c>
      <c r="AK30" s="281">
        <v>0</v>
      </c>
      <c r="AL30" s="278">
        <v>0</v>
      </c>
      <c r="AM30" s="280">
        <v>0</v>
      </c>
      <c r="AN30" s="281">
        <v>4</v>
      </c>
      <c r="AO30" s="281">
        <v>1</v>
      </c>
      <c r="AP30" s="281">
        <v>0</v>
      </c>
      <c r="AQ30" s="281">
        <v>1</v>
      </c>
      <c r="AR30" s="281">
        <v>2</v>
      </c>
      <c r="AS30" s="278">
        <v>8</v>
      </c>
      <c r="AT30" s="283">
        <v>8</v>
      </c>
      <c r="AU30" s="277">
        <v>1</v>
      </c>
      <c r="AV30" s="281">
        <v>1</v>
      </c>
      <c r="AW30" s="278">
        <v>2</v>
      </c>
      <c r="AX30" s="280">
        <v>0</v>
      </c>
      <c r="AY30" s="281">
        <v>12</v>
      </c>
      <c r="AZ30" s="281">
        <v>26</v>
      </c>
      <c r="BA30" s="281">
        <v>18</v>
      </c>
      <c r="BB30" s="281">
        <v>16</v>
      </c>
      <c r="BC30" s="281">
        <v>16</v>
      </c>
      <c r="BD30" s="282">
        <v>88</v>
      </c>
      <c r="BE30" s="283">
        <v>90</v>
      </c>
      <c r="BF30" s="277">
        <v>0</v>
      </c>
      <c r="BG30" s="281">
        <v>0</v>
      </c>
      <c r="BH30" s="278">
        <v>0</v>
      </c>
      <c r="BI30" s="280">
        <v>0</v>
      </c>
      <c r="BJ30" s="281">
        <v>29</v>
      </c>
      <c r="BK30" s="281">
        <v>36</v>
      </c>
      <c r="BL30" s="281">
        <v>13</v>
      </c>
      <c r="BM30" s="281">
        <v>14</v>
      </c>
      <c r="BN30" s="281">
        <v>8</v>
      </c>
      <c r="BO30" s="278">
        <v>100</v>
      </c>
      <c r="BP30" s="283">
        <v>100</v>
      </c>
      <c r="BQ30" s="277">
        <v>0</v>
      </c>
      <c r="BR30" s="281">
        <v>4</v>
      </c>
      <c r="BS30" s="278">
        <v>4</v>
      </c>
      <c r="BT30" s="280">
        <v>0</v>
      </c>
      <c r="BU30" s="281">
        <v>5</v>
      </c>
      <c r="BV30" s="281">
        <v>15</v>
      </c>
      <c r="BW30" s="281">
        <v>5</v>
      </c>
      <c r="BX30" s="281">
        <v>6</v>
      </c>
      <c r="BY30" s="281">
        <v>6</v>
      </c>
      <c r="BZ30" s="278">
        <v>37</v>
      </c>
      <c r="CA30" s="283">
        <v>41</v>
      </c>
      <c r="CB30" s="277">
        <v>0</v>
      </c>
      <c r="CC30" s="281">
        <v>1</v>
      </c>
      <c r="CD30" s="278">
        <v>1</v>
      </c>
      <c r="CE30" s="280">
        <v>0</v>
      </c>
      <c r="CF30" s="281">
        <v>3</v>
      </c>
      <c r="CG30" s="281">
        <v>6</v>
      </c>
      <c r="CH30" s="281">
        <v>5</v>
      </c>
      <c r="CI30" s="281">
        <v>7</v>
      </c>
      <c r="CJ30" s="281">
        <v>5</v>
      </c>
      <c r="CK30" s="278">
        <v>26</v>
      </c>
      <c r="CL30" s="283">
        <v>27</v>
      </c>
      <c r="CM30" s="277">
        <v>0</v>
      </c>
      <c r="CN30" s="281">
        <v>0</v>
      </c>
      <c r="CO30" s="278">
        <v>0</v>
      </c>
      <c r="CP30" s="280">
        <v>0</v>
      </c>
      <c r="CQ30" s="281">
        <v>3</v>
      </c>
      <c r="CR30" s="281">
        <v>1</v>
      </c>
      <c r="CS30" s="281">
        <v>2</v>
      </c>
      <c r="CT30" s="281">
        <v>4</v>
      </c>
      <c r="CU30" s="281">
        <v>1</v>
      </c>
      <c r="CV30" s="278">
        <v>11</v>
      </c>
      <c r="CW30" s="283">
        <v>11</v>
      </c>
      <c r="CX30" s="277">
        <v>0</v>
      </c>
      <c r="CY30" s="281">
        <v>0</v>
      </c>
      <c r="CZ30" s="278">
        <v>0</v>
      </c>
      <c r="DA30" s="280">
        <v>0</v>
      </c>
      <c r="DB30" s="281">
        <v>0</v>
      </c>
      <c r="DC30" s="281">
        <v>0</v>
      </c>
      <c r="DD30" s="281">
        <v>0</v>
      </c>
      <c r="DE30" s="281">
        <v>0</v>
      </c>
      <c r="DF30" s="281">
        <v>0</v>
      </c>
      <c r="DG30" s="278">
        <v>0</v>
      </c>
      <c r="DH30" s="283">
        <v>0</v>
      </c>
      <c r="DI30" s="277">
        <v>0</v>
      </c>
      <c r="DJ30" s="281">
        <v>0</v>
      </c>
      <c r="DK30" s="278">
        <v>0</v>
      </c>
      <c r="DL30" s="280">
        <v>0</v>
      </c>
      <c r="DM30" s="281">
        <v>0</v>
      </c>
      <c r="DN30" s="281">
        <v>0</v>
      </c>
      <c r="DO30" s="281">
        <v>0</v>
      </c>
      <c r="DP30" s="281">
        <v>0</v>
      </c>
      <c r="DQ30" s="281">
        <v>0</v>
      </c>
      <c r="DR30" s="278">
        <v>0</v>
      </c>
      <c r="DS30" s="283">
        <v>0</v>
      </c>
      <c r="DT30" s="277">
        <v>7</v>
      </c>
      <c r="DU30" s="281">
        <v>17</v>
      </c>
      <c r="DV30" s="278">
        <v>24</v>
      </c>
      <c r="DW30" s="280">
        <v>0</v>
      </c>
      <c r="DX30" s="281">
        <v>30</v>
      </c>
      <c r="DY30" s="281">
        <v>64</v>
      </c>
      <c r="DZ30" s="281">
        <v>26</v>
      </c>
      <c r="EA30" s="281">
        <v>26</v>
      </c>
      <c r="EB30" s="281">
        <v>19</v>
      </c>
      <c r="EC30" s="278">
        <v>165</v>
      </c>
      <c r="ED30" s="283">
        <v>189</v>
      </c>
      <c r="EE30" s="277">
        <v>1</v>
      </c>
      <c r="EF30" s="281">
        <v>0</v>
      </c>
      <c r="EG30" s="278">
        <v>1</v>
      </c>
      <c r="EH30" s="280">
        <v>0</v>
      </c>
      <c r="EI30" s="281">
        <v>5</v>
      </c>
      <c r="EJ30" s="281">
        <v>7</v>
      </c>
      <c r="EK30" s="281">
        <v>5</v>
      </c>
      <c r="EL30" s="281">
        <v>5</v>
      </c>
      <c r="EM30" s="281">
        <v>2</v>
      </c>
      <c r="EN30" s="278">
        <v>24</v>
      </c>
      <c r="EO30" s="283">
        <v>25</v>
      </c>
      <c r="EP30" s="277">
        <v>7</v>
      </c>
      <c r="EQ30" s="281">
        <v>20</v>
      </c>
      <c r="ER30" s="278">
        <v>27</v>
      </c>
      <c r="ES30" s="280">
        <v>0</v>
      </c>
      <c r="ET30" s="281">
        <v>69</v>
      </c>
      <c r="EU30" s="281">
        <v>87</v>
      </c>
      <c r="EV30" s="281">
        <v>29</v>
      </c>
      <c r="EW30" s="281">
        <v>29</v>
      </c>
      <c r="EX30" s="281">
        <v>20</v>
      </c>
      <c r="EY30" s="278">
        <v>234</v>
      </c>
      <c r="EZ30" s="283">
        <v>261</v>
      </c>
    </row>
    <row r="31" spans="2:156" ht="19.5" customHeight="1" x14ac:dyDescent="0.2">
      <c r="B31" s="262" t="s">
        <v>29</v>
      </c>
      <c r="C31" s="277">
        <v>0</v>
      </c>
      <c r="D31" s="281">
        <v>0</v>
      </c>
      <c r="E31" s="385">
        <v>0</v>
      </c>
      <c r="F31" s="280">
        <v>0</v>
      </c>
      <c r="G31" s="281">
        <v>22</v>
      </c>
      <c r="H31" s="281">
        <v>23</v>
      </c>
      <c r="I31" s="281">
        <v>10</v>
      </c>
      <c r="J31" s="281">
        <v>17</v>
      </c>
      <c r="K31" s="281">
        <v>9</v>
      </c>
      <c r="L31" s="282">
        <v>81</v>
      </c>
      <c r="M31" s="283">
        <v>81</v>
      </c>
      <c r="N31" s="277">
        <v>0</v>
      </c>
      <c r="O31" s="281">
        <v>0</v>
      </c>
      <c r="P31" s="278">
        <v>0</v>
      </c>
      <c r="Q31" s="280">
        <v>0</v>
      </c>
      <c r="R31" s="281">
        <v>1</v>
      </c>
      <c r="S31" s="281">
        <v>1</v>
      </c>
      <c r="T31" s="281">
        <v>2</v>
      </c>
      <c r="U31" s="281">
        <v>1</v>
      </c>
      <c r="V31" s="281">
        <v>5</v>
      </c>
      <c r="W31" s="278">
        <v>10</v>
      </c>
      <c r="X31" s="283">
        <v>10</v>
      </c>
      <c r="Y31" s="277">
        <v>3</v>
      </c>
      <c r="Z31" s="281">
        <v>5</v>
      </c>
      <c r="AA31" s="278">
        <v>8</v>
      </c>
      <c r="AB31" s="280">
        <v>0</v>
      </c>
      <c r="AC31" s="281">
        <v>14</v>
      </c>
      <c r="AD31" s="281">
        <v>15</v>
      </c>
      <c r="AE31" s="281">
        <v>15</v>
      </c>
      <c r="AF31" s="281">
        <v>13</v>
      </c>
      <c r="AG31" s="281">
        <v>6</v>
      </c>
      <c r="AH31" s="278">
        <v>63</v>
      </c>
      <c r="AI31" s="283">
        <v>71</v>
      </c>
      <c r="AJ31" s="277">
        <v>0</v>
      </c>
      <c r="AK31" s="281">
        <v>1</v>
      </c>
      <c r="AL31" s="278">
        <v>1</v>
      </c>
      <c r="AM31" s="280">
        <v>0</v>
      </c>
      <c r="AN31" s="281">
        <v>2</v>
      </c>
      <c r="AO31" s="281">
        <v>3</v>
      </c>
      <c r="AP31" s="281">
        <v>0</v>
      </c>
      <c r="AQ31" s="281">
        <v>4</v>
      </c>
      <c r="AR31" s="281">
        <v>0</v>
      </c>
      <c r="AS31" s="278">
        <v>9</v>
      </c>
      <c r="AT31" s="283">
        <v>10</v>
      </c>
      <c r="AU31" s="277">
        <v>2</v>
      </c>
      <c r="AV31" s="281">
        <v>2</v>
      </c>
      <c r="AW31" s="278">
        <v>4</v>
      </c>
      <c r="AX31" s="280">
        <v>0</v>
      </c>
      <c r="AY31" s="281">
        <v>11</v>
      </c>
      <c r="AZ31" s="281">
        <v>23</v>
      </c>
      <c r="BA31" s="281">
        <v>10</v>
      </c>
      <c r="BB31" s="281">
        <v>23</v>
      </c>
      <c r="BC31" s="281">
        <v>10</v>
      </c>
      <c r="BD31" s="282">
        <v>77</v>
      </c>
      <c r="BE31" s="283">
        <v>81</v>
      </c>
      <c r="BF31" s="277">
        <v>0</v>
      </c>
      <c r="BG31" s="281">
        <v>0</v>
      </c>
      <c r="BH31" s="278">
        <v>0</v>
      </c>
      <c r="BI31" s="280">
        <v>0</v>
      </c>
      <c r="BJ31" s="281">
        <v>34</v>
      </c>
      <c r="BK31" s="281">
        <v>37</v>
      </c>
      <c r="BL31" s="281">
        <v>23</v>
      </c>
      <c r="BM31" s="281">
        <v>16</v>
      </c>
      <c r="BN31" s="281">
        <v>9</v>
      </c>
      <c r="BO31" s="278">
        <v>119</v>
      </c>
      <c r="BP31" s="283">
        <v>119</v>
      </c>
      <c r="BQ31" s="277">
        <v>2</v>
      </c>
      <c r="BR31" s="281">
        <v>3</v>
      </c>
      <c r="BS31" s="278">
        <v>5</v>
      </c>
      <c r="BT31" s="280">
        <v>0</v>
      </c>
      <c r="BU31" s="281">
        <v>12</v>
      </c>
      <c r="BV31" s="281">
        <v>11</v>
      </c>
      <c r="BW31" s="281">
        <v>6</v>
      </c>
      <c r="BX31" s="281">
        <v>6</v>
      </c>
      <c r="BY31" s="281">
        <v>4</v>
      </c>
      <c r="BZ31" s="278">
        <v>39</v>
      </c>
      <c r="CA31" s="283">
        <v>44</v>
      </c>
      <c r="CB31" s="277">
        <v>0</v>
      </c>
      <c r="CC31" s="281">
        <v>0</v>
      </c>
      <c r="CD31" s="278">
        <v>0</v>
      </c>
      <c r="CE31" s="280">
        <v>0</v>
      </c>
      <c r="CF31" s="281">
        <v>2</v>
      </c>
      <c r="CG31" s="281">
        <v>13</v>
      </c>
      <c r="CH31" s="281">
        <v>12</v>
      </c>
      <c r="CI31" s="281">
        <v>9</v>
      </c>
      <c r="CJ31" s="281">
        <v>7</v>
      </c>
      <c r="CK31" s="278">
        <v>43</v>
      </c>
      <c r="CL31" s="283">
        <v>43</v>
      </c>
      <c r="CM31" s="277">
        <v>0</v>
      </c>
      <c r="CN31" s="281">
        <v>0</v>
      </c>
      <c r="CO31" s="278">
        <v>0</v>
      </c>
      <c r="CP31" s="280">
        <v>0</v>
      </c>
      <c r="CQ31" s="281">
        <v>1</v>
      </c>
      <c r="CR31" s="281">
        <v>3</v>
      </c>
      <c r="CS31" s="281">
        <v>2</v>
      </c>
      <c r="CT31" s="281">
        <v>1</v>
      </c>
      <c r="CU31" s="281">
        <v>2</v>
      </c>
      <c r="CV31" s="278">
        <v>9</v>
      </c>
      <c r="CW31" s="283">
        <v>9</v>
      </c>
      <c r="CX31" s="277">
        <v>0</v>
      </c>
      <c r="CY31" s="281">
        <v>0</v>
      </c>
      <c r="CZ31" s="278">
        <v>0</v>
      </c>
      <c r="DA31" s="280">
        <v>0</v>
      </c>
      <c r="DB31" s="281">
        <v>0</v>
      </c>
      <c r="DC31" s="281">
        <v>0</v>
      </c>
      <c r="DD31" s="281">
        <v>0</v>
      </c>
      <c r="DE31" s="281">
        <v>0</v>
      </c>
      <c r="DF31" s="281">
        <v>0</v>
      </c>
      <c r="DG31" s="278">
        <v>0</v>
      </c>
      <c r="DH31" s="283">
        <v>0</v>
      </c>
      <c r="DI31" s="277">
        <v>0</v>
      </c>
      <c r="DJ31" s="281">
        <v>0</v>
      </c>
      <c r="DK31" s="278">
        <v>0</v>
      </c>
      <c r="DL31" s="280">
        <v>0</v>
      </c>
      <c r="DM31" s="281">
        <v>0</v>
      </c>
      <c r="DN31" s="281">
        <v>0</v>
      </c>
      <c r="DO31" s="281">
        <v>0</v>
      </c>
      <c r="DP31" s="281">
        <v>0</v>
      </c>
      <c r="DQ31" s="281">
        <v>0</v>
      </c>
      <c r="DR31" s="278">
        <v>0</v>
      </c>
      <c r="DS31" s="283">
        <v>0</v>
      </c>
      <c r="DT31" s="277">
        <v>28</v>
      </c>
      <c r="DU31" s="281">
        <v>27</v>
      </c>
      <c r="DV31" s="278">
        <v>55</v>
      </c>
      <c r="DW31" s="280">
        <v>0</v>
      </c>
      <c r="DX31" s="281">
        <v>35</v>
      </c>
      <c r="DY31" s="281">
        <v>67</v>
      </c>
      <c r="DZ31" s="281">
        <v>41</v>
      </c>
      <c r="EA31" s="281">
        <v>42</v>
      </c>
      <c r="EB31" s="281">
        <v>22</v>
      </c>
      <c r="EC31" s="278">
        <v>207</v>
      </c>
      <c r="ED31" s="283">
        <v>262</v>
      </c>
      <c r="EE31" s="277">
        <v>0</v>
      </c>
      <c r="EF31" s="281">
        <v>0</v>
      </c>
      <c r="EG31" s="278">
        <v>0</v>
      </c>
      <c r="EH31" s="280">
        <v>0</v>
      </c>
      <c r="EI31" s="281">
        <v>7</v>
      </c>
      <c r="EJ31" s="281">
        <v>10</v>
      </c>
      <c r="EK31" s="281">
        <v>2</v>
      </c>
      <c r="EL31" s="281">
        <v>9</v>
      </c>
      <c r="EM31" s="281">
        <v>3</v>
      </c>
      <c r="EN31" s="278">
        <v>31</v>
      </c>
      <c r="EO31" s="283">
        <v>31</v>
      </c>
      <c r="EP31" s="277">
        <v>29</v>
      </c>
      <c r="EQ31" s="281">
        <v>34</v>
      </c>
      <c r="ER31" s="278">
        <v>63</v>
      </c>
      <c r="ES31" s="280">
        <v>0</v>
      </c>
      <c r="ET31" s="281">
        <v>79</v>
      </c>
      <c r="EU31" s="281">
        <v>91</v>
      </c>
      <c r="EV31" s="281">
        <v>46</v>
      </c>
      <c r="EW31" s="281">
        <v>43</v>
      </c>
      <c r="EX31" s="281">
        <v>23</v>
      </c>
      <c r="EY31" s="278">
        <v>282</v>
      </c>
      <c r="EZ31" s="283">
        <v>345</v>
      </c>
    </row>
    <row r="32" spans="2:156" ht="19.5" customHeight="1" x14ac:dyDescent="0.2">
      <c r="B32" s="262" t="s">
        <v>30</v>
      </c>
      <c r="C32" s="277">
        <v>0</v>
      </c>
      <c r="D32" s="281">
        <v>0</v>
      </c>
      <c r="E32" s="385">
        <v>0</v>
      </c>
      <c r="F32" s="280">
        <v>0</v>
      </c>
      <c r="G32" s="281">
        <v>24</v>
      </c>
      <c r="H32" s="281">
        <v>20</v>
      </c>
      <c r="I32" s="281">
        <v>16</v>
      </c>
      <c r="J32" s="281">
        <v>15</v>
      </c>
      <c r="K32" s="281">
        <v>8</v>
      </c>
      <c r="L32" s="282">
        <v>83</v>
      </c>
      <c r="M32" s="283">
        <v>83</v>
      </c>
      <c r="N32" s="277">
        <v>0</v>
      </c>
      <c r="O32" s="281">
        <v>0</v>
      </c>
      <c r="P32" s="278">
        <v>0</v>
      </c>
      <c r="Q32" s="280">
        <v>0</v>
      </c>
      <c r="R32" s="281">
        <v>2</v>
      </c>
      <c r="S32" s="281">
        <v>1</v>
      </c>
      <c r="T32" s="281">
        <v>2</v>
      </c>
      <c r="U32" s="281">
        <v>6</v>
      </c>
      <c r="V32" s="281">
        <v>8</v>
      </c>
      <c r="W32" s="278">
        <v>19</v>
      </c>
      <c r="X32" s="283">
        <v>19</v>
      </c>
      <c r="Y32" s="277">
        <v>2</v>
      </c>
      <c r="Z32" s="281">
        <v>6</v>
      </c>
      <c r="AA32" s="278">
        <v>8</v>
      </c>
      <c r="AB32" s="280">
        <v>0</v>
      </c>
      <c r="AC32" s="281">
        <v>23</v>
      </c>
      <c r="AD32" s="281">
        <v>20</v>
      </c>
      <c r="AE32" s="281">
        <v>15</v>
      </c>
      <c r="AF32" s="281">
        <v>18</v>
      </c>
      <c r="AG32" s="281">
        <v>7</v>
      </c>
      <c r="AH32" s="278">
        <v>83</v>
      </c>
      <c r="AI32" s="283">
        <v>91</v>
      </c>
      <c r="AJ32" s="277">
        <v>0</v>
      </c>
      <c r="AK32" s="281">
        <v>0</v>
      </c>
      <c r="AL32" s="278">
        <v>0</v>
      </c>
      <c r="AM32" s="280">
        <v>0</v>
      </c>
      <c r="AN32" s="281">
        <v>2</v>
      </c>
      <c r="AO32" s="281">
        <v>0</v>
      </c>
      <c r="AP32" s="281">
        <v>3</v>
      </c>
      <c r="AQ32" s="281">
        <v>2</v>
      </c>
      <c r="AR32" s="281">
        <v>0</v>
      </c>
      <c r="AS32" s="278">
        <v>7</v>
      </c>
      <c r="AT32" s="283">
        <v>7</v>
      </c>
      <c r="AU32" s="277">
        <v>2</v>
      </c>
      <c r="AV32" s="281">
        <v>1</v>
      </c>
      <c r="AW32" s="278">
        <v>3</v>
      </c>
      <c r="AX32" s="280">
        <v>0</v>
      </c>
      <c r="AY32" s="281">
        <v>23</v>
      </c>
      <c r="AZ32" s="281">
        <v>15</v>
      </c>
      <c r="BA32" s="281">
        <v>17</v>
      </c>
      <c r="BB32" s="281">
        <v>22</v>
      </c>
      <c r="BC32" s="281">
        <v>10</v>
      </c>
      <c r="BD32" s="282">
        <v>87</v>
      </c>
      <c r="BE32" s="283">
        <v>90</v>
      </c>
      <c r="BF32" s="277">
        <v>0</v>
      </c>
      <c r="BG32" s="281">
        <v>0</v>
      </c>
      <c r="BH32" s="278">
        <v>0</v>
      </c>
      <c r="BI32" s="280">
        <v>0</v>
      </c>
      <c r="BJ32" s="281">
        <v>38</v>
      </c>
      <c r="BK32" s="281">
        <v>29</v>
      </c>
      <c r="BL32" s="281">
        <v>21</v>
      </c>
      <c r="BM32" s="281">
        <v>13</v>
      </c>
      <c r="BN32" s="281">
        <v>3</v>
      </c>
      <c r="BO32" s="278">
        <v>104</v>
      </c>
      <c r="BP32" s="283">
        <v>104</v>
      </c>
      <c r="BQ32" s="277">
        <v>1</v>
      </c>
      <c r="BR32" s="281">
        <v>1</v>
      </c>
      <c r="BS32" s="278">
        <v>2</v>
      </c>
      <c r="BT32" s="280">
        <v>0</v>
      </c>
      <c r="BU32" s="281">
        <v>7</v>
      </c>
      <c r="BV32" s="281">
        <v>8</v>
      </c>
      <c r="BW32" s="281">
        <v>4</v>
      </c>
      <c r="BX32" s="281">
        <v>4</v>
      </c>
      <c r="BY32" s="281">
        <v>0</v>
      </c>
      <c r="BZ32" s="278">
        <v>23</v>
      </c>
      <c r="CA32" s="283">
        <v>25</v>
      </c>
      <c r="CB32" s="277">
        <v>0</v>
      </c>
      <c r="CC32" s="281">
        <v>0</v>
      </c>
      <c r="CD32" s="278">
        <v>0</v>
      </c>
      <c r="CE32" s="280">
        <v>0</v>
      </c>
      <c r="CF32" s="281">
        <v>9</v>
      </c>
      <c r="CG32" s="281">
        <v>6</v>
      </c>
      <c r="CH32" s="281">
        <v>10</v>
      </c>
      <c r="CI32" s="281">
        <v>6</v>
      </c>
      <c r="CJ32" s="281">
        <v>1</v>
      </c>
      <c r="CK32" s="278">
        <v>32</v>
      </c>
      <c r="CL32" s="283">
        <v>32</v>
      </c>
      <c r="CM32" s="277">
        <v>0</v>
      </c>
      <c r="CN32" s="281">
        <v>0</v>
      </c>
      <c r="CO32" s="278">
        <v>0</v>
      </c>
      <c r="CP32" s="280">
        <v>0</v>
      </c>
      <c r="CQ32" s="281">
        <v>0</v>
      </c>
      <c r="CR32" s="281">
        <v>2</v>
      </c>
      <c r="CS32" s="281">
        <v>0</v>
      </c>
      <c r="CT32" s="281">
        <v>0</v>
      </c>
      <c r="CU32" s="281">
        <v>1</v>
      </c>
      <c r="CV32" s="278">
        <v>3</v>
      </c>
      <c r="CW32" s="283">
        <v>3</v>
      </c>
      <c r="CX32" s="277">
        <v>0</v>
      </c>
      <c r="CY32" s="281">
        <v>0</v>
      </c>
      <c r="CZ32" s="278">
        <v>0</v>
      </c>
      <c r="DA32" s="280">
        <v>0</v>
      </c>
      <c r="DB32" s="281">
        <v>0</v>
      </c>
      <c r="DC32" s="281">
        <v>0</v>
      </c>
      <c r="DD32" s="281">
        <v>0</v>
      </c>
      <c r="DE32" s="281">
        <v>0</v>
      </c>
      <c r="DF32" s="281">
        <v>0</v>
      </c>
      <c r="DG32" s="278">
        <v>0</v>
      </c>
      <c r="DH32" s="283">
        <v>0</v>
      </c>
      <c r="DI32" s="277">
        <v>0</v>
      </c>
      <c r="DJ32" s="281">
        <v>0</v>
      </c>
      <c r="DK32" s="278">
        <v>0</v>
      </c>
      <c r="DL32" s="280">
        <v>0</v>
      </c>
      <c r="DM32" s="281">
        <v>0</v>
      </c>
      <c r="DN32" s="281">
        <v>0</v>
      </c>
      <c r="DO32" s="281">
        <v>0</v>
      </c>
      <c r="DP32" s="281">
        <v>0</v>
      </c>
      <c r="DQ32" s="281">
        <v>0</v>
      </c>
      <c r="DR32" s="278">
        <v>0</v>
      </c>
      <c r="DS32" s="283">
        <v>0</v>
      </c>
      <c r="DT32" s="277">
        <v>25</v>
      </c>
      <c r="DU32" s="281">
        <v>26</v>
      </c>
      <c r="DV32" s="278">
        <v>51</v>
      </c>
      <c r="DW32" s="280">
        <v>0</v>
      </c>
      <c r="DX32" s="281">
        <v>56</v>
      </c>
      <c r="DY32" s="281">
        <v>63</v>
      </c>
      <c r="DZ32" s="281">
        <v>44</v>
      </c>
      <c r="EA32" s="281">
        <v>39</v>
      </c>
      <c r="EB32" s="281">
        <v>16</v>
      </c>
      <c r="EC32" s="278">
        <v>218</v>
      </c>
      <c r="ED32" s="283">
        <v>269</v>
      </c>
      <c r="EE32" s="277">
        <v>2</v>
      </c>
      <c r="EF32" s="281">
        <v>0</v>
      </c>
      <c r="EG32" s="278">
        <v>2</v>
      </c>
      <c r="EH32" s="280">
        <v>0</v>
      </c>
      <c r="EI32" s="281">
        <v>6</v>
      </c>
      <c r="EJ32" s="281">
        <v>5</v>
      </c>
      <c r="EK32" s="281">
        <v>2</v>
      </c>
      <c r="EL32" s="281">
        <v>5</v>
      </c>
      <c r="EM32" s="281">
        <v>2</v>
      </c>
      <c r="EN32" s="278">
        <v>20</v>
      </c>
      <c r="EO32" s="283">
        <v>22</v>
      </c>
      <c r="EP32" s="277">
        <v>28</v>
      </c>
      <c r="EQ32" s="281">
        <v>29</v>
      </c>
      <c r="ER32" s="278">
        <v>57</v>
      </c>
      <c r="ES32" s="280">
        <v>0</v>
      </c>
      <c r="ET32" s="281">
        <v>96</v>
      </c>
      <c r="EU32" s="281">
        <v>79</v>
      </c>
      <c r="EV32" s="281">
        <v>50</v>
      </c>
      <c r="EW32" s="281">
        <v>43</v>
      </c>
      <c r="EX32" s="281">
        <v>17</v>
      </c>
      <c r="EY32" s="278">
        <v>285</v>
      </c>
      <c r="EZ32" s="283">
        <v>342</v>
      </c>
    </row>
    <row r="33" spans="2:156" ht="19.5" customHeight="1" x14ac:dyDescent="0.2">
      <c r="B33" s="262" t="s">
        <v>31</v>
      </c>
      <c r="C33" s="277">
        <v>0</v>
      </c>
      <c r="D33" s="281">
        <v>0</v>
      </c>
      <c r="E33" s="385">
        <v>0</v>
      </c>
      <c r="F33" s="280">
        <v>0</v>
      </c>
      <c r="G33" s="281">
        <v>18</v>
      </c>
      <c r="H33" s="281">
        <v>22</v>
      </c>
      <c r="I33" s="281">
        <v>6</v>
      </c>
      <c r="J33" s="281">
        <v>2</v>
      </c>
      <c r="K33" s="281">
        <v>9</v>
      </c>
      <c r="L33" s="282">
        <v>57</v>
      </c>
      <c r="M33" s="283">
        <v>57</v>
      </c>
      <c r="N33" s="277">
        <v>0</v>
      </c>
      <c r="O33" s="281">
        <v>0</v>
      </c>
      <c r="P33" s="278">
        <v>0</v>
      </c>
      <c r="Q33" s="280">
        <v>0</v>
      </c>
      <c r="R33" s="281">
        <v>0</v>
      </c>
      <c r="S33" s="281">
        <v>5</v>
      </c>
      <c r="T33" s="281">
        <v>3</v>
      </c>
      <c r="U33" s="281">
        <v>5</v>
      </c>
      <c r="V33" s="281">
        <v>4</v>
      </c>
      <c r="W33" s="278">
        <v>17</v>
      </c>
      <c r="X33" s="283">
        <v>17</v>
      </c>
      <c r="Y33" s="277">
        <v>3</v>
      </c>
      <c r="Z33" s="281">
        <v>4</v>
      </c>
      <c r="AA33" s="278">
        <v>7</v>
      </c>
      <c r="AB33" s="280">
        <v>0</v>
      </c>
      <c r="AC33" s="281">
        <v>12</v>
      </c>
      <c r="AD33" s="281">
        <v>22</v>
      </c>
      <c r="AE33" s="281">
        <v>14</v>
      </c>
      <c r="AF33" s="281">
        <v>14</v>
      </c>
      <c r="AG33" s="281">
        <v>10</v>
      </c>
      <c r="AH33" s="278">
        <v>72</v>
      </c>
      <c r="AI33" s="283">
        <v>79</v>
      </c>
      <c r="AJ33" s="277">
        <v>0</v>
      </c>
      <c r="AK33" s="281">
        <v>2</v>
      </c>
      <c r="AL33" s="278">
        <v>2</v>
      </c>
      <c r="AM33" s="280">
        <v>0</v>
      </c>
      <c r="AN33" s="281">
        <v>2</v>
      </c>
      <c r="AO33" s="281">
        <v>4</v>
      </c>
      <c r="AP33" s="281">
        <v>6</v>
      </c>
      <c r="AQ33" s="281">
        <v>4</v>
      </c>
      <c r="AR33" s="281">
        <v>2</v>
      </c>
      <c r="AS33" s="278">
        <v>18</v>
      </c>
      <c r="AT33" s="283">
        <v>20</v>
      </c>
      <c r="AU33" s="277">
        <v>3</v>
      </c>
      <c r="AV33" s="281">
        <v>0</v>
      </c>
      <c r="AW33" s="278">
        <v>3</v>
      </c>
      <c r="AX33" s="280">
        <v>0</v>
      </c>
      <c r="AY33" s="281">
        <v>12</v>
      </c>
      <c r="AZ33" s="281">
        <v>17</v>
      </c>
      <c r="BA33" s="281">
        <v>15</v>
      </c>
      <c r="BB33" s="281">
        <v>11</v>
      </c>
      <c r="BC33" s="281">
        <v>9</v>
      </c>
      <c r="BD33" s="282">
        <v>64</v>
      </c>
      <c r="BE33" s="283">
        <v>67</v>
      </c>
      <c r="BF33" s="277">
        <v>0</v>
      </c>
      <c r="BG33" s="281">
        <v>0</v>
      </c>
      <c r="BH33" s="278">
        <v>0</v>
      </c>
      <c r="BI33" s="280">
        <v>0</v>
      </c>
      <c r="BJ33" s="281">
        <v>34</v>
      </c>
      <c r="BK33" s="281">
        <v>48</v>
      </c>
      <c r="BL33" s="281">
        <v>26</v>
      </c>
      <c r="BM33" s="281">
        <v>12</v>
      </c>
      <c r="BN33" s="281">
        <v>3</v>
      </c>
      <c r="BO33" s="278">
        <v>123</v>
      </c>
      <c r="BP33" s="283">
        <v>123</v>
      </c>
      <c r="BQ33" s="277">
        <v>0</v>
      </c>
      <c r="BR33" s="281">
        <v>1</v>
      </c>
      <c r="BS33" s="278">
        <v>1</v>
      </c>
      <c r="BT33" s="280">
        <v>0</v>
      </c>
      <c r="BU33" s="281">
        <v>4</v>
      </c>
      <c r="BV33" s="281">
        <v>8</v>
      </c>
      <c r="BW33" s="281">
        <v>4</v>
      </c>
      <c r="BX33" s="281">
        <v>3</v>
      </c>
      <c r="BY33" s="281">
        <v>2</v>
      </c>
      <c r="BZ33" s="278">
        <v>21</v>
      </c>
      <c r="CA33" s="283">
        <v>22</v>
      </c>
      <c r="CB33" s="277">
        <v>0</v>
      </c>
      <c r="CC33" s="281">
        <v>0</v>
      </c>
      <c r="CD33" s="278">
        <v>0</v>
      </c>
      <c r="CE33" s="280">
        <v>0</v>
      </c>
      <c r="CF33" s="281">
        <v>6</v>
      </c>
      <c r="CG33" s="281">
        <v>16</v>
      </c>
      <c r="CH33" s="281">
        <v>12</v>
      </c>
      <c r="CI33" s="281">
        <v>8</v>
      </c>
      <c r="CJ33" s="281">
        <v>2</v>
      </c>
      <c r="CK33" s="278">
        <v>44</v>
      </c>
      <c r="CL33" s="283">
        <v>44</v>
      </c>
      <c r="CM33" s="277">
        <v>0</v>
      </c>
      <c r="CN33" s="281">
        <v>0</v>
      </c>
      <c r="CO33" s="278">
        <v>0</v>
      </c>
      <c r="CP33" s="280">
        <v>0</v>
      </c>
      <c r="CQ33" s="281">
        <v>2</v>
      </c>
      <c r="CR33" s="281">
        <v>1</v>
      </c>
      <c r="CS33" s="281">
        <v>0</v>
      </c>
      <c r="CT33" s="281">
        <v>1</v>
      </c>
      <c r="CU33" s="281">
        <v>1</v>
      </c>
      <c r="CV33" s="278">
        <v>5</v>
      </c>
      <c r="CW33" s="283">
        <v>5</v>
      </c>
      <c r="CX33" s="277">
        <v>0</v>
      </c>
      <c r="CY33" s="281">
        <v>0</v>
      </c>
      <c r="CZ33" s="278">
        <v>0</v>
      </c>
      <c r="DA33" s="280">
        <v>0</v>
      </c>
      <c r="DB33" s="281">
        <v>0</v>
      </c>
      <c r="DC33" s="281">
        <v>0</v>
      </c>
      <c r="DD33" s="281">
        <v>0</v>
      </c>
      <c r="DE33" s="281">
        <v>0</v>
      </c>
      <c r="DF33" s="281">
        <v>0</v>
      </c>
      <c r="DG33" s="278">
        <v>0</v>
      </c>
      <c r="DH33" s="283">
        <v>0</v>
      </c>
      <c r="DI33" s="277">
        <v>0</v>
      </c>
      <c r="DJ33" s="281">
        <v>0</v>
      </c>
      <c r="DK33" s="278">
        <v>0</v>
      </c>
      <c r="DL33" s="280">
        <v>0</v>
      </c>
      <c r="DM33" s="281">
        <v>0</v>
      </c>
      <c r="DN33" s="281">
        <v>0</v>
      </c>
      <c r="DO33" s="281">
        <v>0</v>
      </c>
      <c r="DP33" s="281">
        <v>0</v>
      </c>
      <c r="DQ33" s="281">
        <v>0</v>
      </c>
      <c r="DR33" s="278">
        <v>0</v>
      </c>
      <c r="DS33" s="283">
        <v>0</v>
      </c>
      <c r="DT33" s="277">
        <v>20</v>
      </c>
      <c r="DU33" s="281">
        <v>48</v>
      </c>
      <c r="DV33" s="278">
        <v>68</v>
      </c>
      <c r="DW33" s="280">
        <v>0</v>
      </c>
      <c r="DX33" s="281">
        <v>60</v>
      </c>
      <c r="DY33" s="281">
        <v>81</v>
      </c>
      <c r="DZ33" s="281">
        <v>43</v>
      </c>
      <c r="EA33" s="281">
        <v>22</v>
      </c>
      <c r="EB33" s="281">
        <v>16</v>
      </c>
      <c r="EC33" s="278">
        <v>222</v>
      </c>
      <c r="ED33" s="283">
        <v>290</v>
      </c>
      <c r="EE33" s="277">
        <v>2</v>
      </c>
      <c r="EF33" s="281">
        <v>2</v>
      </c>
      <c r="EG33" s="278">
        <v>4</v>
      </c>
      <c r="EH33" s="280">
        <v>0</v>
      </c>
      <c r="EI33" s="281">
        <v>8</v>
      </c>
      <c r="EJ33" s="281">
        <v>5</v>
      </c>
      <c r="EK33" s="281">
        <v>5</v>
      </c>
      <c r="EL33" s="281">
        <v>2</v>
      </c>
      <c r="EM33" s="281">
        <v>3</v>
      </c>
      <c r="EN33" s="278">
        <v>23</v>
      </c>
      <c r="EO33" s="283">
        <v>27</v>
      </c>
      <c r="EP33" s="277">
        <v>23</v>
      </c>
      <c r="EQ33" s="281">
        <v>48</v>
      </c>
      <c r="ER33" s="278">
        <v>71</v>
      </c>
      <c r="ES33" s="280">
        <v>0</v>
      </c>
      <c r="ET33" s="281">
        <v>106</v>
      </c>
      <c r="EU33" s="281">
        <v>98</v>
      </c>
      <c r="EV33" s="281">
        <v>52</v>
      </c>
      <c r="EW33" s="281">
        <v>23</v>
      </c>
      <c r="EX33" s="281">
        <v>15</v>
      </c>
      <c r="EY33" s="278">
        <v>294</v>
      </c>
      <c r="EZ33" s="283">
        <v>365</v>
      </c>
    </row>
    <row r="34" spans="2:156" ht="19.5" customHeight="1" x14ac:dyDescent="0.2">
      <c r="B34" s="262" t="s">
        <v>32</v>
      </c>
      <c r="C34" s="277">
        <v>0</v>
      </c>
      <c r="D34" s="281">
        <v>0</v>
      </c>
      <c r="E34" s="385">
        <v>0</v>
      </c>
      <c r="F34" s="280">
        <v>0</v>
      </c>
      <c r="G34" s="281">
        <v>30</v>
      </c>
      <c r="H34" s="281">
        <v>15</v>
      </c>
      <c r="I34" s="281">
        <v>8</v>
      </c>
      <c r="J34" s="281">
        <v>12</v>
      </c>
      <c r="K34" s="281">
        <v>11</v>
      </c>
      <c r="L34" s="282">
        <v>76</v>
      </c>
      <c r="M34" s="283">
        <v>76</v>
      </c>
      <c r="N34" s="277">
        <v>0</v>
      </c>
      <c r="O34" s="281">
        <v>0</v>
      </c>
      <c r="P34" s="278">
        <v>0</v>
      </c>
      <c r="Q34" s="280">
        <v>0</v>
      </c>
      <c r="R34" s="281">
        <v>0</v>
      </c>
      <c r="S34" s="281">
        <v>1</v>
      </c>
      <c r="T34" s="281">
        <v>0</v>
      </c>
      <c r="U34" s="281">
        <v>1</v>
      </c>
      <c r="V34" s="281">
        <v>6</v>
      </c>
      <c r="W34" s="278">
        <v>8</v>
      </c>
      <c r="X34" s="283">
        <v>8</v>
      </c>
      <c r="Y34" s="277">
        <v>6</v>
      </c>
      <c r="Z34" s="281">
        <v>6</v>
      </c>
      <c r="AA34" s="278">
        <v>12</v>
      </c>
      <c r="AB34" s="280">
        <v>0</v>
      </c>
      <c r="AC34" s="281">
        <v>34</v>
      </c>
      <c r="AD34" s="281">
        <v>20</v>
      </c>
      <c r="AE34" s="281">
        <v>11</v>
      </c>
      <c r="AF34" s="281">
        <v>14</v>
      </c>
      <c r="AG34" s="281">
        <v>10</v>
      </c>
      <c r="AH34" s="278">
        <v>89</v>
      </c>
      <c r="AI34" s="283">
        <v>101</v>
      </c>
      <c r="AJ34" s="277">
        <v>2</v>
      </c>
      <c r="AK34" s="281">
        <v>0</v>
      </c>
      <c r="AL34" s="278">
        <v>2</v>
      </c>
      <c r="AM34" s="280">
        <v>0</v>
      </c>
      <c r="AN34" s="281">
        <v>7</v>
      </c>
      <c r="AO34" s="281">
        <v>1</v>
      </c>
      <c r="AP34" s="281">
        <v>2</v>
      </c>
      <c r="AQ34" s="281">
        <v>1</v>
      </c>
      <c r="AR34" s="281">
        <v>5</v>
      </c>
      <c r="AS34" s="278">
        <v>16</v>
      </c>
      <c r="AT34" s="283">
        <v>18</v>
      </c>
      <c r="AU34" s="277">
        <v>1</v>
      </c>
      <c r="AV34" s="281">
        <v>1</v>
      </c>
      <c r="AW34" s="278">
        <v>2</v>
      </c>
      <c r="AX34" s="280">
        <v>0</v>
      </c>
      <c r="AY34" s="281">
        <v>17</v>
      </c>
      <c r="AZ34" s="281">
        <v>19</v>
      </c>
      <c r="BA34" s="281">
        <v>22</v>
      </c>
      <c r="BB34" s="281">
        <v>25</v>
      </c>
      <c r="BC34" s="281">
        <v>18</v>
      </c>
      <c r="BD34" s="282">
        <v>101</v>
      </c>
      <c r="BE34" s="283">
        <v>103</v>
      </c>
      <c r="BF34" s="277">
        <v>0</v>
      </c>
      <c r="BG34" s="281">
        <v>0</v>
      </c>
      <c r="BH34" s="278">
        <v>0</v>
      </c>
      <c r="BI34" s="280">
        <v>0</v>
      </c>
      <c r="BJ34" s="281">
        <v>53</v>
      </c>
      <c r="BK34" s="281">
        <v>46</v>
      </c>
      <c r="BL34" s="281">
        <v>21</v>
      </c>
      <c r="BM34" s="281">
        <v>21</v>
      </c>
      <c r="BN34" s="281">
        <v>4</v>
      </c>
      <c r="BO34" s="278">
        <v>145</v>
      </c>
      <c r="BP34" s="283">
        <v>145</v>
      </c>
      <c r="BQ34" s="277">
        <v>0</v>
      </c>
      <c r="BR34" s="281">
        <v>0</v>
      </c>
      <c r="BS34" s="278">
        <v>0</v>
      </c>
      <c r="BT34" s="280">
        <v>0</v>
      </c>
      <c r="BU34" s="281">
        <v>7</v>
      </c>
      <c r="BV34" s="281">
        <v>13</v>
      </c>
      <c r="BW34" s="281">
        <v>6</v>
      </c>
      <c r="BX34" s="281">
        <v>5</v>
      </c>
      <c r="BY34" s="281">
        <v>3</v>
      </c>
      <c r="BZ34" s="278">
        <v>34</v>
      </c>
      <c r="CA34" s="283">
        <v>34</v>
      </c>
      <c r="CB34" s="277">
        <v>2</v>
      </c>
      <c r="CC34" s="281">
        <v>0</v>
      </c>
      <c r="CD34" s="278">
        <v>2</v>
      </c>
      <c r="CE34" s="280">
        <v>0</v>
      </c>
      <c r="CF34" s="281">
        <v>5</v>
      </c>
      <c r="CG34" s="281">
        <v>9</v>
      </c>
      <c r="CH34" s="281">
        <v>14</v>
      </c>
      <c r="CI34" s="281">
        <v>6</v>
      </c>
      <c r="CJ34" s="281">
        <v>2</v>
      </c>
      <c r="CK34" s="278">
        <v>36</v>
      </c>
      <c r="CL34" s="283">
        <v>38</v>
      </c>
      <c r="CM34" s="277">
        <v>0</v>
      </c>
      <c r="CN34" s="281">
        <v>0</v>
      </c>
      <c r="CO34" s="278">
        <v>0</v>
      </c>
      <c r="CP34" s="280">
        <v>0</v>
      </c>
      <c r="CQ34" s="281">
        <v>1</v>
      </c>
      <c r="CR34" s="281">
        <v>0</v>
      </c>
      <c r="CS34" s="281">
        <v>5</v>
      </c>
      <c r="CT34" s="281">
        <v>4</v>
      </c>
      <c r="CU34" s="281">
        <v>1</v>
      </c>
      <c r="CV34" s="278">
        <v>11</v>
      </c>
      <c r="CW34" s="283">
        <v>11</v>
      </c>
      <c r="CX34" s="277">
        <v>0</v>
      </c>
      <c r="CY34" s="281">
        <v>0</v>
      </c>
      <c r="CZ34" s="278">
        <v>0</v>
      </c>
      <c r="DA34" s="280">
        <v>0</v>
      </c>
      <c r="DB34" s="281">
        <v>0</v>
      </c>
      <c r="DC34" s="281">
        <v>0</v>
      </c>
      <c r="DD34" s="281">
        <v>0</v>
      </c>
      <c r="DE34" s="281">
        <v>0</v>
      </c>
      <c r="DF34" s="281">
        <v>0</v>
      </c>
      <c r="DG34" s="278">
        <v>0</v>
      </c>
      <c r="DH34" s="283">
        <v>0</v>
      </c>
      <c r="DI34" s="277">
        <v>0</v>
      </c>
      <c r="DJ34" s="281">
        <v>0</v>
      </c>
      <c r="DK34" s="278">
        <v>0</v>
      </c>
      <c r="DL34" s="280">
        <v>0</v>
      </c>
      <c r="DM34" s="281">
        <v>0</v>
      </c>
      <c r="DN34" s="281">
        <v>0</v>
      </c>
      <c r="DO34" s="281">
        <v>0</v>
      </c>
      <c r="DP34" s="281">
        <v>0</v>
      </c>
      <c r="DQ34" s="281">
        <v>0</v>
      </c>
      <c r="DR34" s="278">
        <v>0</v>
      </c>
      <c r="DS34" s="283">
        <v>0</v>
      </c>
      <c r="DT34" s="277">
        <v>27</v>
      </c>
      <c r="DU34" s="281">
        <v>38</v>
      </c>
      <c r="DV34" s="278">
        <v>65</v>
      </c>
      <c r="DW34" s="280">
        <v>0</v>
      </c>
      <c r="DX34" s="281">
        <v>71</v>
      </c>
      <c r="DY34" s="281">
        <v>80</v>
      </c>
      <c r="DZ34" s="281">
        <v>43</v>
      </c>
      <c r="EA34" s="281">
        <v>32</v>
      </c>
      <c r="EB34" s="281">
        <v>18</v>
      </c>
      <c r="EC34" s="278">
        <v>244</v>
      </c>
      <c r="ED34" s="283">
        <v>309</v>
      </c>
      <c r="EE34" s="277">
        <v>3</v>
      </c>
      <c r="EF34" s="281">
        <v>3</v>
      </c>
      <c r="EG34" s="278">
        <v>6</v>
      </c>
      <c r="EH34" s="280">
        <v>0</v>
      </c>
      <c r="EI34" s="281">
        <v>7</v>
      </c>
      <c r="EJ34" s="281">
        <v>4</v>
      </c>
      <c r="EK34" s="281">
        <v>5</v>
      </c>
      <c r="EL34" s="281">
        <v>9</v>
      </c>
      <c r="EM34" s="281">
        <v>4</v>
      </c>
      <c r="EN34" s="278">
        <v>29</v>
      </c>
      <c r="EO34" s="283">
        <v>35</v>
      </c>
      <c r="EP34" s="277">
        <v>31</v>
      </c>
      <c r="EQ34" s="281">
        <v>38</v>
      </c>
      <c r="ER34" s="278">
        <v>69</v>
      </c>
      <c r="ES34" s="280">
        <v>0</v>
      </c>
      <c r="ET34" s="281">
        <v>141</v>
      </c>
      <c r="EU34" s="281">
        <v>111</v>
      </c>
      <c r="EV34" s="281">
        <v>49</v>
      </c>
      <c r="EW34" s="281">
        <v>34</v>
      </c>
      <c r="EX34" s="281">
        <v>20</v>
      </c>
      <c r="EY34" s="278">
        <v>355</v>
      </c>
      <c r="EZ34" s="283">
        <v>424</v>
      </c>
    </row>
    <row r="35" spans="2:156" ht="19.5" customHeight="1" x14ac:dyDescent="0.2">
      <c r="B35" s="262" t="s">
        <v>33</v>
      </c>
      <c r="C35" s="277">
        <v>0</v>
      </c>
      <c r="D35" s="281">
        <v>0</v>
      </c>
      <c r="E35" s="385">
        <v>0</v>
      </c>
      <c r="F35" s="280">
        <v>0</v>
      </c>
      <c r="G35" s="281">
        <v>25</v>
      </c>
      <c r="H35" s="281">
        <v>14</v>
      </c>
      <c r="I35" s="281">
        <v>12</v>
      </c>
      <c r="J35" s="281">
        <v>10</v>
      </c>
      <c r="K35" s="281">
        <v>9</v>
      </c>
      <c r="L35" s="282">
        <v>70</v>
      </c>
      <c r="M35" s="283">
        <v>70</v>
      </c>
      <c r="N35" s="277">
        <v>0</v>
      </c>
      <c r="O35" s="281">
        <v>0</v>
      </c>
      <c r="P35" s="278">
        <v>0</v>
      </c>
      <c r="Q35" s="280">
        <v>0</v>
      </c>
      <c r="R35" s="281">
        <v>0</v>
      </c>
      <c r="S35" s="281">
        <v>0</v>
      </c>
      <c r="T35" s="281">
        <v>2</v>
      </c>
      <c r="U35" s="281">
        <v>5</v>
      </c>
      <c r="V35" s="281">
        <v>3</v>
      </c>
      <c r="W35" s="278">
        <v>10</v>
      </c>
      <c r="X35" s="283">
        <v>10</v>
      </c>
      <c r="Y35" s="277">
        <v>1</v>
      </c>
      <c r="Z35" s="281">
        <v>2</v>
      </c>
      <c r="AA35" s="278">
        <v>3</v>
      </c>
      <c r="AB35" s="280">
        <v>0</v>
      </c>
      <c r="AC35" s="281">
        <v>15</v>
      </c>
      <c r="AD35" s="281">
        <v>11</v>
      </c>
      <c r="AE35" s="281">
        <v>6</v>
      </c>
      <c r="AF35" s="281">
        <v>10</v>
      </c>
      <c r="AG35" s="281">
        <v>8</v>
      </c>
      <c r="AH35" s="278">
        <v>50</v>
      </c>
      <c r="AI35" s="283">
        <v>53</v>
      </c>
      <c r="AJ35" s="277">
        <v>13</v>
      </c>
      <c r="AK35" s="281">
        <v>24</v>
      </c>
      <c r="AL35" s="278">
        <v>37</v>
      </c>
      <c r="AM35" s="280">
        <v>0</v>
      </c>
      <c r="AN35" s="281">
        <v>27</v>
      </c>
      <c r="AO35" s="281">
        <v>17</v>
      </c>
      <c r="AP35" s="281">
        <v>4</v>
      </c>
      <c r="AQ35" s="281">
        <v>7</v>
      </c>
      <c r="AR35" s="281">
        <v>2</v>
      </c>
      <c r="AS35" s="278">
        <v>57</v>
      </c>
      <c r="AT35" s="283">
        <v>94</v>
      </c>
      <c r="AU35" s="277">
        <v>7</v>
      </c>
      <c r="AV35" s="281">
        <v>13</v>
      </c>
      <c r="AW35" s="278">
        <v>20</v>
      </c>
      <c r="AX35" s="280">
        <v>0</v>
      </c>
      <c r="AY35" s="281">
        <v>20</v>
      </c>
      <c r="AZ35" s="281">
        <v>33</v>
      </c>
      <c r="BA35" s="281">
        <v>25</v>
      </c>
      <c r="BB35" s="281">
        <v>17</v>
      </c>
      <c r="BC35" s="281">
        <v>13</v>
      </c>
      <c r="BD35" s="282">
        <v>108</v>
      </c>
      <c r="BE35" s="283">
        <v>128</v>
      </c>
      <c r="BF35" s="277">
        <v>0</v>
      </c>
      <c r="BG35" s="281">
        <v>0</v>
      </c>
      <c r="BH35" s="278">
        <v>0</v>
      </c>
      <c r="BI35" s="280">
        <v>0</v>
      </c>
      <c r="BJ35" s="281">
        <v>16</v>
      </c>
      <c r="BK35" s="281">
        <v>6</v>
      </c>
      <c r="BL35" s="281">
        <v>2</v>
      </c>
      <c r="BM35" s="281">
        <v>5</v>
      </c>
      <c r="BN35" s="281">
        <v>2</v>
      </c>
      <c r="BO35" s="278">
        <v>31</v>
      </c>
      <c r="BP35" s="283">
        <v>31</v>
      </c>
      <c r="BQ35" s="277">
        <v>9</v>
      </c>
      <c r="BR35" s="281">
        <v>10</v>
      </c>
      <c r="BS35" s="278">
        <v>19</v>
      </c>
      <c r="BT35" s="280">
        <v>0</v>
      </c>
      <c r="BU35" s="281">
        <v>27</v>
      </c>
      <c r="BV35" s="281">
        <v>14</v>
      </c>
      <c r="BW35" s="281">
        <v>3</v>
      </c>
      <c r="BX35" s="281">
        <v>2</v>
      </c>
      <c r="BY35" s="281">
        <v>1</v>
      </c>
      <c r="BZ35" s="278">
        <v>47</v>
      </c>
      <c r="CA35" s="283">
        <v>66</v>
      </c>
      <c r="CB35" s="277">
        <v>0</v>
      </c>
      <c r="CC35" s="281">
        <v>0</v>
      </c>
      <c r="CD35" s="278">
        <v>0</v>
      </c>
      <c r="CE35" s="280">
        <v>0</v>
      </c>
      <c r="CF35" s="281">
        <v>1</v>
      </c>
      <c r="CG35" s="281">
        <v>5</v>
      </c>
      <c r="CH35" s="281">
        <v>6</v>
      </c>
      <c r="CI35" s="281">
        <v>7</v>
      </c>
      <c r="CJ35" s="281">
        <v>0</v>
      </c>
      <c r="CK35" s="278">
        <v>19</v>
      </c>
      <c r="CL35" s="283">
        <v>19</v>
      </c>
      <c r="CM35" s="277">
        <v>0</v>
      </c>
      <c r="CN35" s="281">
        <v>0</v>
      </c>
      <c r="CO35" s="278">
        <v>0</v>
      </c>
      <c r="CP35" s="280">
        <v>0</v>
      </c>
      <c r="CQ35" s="281">
        <v>1</v>
      </c>
      <c r="CR35" s="281">
        <v>2</v>
      </c>
      <c r="CS35" s="281">
        <v>4</v>
      </c>
      <c r="CT35" s="281">
        <v>0</v>
      </c>
      <c r="CU35" s="281">
        <v>0</v>
      </c>
      <c r="CV35" s="278">
        <v>7</v>
      </c>
      <c r="CW35" s="283">
        <v>7</v>
      </c>
      <c r="CX35" s="277">
        <v>0</v>
      </c>
      <c r="CY35" s="281">
        <v>0</v>
      </c>
      <c r="CZ35" s="278">
        <v>0</v>
      </c>
      <c r="DA35" s="280">
        <v>0</v>
      </c>
      <c r="DB35" s="281">
        <v>0</v>
      </c>
      <c r="DC35" s="281">
        <v>0</v>
      </c>
      <c r="DD35" s="281">
        <v>0</v>
      </c>
      <c r="DE35" s="281">
        <v>0</v>
      </c>
      <c r="DF35" s="281">
        <v>0</v>
      </c>
      <c r="DG35" s="278">
        <v>0</v>
      </c>
      <c r="DH35" s="283">
        <v>0</v>
      </c>
      <c r="DI35" s="277">
        <v>0</v>
      </c>
      <c r="DJ35" s="281">
        <v>0</v>
      </c>
      <c r="DK35" s="278">
        <v>0</v>
      </c>
      <c r="DL35" s="280">
        <v>0</v>
      </c>
      <c r="DM35" s="281">
        <v>1</v>
      </c>
      <c r="DN35" s="281">
        <v>0</v>
      </c>
      <c r="DO35" s="281">
        <v>0</v>
      </c>
      <c r="DP35" s="281">
        <v>0</v>
      </c>
      <c r="DQ35" s="281">
        <v>0</v>
      </c>
      <c r="DR35" s="278">
        <v>1</v>
      </c>
      <c r="DS35" s="283">
        <v>1</v>
      </c>
      <c r="DT35" s="277">
        <v>23</v>
      </c>
      <c r="DU35" s="281">
        <v>35</v>
      </c>
      <c r="DV35" s="278">
        <v>58</v>
      </c>
      <c r="DW35" s="280">
        <v>0</v>
      </c>
      <c r="DX35" s="281">
        <v>65</v>
      </c>
      <c r="DY35" s="281">
        <v>46</v>
      </c>
      <c r="DZ35" s="281">
        <v>24</v>
      </c>
      <c r="EA35" s="281">
        <v>22</v>
      </c>
      <c r="EB35" s="281">
        <v>16</v>
      </c>
      <c r="EC35" s="278">
        <v>173</v>
      </c>
      <c r="ED35" s="283">
        <v>231</v>
      </c>
      <c r="EE35" s="277">
        <v>4</v>
      </c>
      <c r="EF35" s="281">
        <v>7</v>
      </c>
      <c r="EG35" s="278">
        <v>11</v>
      </c>
      <c r="EH35" s="280">
        <v>0</v>
      </c>
      <c r="EI35" s="281">
        <v>13</v>
      </c>
      <c r="EJ35" s="281">
        <v>16</v>
      </c>
      <c r="EK35" s="281">
        <v>5</v>
      </c>
      <c r="EL35" s="281">
        <v>10</v>
      </c>
      <c r="EM35" s="281">
        <v>4</v>
      </c>
      <c r="EN35" s="278">
        <v>48</v>
      </c>
      <c r="EO35" s="283">
        <v>59</v>
      </c>
      <c r="EP35" s="277">
        <v>41</v>
      </c>
      <c r="EQ35" s="281">
        <v>49</v>
      </c>
      <c r="ER35" s="278">
        <v>90</v>
      </c>
      <c r="ES35" s="280">
        <v>0</v>
      </c>
      <c r="ET35" s="281">
        <v>115</v>
      </c>
      <c r="EU35" s="281">
        <v>65</v>
      </c>
      <c r="EV35" s="281">
        <v>30</v>
      </c>
      <c r="EW35" s="281">
        <v>29</v>
      </c>
      <c r="EX35" s="281">
        <v>14</v>
      </c>
      <c r="EY35" s="278">
        <v>253</v>
      </c>
      <c r="EZ35" s="283">
        <v>343</v>
      </c>
    </row>
    <row r="36" spans="2:156" ht="19.5" customHeight="1" x14ac:dyDescent="0.2">
      <c r="B36" s="262" t="s">
        <v>34</v>
      </c>
      <c r="C36" s="277">
        <v>0</v>
      </c>
      <c r="D36" s="281">
        <v>0</v>
      </c>
      <c r="E36" s="385">
        <v>0</v>
      </c>
      <c r="F36" s="280">
        <v>0</v>
      </c>
      <c r="G36" s="281">
        <v>15</v>
      </c>
      <c r="H36" s="281">
        <v>9</v>
      </c>
      <c r="I36" s="281">
        <v>11</v>
      </c>
      <c r="J36" s="281">
        <v>4</v>
      </c>
      <c r="K36" s="281">
        <v>3</v>
      </c>
      <c r="L36" s="282">
        <v>42</v>
      </c>
      <c r="M36" s="283">
        <v>42</v>
      </c>
      <c r="N36" s="277">
        <v>0</v>
      </c>
      <c r="O36" s="281">
        <v>0</v>
      </c>
      <c r="P36" s="278">
        <v>0</v>
      </c>
      <c r="Q36" s="280">
        <v>0</v>
      </c>
      <c r="R36" s="281">
        <v>0</v>
      </c>
      <c r="S36" s="281">
        <v>1</v>
      </c>
      <c r="T36" s="281">
        <v>0</v>
      </c>
      <c r="U36" s="281">
        <v>1</v>
      </c>
      <c r="V36" s="281">
        <v>5</v>
      </c>
      <c r="W36" s="278">
        <v>7</v>
      </c>
      <c r="X36" s="283">
        <v>7</v>
      </c>
      <c r="Y36" s="277">
        <v>0</v>
      </c>
      <c r="Z36" s="281">
        <v>6</v>
      </c>
      <c r="AA36" s="278">
        <v>6</v>
      </c>
      <c r="AB36" s="280">
        <v>0</v>
      </c>
      <c r="AC36" s="281">
        <v>11</v>
      </c>
      <c r="AD36" s="281">
        <v>11</v>
      </c>
      <c r="AE36" s="281">
        <v>7</v>
      </c>
      <c r="AF36" s="281">
        <v>1</v>
      </c>
      <c r="AG36" s="281">
        <v>3</v>
      </c>
      <c r="AH36" s="278">
        <v>33</v>
      </c>
      <c r="AI36" s="283">
        <v>39</v>
      </c>
      <c r="AJ36" s="277">
        <v>0</v>
      </c>
      <c r="AK36" s="281">
        <v>0</v>
      </c>
      <c r="AL36" s="278">
        <v>0</v>
      </c>
      <c r="AM36" s="280">
        <v>0</v>
      </c>
      <c r="AN36" s="281">
        <v>8</v>
      </c>
      <c r="AO36" s="281">
        <v>5</v>
      </c>
      <c r="AP36" s="281">
        <v>6</v>
      </c>
      <c r="AQ36" s="281">
        <v>1</v>
      </c>
      <c r="AR36" s="281">
        <v>1</v>
      </c>
      <c r="AS36" s="278">
        <v>21</v>
      </c>
      <c r="AT36" s="283">
        <v>21</v>
      </c>
      <c r="AU36" s="277">
        <v>3</v>
      </c>
      <c r="AV36" s="281">
        <v>4</v>
      </c>
      <c r="AW36" s="278">
        <v>7</v>
      </c>
      <c r="AX36" s="280">
        <v>0</v>
      </c>
      <c r="AY36" s="281">
        <v>27</v>
      </c>
      <c r="AZ36" s="281">
        <v>32</v>
      </c>
      <c r="BA36" s="281">
        <v>16</v>
      </c>
      <c r="BB36" s="281">
        <v>18</v>
      </c>
      <c r="BC36" s="281">
        <v>14</v>
      </c>
      <c r="BD36" s="282">
        <v>107</v>
      </c>
      <c r="BE36" s="283">
        <v>114</v>
      </c>
      <c r="BF36" s="277">
        <v>0</v>
      </c>
      <c r="BG36" s="281">
        <v>0</v>
      </c>
      <c r="BH36" s="278">
        <v>0</v>
      </c>
      <c r="BI36" s="280">
        <v>0</v>
      </c>
      <c r="BJ36" s="281">
        <v>35</v>
      </c>
      <c r="BK36" s="281">
        <v>19</v>
      </c>
      <c r="BL36" s="281">
        <v>17</v>
      </c>
      <c r="BM36" s="281">
        <v>8</v>
      </c>
      <c r="BN36" s="281">
        <v>1</v>
      </c>
      <c r="BO36" s="278">
        <v>80</v>
      </c>
      <c r="BP36" s="283">
        <v>80</v>
      </c>
      <c r="BQ36" s="277">
        <v>2</v>
      </c>
      <c r="BR36" s="281">
        <v>4</v>
      </c>
      <c r="BS36" s="278">
        <v>6</v>
      </c>
      <c r="BT36" s="280">
        <v>0</v>
      </c>
      <c r="BU36" s="281">
        <v>10</v>
      </c>
      <c r="BV36" s="281">
        <v>6</v>
      </c>
      <c r="BW36" s="281">
        <v>2</v>
      </c>
      <c r="BX36" s="281">
        <v>3</v>
      </c>
      <c r="BY36" s="281">
        <v>0</v>
      </c>
      <c r="BZ36" s="278">
        <v>21</v>
      </c>
      <c r="CA36" s="283">
        <v>27</v>
      </c>
      <c r="CB36" s="277">
        <v>0</v>
      </c>
      <c r="CC36" s="281">
        <v>0</v>
      </c>
      <c r="CD36" s="278">
        <v>0</v>
      </c>
      <c r="CE36" s="280">
        <v>0</v>
      </c>
      <c r="CF36" s="281">
        <v>3</v>
      </c>
      <c r="CG36" s="281">
        <v>1</v>
      </c>
      <c r="CH36" s="281">
        <v>3</v>
      </c>
      <c r="CI36" s="281">
        <v>4</v>
      </c>
      <c r="CJ36" s="281">
        <v>0</v>
      </c>
      <c r="CK36" s="278">
        <v>11</v>
      </c>
      <c r="CL36" s="283">
        <v>11</v>
      </c>
      <c r="CM36" s="277">
        <v>0</v>
      </c>
      <c r="CN36" s="281">
        <v>0</v>
      </c>
      <c r="CO36" s="278">
        <v>0</v>
      </c>
      <c r="CP36" s="280">
        <v>0</v>
      </c>
      <c r="CQ36" s="281">
        <v>1</v>
      </c>
      <c r="CR36" s="281">
        <v>0</v>
      </c>
      <c r="CS36" s="281">
        <v>1</v>
      </c>
      <c r="CT36" s="281">
        <v>1</v>
      </c>
      <c r="CU36" s="281">
        <v>0</v>
      </c>
      <c r="CV36" s="278">
        <v>3</v>
      </c>
      <c r="CW36" s="283">
        <v>3</v>
      </c>
      <c r="CX36" s="277">
        <v>0</v>
      </c>
      <c r="CY36" s="281">
        <v>0</v>
      </c>
      <c r="CZ36" s="278">
        <v>0</v>
      </c>
      <c r="DA36" s="280">
        <v>0</v>
      </c>
      <c r="DB36" s="281">
        <v>0</v>
      </c>
      <c r="DC36" s="281">
        <v>0</v>
      </c>
      <c r="DD36" s="281">
        <v>0</v>
      </c>
      <c r="DE36" s="281">
        <v>0</v>
      </c>
      <c r="DF36" s="281">
        <v>0</v>
      </c>
      <c r="DG36" s="278">
        <v>0</v>
      </c>
      <c r="DH36" s="283">
        <v>0</v>
      </c>
      <c r="DI36" s="277">
        <v>0</v>
      </c>
      <c r="DJ36" s="281">
        <v>0</v>
      </c>
      <c r="DK36" s="278">
        <v>0</v>
      </c>
      <c r="DL36" s="280">
        <v>0</v>
      </c>
      <c r="DM36" s="281">
        <v>0</v>
      </c>
      <c r="DN36" s="281">
        <v>0</v>
      </c>
      <c r="DO36" s="281">
        <v>0</v>
      </c>
      <c r="DP36" s="281">
        <v>0</v>
      </c>
      <c r="DQ36" s="281">
        <v>0</v>
      </c>
      <c r="DR36" s="278">
        <v>0</v>
      </c>
      <c r="DS36" s="283">
        <v>0</v>
      </c>
      <c r="DT36" s="277">
        <v>11</v>
      </c>
      <c r="DU36" s="281">
        <v>20</v>
      </c>
      <c r="DV36" s="278">
        <v>31</v>
      </c>
      <c r="DW36" s="280">
        <v>0</v>
      </c>
      <c r="DX36" s="281">
        <v>52</v>
      </c>
      <c r="DY36" s="281">
        <v>47</v>
      </c>
      <c r="DZ36" s="281">
        <v>34</v>
      </c>
      <c r="EA36" s="281">
        <v>22</v>
      </c>
      <c r="EB36" s="281">
        <v>8</v>
      </c>
      <c r="EC36" s="278">
        <v>163</v>
      </c>
      <c r="ED36" s="283">
        <v>194</v>
      </c>
      <c r="EE36" s="277">
        <v>3</v>
      </c>
      <c r="EF36" s="281">
        <v>1</v>
      </c>
      <c r="EG36" s="278">
        <v>4</v>
      </c>
      <c r="EH36" s="280">
        <v>0</v>
      </c>
      <c r="EI36" s="281">
        <v>9</v>
      </c>
      <c r="EJ36" s="281">
        <v>8</v>
      </c>
      <c r="EK36" s="281">
        <v>3</v>
      </c>
      <c r="EL36" s="281">
        <v>7</v>
      </c>
      <c r="EM36" s="281">
        <v>3</v>
      </c>
      <c r="EN36" s="278">
        <v>30</v>
      </c>
      <c r="EO36" s="283">
        <v>34</v>
      </c>
      <c r="EP36" s="277">
        <v>12</v>
      </c>
      <c r="EQ36" s="281">
        <v>25</v>
      </c>
      <c r="ER36" s="278">
        <v>37</v>
      </c>
      <c r="ES36" s="280">
        <v>0</v>
      </c>
      <c r="ET36" s="281">
        <v>83</v>
      </c>
      <c r="EU36" s="281">
        <v>46</v>
      </c>
      <c r="EV36" s="281">
        <v>35</v>
      </c>
      <c r="EW36" s="281">
        <v>19</v>
      </c>
      <c r="EX36" s="281">
        <v>7</v>
      </c>
      <c r="EY36" s="278">
        <v>190</v>
      </c>
      <c r="EZ36" s="283">
        <v>227</v>
      </c>
    </row>
    <row r="37" spans="2:156" ht="19.5" customHeight="1" x14ac:dyDescent="0.2">
      <c r="B37" s="262" t="s">
        <v>35</v>
      </c>
      <c r="C37" s="277">
        <v>0</v>
      </c>
      <c r="D37" s="281">
        <v>0</v>
      </c>
      <c r="E37" s="385">
        <v>0</v>
      </c>
      <c r="F37" s="280">
        <v>0</v>
      </c>
      <c r="G37" s="281">
        <v>113</v>
      </c>
      <c r="H37" s="281">
        <v>53</v>
      </c>
      <c r="I37" s="281">
        <v>37</v>
      </c>
      <c r="J37" s="281">
        <v>28</v>
      </c>
      <c r="K37" s="281">
        <v>18</v>
      </c>
      <c r="L37" s="282">
        <v>249</v>
      </c>
      <c r="M37" s="283">
        <v>249</v>
      </c>
      <c r="N37" s="277">
        <v>0</v>
      </c>
      <c r="O37" s="281">
        <v>0</v>
      </c>
      <c r="P37" s="278">
        <v>0</v>
      </c>
      <c r="Q37" s="280">
        <v>0</v>
      </c>
      <c r="R37" s="281">
        <v>0</v>
      </c>
      <c r="S37" s="281">
        <v>5</v>
      </c>
      <c r="T37" s="281">
        <v>2</v>
      </c>
      <c r="U37" s="281">
        <v>8</v>
      </c>
      <c r="V37" s="281">
        <v>9</v>
      </c>
      <c r="W37" s="278">
        <v>24</v>
      </c>
      <c r="X37" s="283">
        <v>24</v>
      </c>
      <c r="Y37" s="277">
        <v>1</v>
      </c>
      <c r="Z37" s="281">
        <v>4</v>
      </c>
      <c r="AA37" s="278">
        <v>5</v>
      </c>
      <c r="AB37" s="280">
        <v>0</v>
      </c>
      <c r="AC37" s="281">
        <v>40</v>
      </c>
      <c r="AD37" s="281">
        <v>31</v>
      </c>
      <c r="AE37" s="281">
        <v>20</v>
      </c>
      <c r="AF37" s="281">
        <v>19</v>
      </c>
      <c r="AG37" s="281">
        <v>9</v>
      </c>
      <c r="AH37" s="278">
        <v>119</v>
      </c>
      <c r="AI37" s="283">
        <v>124</v>
      </c>
      <c r="AJ37" s="277">
        <v>3</v>
      </c>
      <c r="AK37" s="281">
        <v>3</v>
      </c>
      <c r="AL37" s="278">
        <v>6</v>
      </c>
      <c r="AM37" s="280">
        <v>0</v>
      </c>
      <c r="AN37" s="281">
        <v>22</v>
      </c>
      <c r="AO37" s="281">
        <v>12</v>
      </c>
      <c r="AP37" s="281">
        <v>8</v>
      </c>
      <c r="AQ37" s="281">
        <v>5</v>
      </c>
      <c r="AR37" s="281">
        <v>4</v>
      </c>
      <c r="AS37" s="278">
        <v>51</v>
      </c>
      <c r="AT37" s="283">
        <v>57</v>
      </c>
      <c r="AU37" s="277">
        <v>25</v>
      </c>
      <c r="AV37" s="281">
        <v>17</v>
      </c>
      <c r="AW37" s="278">
        <v>42</v>
      </c>
      <c r="AX37" s="280">
        <v>0</v>
      </c>
      <c r="AY37" s="281">
        <v>87</v>
      </c>
      <c r="AZ37" s="281">
        <v>78</v>
      </c>
      <c r="BA37" s="281">
        <v>77</v>
      </c>
      <c r="BB37" s="281">
        <v>87</v>
      </c>
      <c r="BC37" s="281">
        <v>37</v>
      </c>
      <c r="BD37" s="282">
        <v>366</v>
      </c>
      <c r="BE37" s="283">
        <v>408</v>
      </c>
      <c r="BF37" s="277">
        <v>0</v>
      </c>
      <c r="BG37" s="281">
        <v>0</v>
      </c>
      <c r="BH37" s="278">
        <v>0</v>
      </c>
      <c r="BI37" s="280">
        <v>0</v>
      </c>
      <c r="BJ37" s="281">
        <v>157</v>
      </c>
      <c r="BK37" s="281">
        <v>85</v>
      </c>
      <c r="BL37" s="281">
        <v>44</v>
      </c>
      <c r="BM37" s="281">
        <v>22</v>
      </c>
      <c r="BN37" s="281">
        <v>13</v>
      </c>
      <c r="BO37" s="278">
        <v>321</v>
      </c>
      <c r="BP37" s="283">
        <v>321</v>
      </c>
      <c r="BQ37" s="277">
        <v>11</v>
      </c>
      <c r="BR37" s="281">
        <v>24</v>
      </c>
      <c r="BS37" s="278">
        <v>35</v>
      </c>
      <c r="BT37" s="280">
        <v>0</v>
      </c>
      <c r="BU37" s="281">
        <v>55</v>
      </c>
      <c r="BV37" s="281">
        <v>28</v>
      </c>
      <c r="BW37" s="281">
        <v>12</v>
      </c>
      <c r="BX37" s="281">
        <v>13</v>
      </c>
      <c r="BY37" s="281">
        <v>1</v>
      </c>
      <c r="BZ37" s="278">
        <v>109</v>
      </c>
      <c r="CA37" s="283">
        <v>144</v>
      </c>
      <c r="CB37" s="277">
        <v>0</v>
      </c>
      <c r="CC37" s="281">
        <v>0</v>
      </c>
      <c r="CD37" s="278">
        <v>0</v>
      </c>
      <c r="CE37" s="280">
        <v>0</v>
      </c>
      <c r="CF37" s="281">
        <v>5</v>
      </c>
      <c r="CG37" s="281">
        <v>11</v>
      </c>
      <c r="CH37" s="281">
        <v>13</v>
      </c>
      <c r="CI37" s="281">
        <v>12</v>
      </c>
      <c r="CJ37" s="281">
        <v>2</v>
      </c>
      <c r="CK37" s="278">
        <v>43</v>
      </c>
      <c r="CL37" s="283">
        <v>43</v>
      </c>
      <c r="CM37" s="277">
        <v>0</v>
      </c>
      <c r="CN37" s="281">
        <v>0</v>
      </c>
      <c r="CO37" s="278">
        <v>0</v>
      </c>
      <c r="CP37" s="280">
        <v>0</v>
      </c>
      <c r="CQ37" s="281">
        <v>2</v>
      </c>
      <c r="CR37" s="281">
        <v>2</v>
      </c>
      <c r="CS37" s="281">
        <v>2</v>
      </c>
      <c r="CT37" s="281">
        <v>2</v>
      </c>
      <c r="CU37" s="281">
        <v>0</v>
      </c>
      <c r="CV37" s="278">
        <v>8</v>
      </c>
      <c r="CW37" s="283">
        <v>8</v>
      </c>
      <c r="CX37" s="277">
        <v>0</v>
      </c>
      <c r="CY37" s="281">
        <v>0</v>
      </c>
      <c r="CZ37" s="278">
        <v>0</v>
      </c>
      <c r="DA37" s="280">
        <v>0</v>
      </c>
      <c r="DB37" s="281">
        <v>0</v>
      </c>
      <c r="DC37" s="281">
        <v>0</v>
      </c>
      <c r="DD37" s="281">
        <v>0</v>
      </c>
      <c r="DE37" s="281">
        <v>0</v>
      </c>
      <c r="DF37" s="281">
        <v>0</v>
      </c>
      <c r="DG37" s="278">
        <v>0</v>
      </c>
      <c r="DH37" s="283">
        <v>0</v>
      </c>
      <c r="DI37" s="277">
        <v>0</v>
      </c>
      <c r="DJ37" s="281">
        <v>0</v>
      </c>
      <c r="DK37" s="278">
        <v>0</v>
      </c>
      <c r="DL37" s="280">
        <v>0</v>
      </c>
      <c r="DM37" s="281">
        <v>0</v>
      </c>
      <c r="DN37" s="281">
        <v>0</v>
      </c>
      <c r="DO37" s="281">
        <v>0</v>
      </c>
      <c r="DP37" s="281">
        <v>0</v>
      </c>
      <c r="DQ37" s="281">
        <v>0</v>
      </c>
      <c r="DR37" s="278">
        <v>0</v>
      </c>
      <c r="DS37" s="283">
        <v>0</v>
      </c>
      <c r="DT37" s="277">
        <v>36</v>
      </c>
      <c r="DU37" s="281">
        <v>69</v>
      </c>
      <c r="DV37" s="278">
        <v>105</v>
      </c>
      <c r="DW37" s="280">
        <v>0</v>
      </c>
      <c r="DX37" s="281">
        <v>174</v>
      </c>
      <c r="DY37" s="281">
        <v>152</v>
      </c>
      <c r="DZ37" s="281">
        <v>80</v>
      </c>
      <c r="EA37" s="281">
        <v>60</v>
      </c>
      <c r="EB37" s="281">
        <v>33</v>
      </c>
      <c r="EC37" s="278">
        <v>499</v>
      </c>
      <c r="ED37" s="283">
        <v>604</v>
      </c>
      <c r="EE37" s="277">
        <v>21</v>
      </c>
      <c r="EF37" s="281">
        <v>12</v>
      </c>
      <c r="EG37" s="278">
        <v>33</v>
      </c>
      <c r="EH37" s="280">
        <v>0</v>
      </c>
      <c r="EI37" s="281">
        <v>42</v>
      </c>
      <c r="EJ37" s="281">
        <v>24</v>
      </c>
      <c r="EK37" s="281">
        <v>27</v>
      </c>
      <c r="EL37" s="281">
        <v>32</v>
      </c>
      <c r="EM37" s="281">
        <v>10</v>
      </c>
      <c r="EN37" s="278">
        <v>135</v>
      </c>
      <c r="EO37" s="283">
        <v>168</v>
      </c>
      <c r="EP37" s="277">
        <v>45</v>
      </c>
      <c r="EQ37" s="281">
        <v>84</v>
      </c>
      <c r="ER37" s="278">
        <v>129</v>
      </c>
      <c r="ES37" s="280">
        <v>0</v>
      </c>
      <c r="ET37" s="281">
        <v>312</v>
      </c>
      <c r="EU37" s="281">
        <v>202</v>
      </c>
      <c r="EV37" s="281">
        <v>89</v>
      </c>
      <c r="EW37" s="281">
        <v>69</v>
      </c>
      <c r="EX37" s="281">
        <v>31</v>
      </c>
      <c r="EY37" s="278">
        <v>703</v>
      </c>
      <c r="EZ37" s="283">
        <v>832</v>
      </c>
    </row>
    <row r="38" spans="2:156" ht="19.5" customHeight="1" x14ac:dyDescent="0.2">
      <c r="B38" s="262" t="s">
        <v>36</v>
      </c>
      <c r="C38" s="277">
        <v>0</v>
      </c>
      <c r="D38" s="281">
        <v>0</v>
      </c>
      <c r="E38" s="385">
        <v>0</v>
      </c>
      <c r="F38" s="280">
        <v>0</v>
      </c>
      <c r="G38" s="281">
        <v>59</v>
      </c>
      <c r="H38" s="281">
        <v>60</v>
      </c>
      <c r="I38" s="281">
        <v>31</v>
      </c>
      <c r="J38" s="281">
        <v>34</v>
      </c>
      <c r="K38" s="281">
        <v>26</v>
      </c>
      <c r="L38" s="282">
        <v>210</v>
      </c>
      <c r="M38" s="283">
        <v>210</v>
      </c>
      <c r="N38" s="277">
        <v>0</v>
      </c>
      <c r="O38" s="281">
        <v>0</v>
      </c>
      <c r="P38" s="278">
        <v>0</v>
      </c>
      <c r="Q38" s="280">
        <v>0</v>
      </c>
      <c r="R38" s="281">
        <v>2</v>
      </c>
      <c r="S38" s="281">
        <v>6</v>
      </c>
      <c r="T38" s="281">
        <v>1</v>
      </c>
      <c r="U38" s="281">
        <v>9</v>
      </c>
      <c r="V38" s="281">
        <v>11</v>
      </c>
      <c r="W38" s="278">
        <v>29</v>
      </c>
      <c r="X38" s="283">
        <v>29</v>
      </c>
      <c r="Y38" s="277">
        <v>12</v>
      </c>
      <c r="Z38" s="281">
        <v>21</v>
      </c>
      <c r="AA38" s="278">
        <v>33</v>
      </c>
      <c r="AB38" s="280">
        <v>0</v>
      </c>
      <c r="AC38" s="281">
        <v>57</v>
      </c>
      <c r="AD38" s="281">
        <v>46</v>
      </c>
      <c r="AE38" s="281">
        <v>27</v>
      </c>
      <c r="AF38" s="281">
        <v>29</v>
      </c>
      <c r="AG38" s="281">
        <v>31</v>
      </c>
      <c r="AH38" s="278">
        <v>190</v>
      </c>
      <c r="AI38" s="283">
        <v>223</v>
      </c>
      <c r="AJ38" s="277">
        <v>6</v>
      </c>
      <c r="AK38" s="281">
        <v>4</v>
      </c>
      <c r="AL38" s="278">
        <v>10</v>
      </c>
      <c r="AM38" s="280">
        <v>0</v>
      </c>
      <c r="AN38" s="281">
        <v>15</v>
      </c>
      <c r="AO38" s="281">
        <v>13</v>
      </c>
      <c r="AP38" s="281">
        <v>11</v>
      </c>
      <c r="AQ38" s="281">
        <v>5</v>
      </c>
      <c r="AR38" s="281">
        <v>7</v>
      </c>
      <c r="AS38" s="278">
        <v>51</v>
      </c>
      <c r="AT38" s="283">
        <v>61</v>
      </c>
      <c r="AU38" s="277">
        <v>3</v>
      </c>
      <c r="AV38" s="281">
        <v>9</v>
      </c>
      <c r="AW38" s="278">
        <v>12</v>
      </c>
      <c r="AX38" s="280">
        <v>0</v>
      </c>
      <c r="AY38" s="281">
        <v>29</v>
      </c>
      <c r="AZ38" s="281">
        <v>49</v>
      </c>
      <c r="BA38" s="281">
        <v>70</v>
      </c>
      <c r="BB38" s="281">
        <v>48</v>
      </c>
      <c r="BC38" s="281">
        <v>46</v>
      </c>
      <c r="BD38" s="282">
        <v>242</v>
      </c>
      <c r="BE38" s="283">
        <v>254</v>
      </c>
      <c r="BF38" s="277">
        <v>0</v>
      </c>
      <c r="BG38" s="281">
        <v>0</v>
      </c>
      <c r="BH38" s="278">
        <v>0</v>
      </c>
      <c r="BI38" s="280">
        <v>0</v>
      </c>
      <c r="BJ38" s="281">
        <v>82</v>
      </c>
      <c r="BK38" s="281">
        <v>86</v>
      </c>
      <c r="BL38" s="281">
        <v>49</v>
      </c>
      <c r="BM38" s="281">
        <v>29</v>
      </c>
      <c r="BN38" s="281">
        <v>17</v>
      </c>
      <c r="BO38" s="278">
        <v>263</v>
      </c>
      <c r="BP38" s="283">
        <v>263</v>
      </c>
      <c r="BQ38" s="277">
        <v>3</v>
      </c>
      <c r="BR38" s="281">
        <v>13</v>
      </c>
      <c r="BS38" s="278">
        <v>16</v>
      </c>
      <c r="BT38" s="280">
        <v>0</v>
      </c>
      <c r="BU38" s="281">
        <v>25</v>
      </c>
      <c r="BV38" s="281">
        <v>24</v>
      </c>
      <c r="BW38" s="281">
        <v>16</v>
      </c>
      <c r="BX38" s="281">
        <v>2</v>
      </c>
      <c r="BY38" s="281">
        <v>1</v>
      </c>
      <c r="BZ38" s="278">
        <v>68</v>
      </c>
      <c r="CA38" s="283">
        <v>84</v>
      </c>
      <c r="CB38" s="277">
        <v>0</v>
      </c>
      <c r="CC38" s="281">
        <v>3</v>
      </c>
      <c r="CD38" s="278">
        <v>3</v>
      </c>
      <c r="CE38" s="280">
        <v>0</v>
      </c>
      <c r="CF38" s="281">
        <v>14</v>
      </c>
      <c r="CG38" s="281">
        <v>23</v>
      </c>
      <c r="CH38" s="281">
        <v>30</v>
      </c>
      <c r="CI38" s="281">
        <v>11</v>
      </c>
      <c r="CJ38" s="281">
        <v>14</v>
      </c>
      <c r="CK38" s="278">
        <v>92</v>
      </c>
      <c r="CL38" s="283">
        <v>95</v>
      </c>
      <c r="CM38" s="277">
        <v>0</v>
      </c>
      <c r="CN38" s="281">
        <v>0</v>
      </c>
      <c r="CO38" s="278">
        <v>0</v>
      </c>
      <c r="CP38" s="280">
        <v>0</v>
      </c>
      <c r="CQ38" s="281">
        <v>1</v>
      </c>
      <c r="CR38" s="281">
        <v>0</v>
      </c>
      <c r="CS38" s="281">
        <v>0</v>
      </c>
      <c r="CT38" s="281">
        <v>0</v>
      </c>
      <c r="CU38" s="281">
        <v>0</v>
      </c>
      <c r="CV38" s="278">
        <v>1</v>
      </c>
      <c r="CW38" s="283">
        <v>1</v>
      </c>
      <c r="CX38" s="277">
        <v>0</v>
      </c>
      <c r="CY38" s="281">
        <v>0</v>
      </c>
      <c r="CZ38" s="278">
        <v>0</v>
      </c>
      <c r="DA38" s="280">
        <v>0</v>
      </c>
      <c r="DB38" s="281">
        <v>0</v>
      </c>
      <c r="DC38" s="281">
        <v>0</v>
      </c>
      <c r="DD38" s="281">
        <v>0</v>
      </c>
      <c r="DE38" s="281">
        <v>0</v>
      </c>
      <c r="DF38" s="281">
        <v>0</v>
      </c>
      <c r="DG38" s="278">
        <v>0</v>
      </c>
      <c r="DH38" s="283">
        <v>0</v>
      </c>
      <c r="DI38" s="277">
        <v>0</v>
      </c>
      <c r="DJ38" s="281">
        <v>0</v>
      </c>
      <c r="DK38" s="278">
        <v>0</v>
      </c>
      <c r="DL38" s="280">
        <v>0</v>
      </c>
      <c r="DM38" s="281">
        <v>0</v>
      </c>
      <c r="DN38" s="281">
        <v>0</v>
      </c>
      <c r="DO38" s="281">
        <v>0</v>
      </c>
      <c r="DP38" s="281">
        <v>0</v>
      </c>
      <c r="DQ38" s="281">
        <v>0</v>
      </c>
      <c r="DR38" s="278">
        <v>0</v>
      </c>
      <c r="DS38" s="283">
        <v>0</v>
      </c>
      <c r="DT38" s="277">
        <v>34</v>
      </c>
      <c r="DU38" s="281">
        <v>96</v>
      </c>
      <c r="DV38" s="278">
        <v>130</v>
      </c>
      <c r="DW38" s="280">
        <v>0</v>
      </c>
      <c r="DX38" s="281">
        <v>165</v>
      </c>
      <c r="DY38" s="281">
        <v>160</v>
      </c>
      <c r="DZ38" s="281">
        <v>102</v>
      </c>
      <c r="EA38" s="281">
        <v>79</v>
      </c>
      <c r="EB38" s="281">
        <v>43</v>
      </c>
      <c r="EC38" s="278">
        <v>549</v>
      </c>
      <c r="ED38" s="283">
        <v>679</v>
      </c>
      <c r="EE38" s="277">
        <v>1</v>
      </c>
      <c r="EF38" s="281">
        <v>2</v>
      </c>
      <c r="EG38" s="278">
        <v>3</v>
      </c>
      <c r="EH38" s="280">
        <v>0</v>
      </c>
      <c r="EI38" s="281">
        <v>7</v>
      </c>
      <c r="EJ38" s="281">
        <v>16</v>
      </c>
      <c r="EK38" s="281">
        <v>14</v>
      </c>
      <c r="EL38" s="281">
        <v>7</v>
      </c>
      <c r="EM38" s="281">
        <v>6</v>
      </c>
      <c r="EN38" s="278">
        <v>50</v>
      </c>
      <c r="EO38" s="283">
        <v>53</v>
      </c>
      <c r="EP38" s="277">
        <v>50</v>
      </c>
      <c r="EQ38" s="281">
        <v>120</v>
      </c>
      <c r="ER38" s="278">
        <v>170</v>
      </c>
      <c r="ES38" s="280">
        <v>0</v>
      </c>
      <c r="ET38" s="281">
        <v>265</v>
      </c>
      <c r="EU38" s="281">
        <v>225</v>
      </c>
      <c r="EV38" s="281">
        <v>135</v>
      </c>
      <c r="EW38" s="281">
        <v>88</v>
      </c>
      <c r="EX38" s="281">
        <v>55</v>
      </c>
      <c r="EY38" s="278">
        <v>768</v>
      </c>
      <c r="EZ38" s="283">
        <v>938</v>
      </c>
    </row>
    <row r="39" spans="2:156" ht="19.5" customHeight="1" thickBot="1" x14ac:dyDescent="0.25">
      <c r="B39" s="263" t="s">
        <v>37</v>
      </c>
      <c r="C39" s="284">
        <v>0</v>
      </c>
      <c r="D39" s="288">
        <v>0</v>
      </c>
      <c r="E39" s="386">
        <v>0</v>
      </c>
      <c r="F39" s="287">
        <v>0</v>
      </c>
      <c r="G39" s="288">
        <v>4</v>
      </c>
      <c r="H39" s="288">
        <v>5</v>
      </c>
      <c r="I39" s="288">
        <v>5</v>
      </c>
      <c r="J39" s="288">
        <v>3</v>
      </c>
      <c r="K39" s="288">
        <v>4</v>
      </c>
      <c r="L39" s="289">
        <v>21</v>
      </c>
      <c r="M39" s="290">
        <v>21</v>
      </c>
      <c r="N39" s="284">
        <v>0</v>
      </c>
      <c r="O39" s="288">
        <v>0</v>
      </c>
      <c r="P39" s="285">
        <v>0</v>
      </c>
      <c r="Q39" s="287">
        <v>0</v>
      </c>
      <c r="R39" s="288">
        <v>0</v>
      </c>
      <c r="S39" s="288">
        <v>0</v>
      </c>
      <c r="T39" s="288">
        <v>1</v>
      </c>
      <c r="U39" s="288">
        <v>1</v>
      </c>
      <c r="V39" s="288">
        <v>0</v>
      </c>
      <c r="W39" s="285">
        <v>2</v>
      </c>
      <c r="X39" s="290">
        <v>2</v>
      </c>
      <c r="Y39" s="284">
        <v>2</v>
      </c>
      <c r="Z39" s="288">
        <v>2</v>
      </c>
      <c r="AA39" s="285">
        <v>4</v>
      </c>
      <c r="AB39" s="287">
        <v>0</v>
      </c>
      <c r="AC39" s="288">
        <v>3</v>
      </c>
      <c r="AD39" s="288">
        <v>4</v>
      </c>
      <c r="AE39" s="288">
        <v>3</v>
      </c>
      <c r="AF39" s="288">
        <v>4</v>
      </c>
      <c r="AG39" s="288">
        <v>1</v>
      </c>
      <c r="AH39" s="285">
        <v>15</v>
      </c>
      <c r="AI39" s="290">
        <v>19</v>
      </c>
      <c r="AJ39" s="284">
        <v>0</v>
      </c>
      <c r="AK39" s="288">
        <v>0</v>
      </c>
      <c r="AL39" s="285">
        <v>0</v>
      </c>
      <c r="AM39" s="287">
        <v>0</v>
      </c>
      <c r="AN39" s="288">
        <v>1</v>
      </c>
      <c r="AO39" s="288">
        <v>2</v>
      </c>
      <c r="AP39" s="288">
        <v>2</v>
      </c>
      <c r="AQ39" s="288">
        <v>1</v>
      </c>
      <c r="AR39" s="288">
        <v>0</v>
      </c>
      <c r="AS39" s="285">
        <v>6</v>
      </c>
      <c r="AT39" s="290">
        <v>6</v>
      </c>
      <c r="AU39" s="284">
        <v>1</v>
      </c>
      <c r="AV39" s="288">
        <v>0</v>
      </c>
      <c r="AW39" s="285">
        <v>1</v>
      </c>
      <c r="AX39" s="287">
        <v>0</v>
      </c>
      <c r="AY39" s="288">
        <v>2</v>
      </c>
      <c r="AZ39" s="288">
        <v>3</v>
      </c>
      <c r="BA39" s="288">
        <v>6</v>
      </c>
      <c r="BB39" s="288">
        <v>5</v>
      </c>
      <c r="BC39" s="288">
        <v>4</v>
      </c>
      <c r="BD39" s="289">
        <v>20</v>
      </c>
      <c r="BE39" s="290">
        <v>21</v>
      </c>
      <c r="BF39" s="284">
        <v>0</v>
      </c>
      <c r="BG39" s="288">
        <v>0</v>
      </c>
      <c r="BH39" s="285">
        <v>0</v>
      </c>
      <c r="BI39" s="287">
        <v>0</v>
      </c>
      <c r="BJ39" s="288">
        <v>6</v>
      </c>
      <c r="BK39" s="288">
        <v>2</v>
      </c>
      <c r="BL39" s="288">
        <v>5</v>
      </c>
      <c r="BM39" s="288">
        <v>1</v>
      </c>
      <c r="BN39" s="288">
        <v>1</v>
      </c>
      <c r="BO39" s="285">
        <v>15</v>
      </c>
      <c r="BP39" s="290">
        <v>15</v>
      </c>
      <c r="BQ39" s="284">
        <v>2</v>
      </c>
      <c r="BR39" s="288">
        <v>1</v>
      </c>
      <c r="BS39" s="285">
        <v>3</v>
      </c>
      <c r="BT39" s="287">
        <v>0</v>
      </c>
      <c r="BU39" s="288">
        <v>5</v>
      </c>
      <c r="BV39" s="288">
        <v>2</v>
      </c>
      <c r="BW39" s="288">
        <v>4</v>
      </c>
      <c r="BX39" s="288">
        <v>2</v>
      </c>
      <c r="BY39" s="288">
        <v>0</v>
      </c>
      <c r="BZ39" s="285">
        <v>13</v>
      </c>
      <c r="CA39" s="290">
        <v>16</v>
      </c>
      <c r="CB39" s="284">
        <v>0</v>
      </c>
      <c r="CC39" s="288">
        <v>0</v>
      </c>
      <c r="CD39" s="285">
        <v>0</v>
      </c>
      <c r="CE39" s="287">
        <v>0</v>
      </c>
      <c r="CF39" s="288">
        <v>2</v>
      </c>
      <c r="CG39" s="288">
        <v>2</v>
      </c>
      <c r="CH39" s="288">
        <v>6</v>
      </c>
      <c r="CI39" s="288">
        <v>1</v>
      </c>
      <c r="CJ39" s="288">
        <v>1</v>
      </c>
      <c r="CK39" s="285">
        <v>12</v>
      </c>
      <c r="CL39" s="290">
        <v>12</v>
      </c>
      <c r="CM39" s="284">
        <v>0</v>
      </c>
      <c r="CN39" s="288">
        <v>0</v>
      </c>
      <c r="CO39" s="285">
        <v>0</v>
      </c>
      <c r="CP39" s="287">
        <v>0</v>
      </c>
      <c r="CQ39" s="288">
        <v>1</v>
      </c>
      <c r="CR39" s="288">
        <v>1</v>
      </c>
      <c r="CS39" s="288">
        <v>0</v>
      </c>
      <c r="CT39" s="288">
        <v>1</v>
      </c>
      <c r="CU39" s="288">
        <v>0</v>
      </c>
      <c r="CV39" s="285">
        <v>3</v>
      </c>
      <c r="CW39" s="290">
        <v>3</v>
      </c>
      <c r="CX39" s="284">
        <v>0</v>
      </c>
      <c r="CY39" s="288">
        <v>0</v>
      </c>
      <c r="CZ39" s="285">
        <v>0</v>
      </c>
      <c r="DA39" s="287">
        <v>0</v>
      </c>
      <c r="DB39" s="288">
        <v>0</v>
      </c>
      <c r="DC39" s="288">
        <v>0</v>
      </c>
      <c r="DD39" s="288">
        <v>0</v>
      </c>
      <c r="DE39" s="288">
        <v>0</v>
      </c>
      <c r="DF39" s="288">
        <v>0</v>
      </c>
      <c r="DG39" s="285">
        <v>0</v>
      </c>
      <c r="DH39" s="290">
        <v>0</v>
      </c>
      <c r="DI39" s="284">
        <v>0</v>
      </c>
      <c r="DJ39" s="288">
        <v>0</v>
      </c>
      <c r="DK39" s="285">
        <v>0</v>
      </c>
      <c r="DL39" s="287">
        <v>0</v>
      </c>
      <c r="DM39" s="288">
        <v>0</v>
      </c>
      <c r="DN39" s="288">
        <v>0</v>
      </c>
      <c r="DO39" s="288">
        <v>0</v>
      </c>
      <c r="DP39" s="288">
        <v>0</v>
      </c>
      <c r="DQ39" s="288">
        <v>0</v>
      </c>
      <c r="DR39" s="285">
        <v>0</v>
      </c>
      <c r="DS39" s="290">
        <v>0</v>
      </c>
      <c r="DT39" s="284">
        <v>8</v>
      </c>
      <c r="DU39" s="288">
        <v>4</v>
      </c>
      <c r="DV39" s="285">
        <v>12</v>
      </c>
      <c r="DW39" s="287">
        <v>0</v>
      </c>
      <c r="DX39" s="288">
        <v>20</v>
      </c>
      <c r="DY39" s="288">
        <v>13</v>
      </c>
      <c r="DZ39" s="288">
        <v>18</v>
      </c>
      <c r="EA39" s="288">
        <v>7</v>
      </c>
      <c r="EB39" s="288">
        <v>5</v>
      </c>
      <c r="EC39" s="285">
        <v>63</v>
      </c>
      <c r="ED39" s="290">
        <v>75</v>
      </c>
      <c r="EE39" s="284">
        <v>0</v>
      </c>
      <c r="EF39" s="288">
        <v>0</v>
      </c>
      <c r="EG39" s="285">
        <v>0</v>
      </c>
      <c r="EH39" s="287">
        <v>0</v>
      </c>
      <c r="EI39" s="288">
        <v>0</v>
      </c>
      <c r="EJ39" s="288">
        <v>0</v>
      </c>
      <c r="EK39" s="288">
        <v>0</v>
      </c>
      <c r="EL39" s="288">
        <v>1</v>
      </c>
      <c r="EM39" s="288">
        <v>1</v>
      </c>
      <c r="EN39" s="285">
        <v>2</v>
      </c>
      <c r="EO39" s="290">
        <v>2</v>
      </c>
      <c r="EP39" s="284">
        <v>11</v>
      </c>
      <c r="EQ39" s="288">
        <v>6</v>
      </c>
      <c r="ER39" s="285">
        <v>17</v>
      </c>
      <c r="ES39" s="287">
        <v>0</v>
      </c>
      <c r="ET39" s="288">
        <v>30</v>
      </c>
      <c r="EU39" s="288">
        <v>17</v>
      </c>
      <c r="EV39" s="288">
        <v>24</v>
      </c>
      <c r="EW39" s="288">
        <v>7</v>
      </c>
      <c r="EX39" s="288">
        <v>5</v>
      </c>
      <c r="EY39" s="285">
        <v>83</v>
      </c>
      <c r="EZ39" s="290">
        <v>100</v>
      </c>
    </row>
  </sheetData>
  <mergeCells count="59">
    <mergeCell ref="EP3:EZ3"/>
    <mergeCell ref="EE3:EO3"/>
    <mergeCell ref="ES4:EY4"/>
    <mergeCell ref="EZ4:EZ5"/>
    <mergeCell ref="ED4:ED5"/>
    <mergeCell ref="EE4:EG4"/>
    <mergeCell ref="EH4:EN4"/>
    <mergeCell ref="EO4:EO5"/>
    <mergeCell ref="EP4:ER4"/>
    <mergeCell ref="DT3:ED3"/>
    <mergeCell ref="DT4:DV4"/>
    <mergeCell ref="DW4:EC4"/>
    <mergeCell ref="DI3:DS3"/>
    <mergeCell ref="DI4:DK4"/>
    <mergeCell ref="DL4:DR4"/>
    <mergeCell ref="DS4:DS5"/>
    <mergeCell ref="BI4:BO4"/>
    <mergeCell ref="CX3:DH3"/>
    <mergeCell ref="CM3:CW3"/>
    <mergeCell ref="CX4:CZ4"/>
    <mergeCell ref="DA4:DG4"/>
    <mergeCell ref="DH4:DH5"/>
    <mergeCell ref="I1:J1"/>
    <mergeCell ref="L1:M1"/>
    <mergeCell ref="BF3:BP3"/>
    <mergeCell ref="BQ3:CA3"/>
    <mergeCell ref="CB3:CL3"/>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33203125" style="256" customWidth="1"/>
    <col min="6" max="6" width="7.6640625" style="256" customWidth="1"/>
    <col min="7" max="7" width="10.21875" style="256" customWidth="1"/>
    <col min="8" max="8" width="10.44140625" style="256" customWidth="1"/>
    <col min="9" max="16" width="9" style="256"/>
    <col min="17" max="17" width="7.21875" style="256" customWidth="1"/>
    <col min="18" max="27" width="9" style="256"/>
    <col min="28" max="28" width="7.6640625" style="256" customWidth="1"/>
    <col min="29" max="38" width="9" style="256"/>
    <col min="39" max="39" width="7.6640625" style="256" customWidth="1"/>
    <col min="40" max="49" width="9" style="256"/>
    <col min="50" max="50" width="7.21875" style="256" customWidth="1"/>
    <col min="51" max="60" width="9" style="256"/>
    <col min="61" max="61" width="7.21875" style="256" customWidth="1"/>
    <col min="62" max="71" width="9" style="256"/>
    <col min="72" max="72" width="7.33203125" style="256" customWidth="1"/>
    <col min="73" max="82" width="9" style="256"/>
    <col min="83" max="83" width="7.44140625" style="256" customWidth="1"/>
    <col min="84" max="93" width="9" style="256"/>
    <col min="94" max="94" width="7.6640625" style="256" customWidth="1"/>
    <col min="95" max="104" width="9" style="256"/>
    <col min="105" max="105" width="7.44140625" style="256" customWidth="1"/>
    <col min="106" max="115" width="9" style="256"/>
    <col min="116" max="116" width="7.44140625" style="256" customWidth="1"/>
    <col min="117" max="126" width="9" style="256"/>
    <col min="127" max="127" width="7.44140625" style="256" customWidth="1"/>
    <col min="128" max="137" width="9" style="256"/>
    <col min="138" max="138" width="7.33203125" style="256" customWidth="1"/>
    <col min="139" max="148" width="9" style="256"/>
    <col min="149" max="149" width="7.77734375" style="256" customWidth="1"/>
    <col min="150" max="16384" width="9" style="256"/>
  </cols>
  <sheetData>
    <row r="1" spans="2:156" ht="24" customHeight="1" x14ac:dyDescent="0.2">
      <c r="B1" s="291" t="s">
        <v>122</v>
      </c>
      <c r="I1" s="528">
        <f>第１表!F2</f>
        <v>4</v>
      </c>
      <c r="J1" s="528"/>
      <c r="K1" s="248">
        <f>第１表!G2</f>
        <v>9</v>
      </c>
      <c r="L1" s="529">
        <f>IF(K1&lt;3,K1+12-2,K1-2)</f>
        <v>7</v>
      </c>
      <c r="M1" s="529"/>
    </row>
    <row r="2" spans="2:156" ht="24" customHeight="1" thickBot="1" x14ac:dyDescent="0.25">
      <c r="B2" s="291" t="s">
        <v>131</v>
      </c>
      <c r="G2" s="247"/>
      <c r="H2" s="248"/>
      <c r="J2" s="323"/>
      <c r="K2" s="323"/>
    </row>
    <row r="3" spans="2:156" ht="23.25" customHeight="1" thickBot="1" x14ac:dyDescent="0.25">
      <c r="B3" s="537"/>
      <c r="C3" s="540" t="s">
        <v>70</v>
      </c>
      <c r="D3" s="541"/>
      <c r="E3" s="541"/>
      <c r="F3" s="541"/>
      <c r="G3" s="541"/>
      <c r="H3" s="541"/>
      <c r="I3" s="541"/>
      <c r="J3" s="541"/>
      <c r="K3" s="541"/>
      <c r="L3" s="541"/>
      <c r="M3" s="542"/>
      <c r="N3" s="540" t="s">
        <v>71</v>
      </c>
      <c r="O3" s="541"/>
      <c r="P3" s="541"/>
      <c r="Q3" s="541"/>
      <c r="R3" s="541"/>
      <c r="S3" s="541"/>
      <c r="T3" s="541"/>
      <c r="U3" s="541"/>
      <c r="V3" s="541"/>
      <c r="W3" s="541"/>
      <c r="X3" s="542"/>
      <c r="Y3" s="540" t="s">
        <v>72</v>
      </c>
      <c r="Z3" s="541"/>
      <c r="AA3" s="541"/>
      <c r="AB3" s="541"/>
      <c r="AC3" s="541"/>
      <c r="AD3" s="541"/>
      <c r="AE3" s="541"/>
      <c r="AF3" s="541"/>
      <c r="AG3" s="541"/>
      <c r="AH3" s="541"/>
      <c r="AI3" s="542"/>
      <c r="AJ3" s="540" t="s">
        <v>73</v>
      </c>
      <c r="AK3" s="541"/>
      <c r="AL3" s="541"/>
      <c r="AM3" s="541"/>
      <c r="AN3" s="541"/>
      <c r="AO3" s="541"/>
      <c r="AP3" s="541"/>
      <c r="AQ3" s="541"/>
      <c r="AR3" s="541"/>
      <c r="AS3" s="541"/>
      <c r="AT3" s="542"/>
      <c r="AU3" s="540" t="s">
        <v>74</v>
      </c>
      <c r="AV3" s="541"/>
      <c r="AW3" s="541"/>
      <c r="AX3" s="541"/>
      <c r="AY3" s="541"/>
      <c r="AZ3" s="541"/>
      <c r="BA3" s="541"/>
      <c r="BB3" s="541"/>
      <c r="BC3" s="541"/>
      <c r="BD3" s="541"/>
      <c r="BE3" s="542"/>
      <c r="BF3" s="540" t="s">
        <v>75</v>
      </c>
      <c r="BG3" s="541"/>
      <c r="BH3" s="541"/>
      <c r="BI3" s="541"/>
      <c r="BJ3" s="541"/>
      <c r="BK3" s="541"/>
      <c r="BL3" s="541"/>
      <c r="BM3" s="541"/>
      <c r="BN3" s="541"/>
      <c r="BO3" s="541"/>
      <c r="BP3" s="542"/>
      <c r="BQ3" s="540" t="s">
        <v>76</v>
      </c>
      <c r="BR3" s="541"/>
      <c r="BS3" s="541"/>
      <c r="BT3" s="541"/>
      <c r="BU3" s="541"/>
      <c r="BV3" s="541"/>
      <c r="BW3" s="541"/>
      <c r="BX3" s="541"/>
      <c r="BY3" s="541"/>
      <c r="BZ3" s="541"/>
      <c r="CA3" s="542"/>
      <c r="CB3" s="540" t="s">
        <v>77</v>
      </c>
      <c r="CC3" s="541"/>
      <c r="CD3" s="541"/>
      <c r="CE3" s="541"/>
      <c r="CF3" s="541"/>
      <c r="CG3" s="541"/>
      <c r="CH3" s="541"/>
      <c r="CI3" s="541"/>
      <c r="CJ3" s="541"/>
      <c r="CK3" s="541"/>
      <c r="CL3" s="542"/>
      <c r="CM3" s="540" t="s">
        <v>78</v>
      </c>
      <c r="CN3" s="541"/>
      <c r="CO3" s="541"/>
      <c r="CP3" s="541"/>
      <c r="CQ3" s="541"/>
      <c r="CR3" s="541"/>
      <c r="CS3" s="541"/>
      <c r="CT3" s="541"/>
      <c r="CU3" s="541"/>
      <c r="CV3" s="541"/>
      <c r="CW3" s="542"/>
      <c r="CX3" s="540" t="s">
        <v>79</v>
      </c>
      <c r="CY3" s="541"/>
      <c r="CZ3" s="541"/>
      <c r="DA3" s="541"/>
      <c r="DB3" s="541"/>
      <c r="DC3" s="541"/>
      <c r="DD3" s="541"/>
      <c r="DE3" s="541"/>
      <c r="DF3" s="541"/>
      <c r="DG3" s="541"/>
      <c r="DH3" s="542"/>
      <c r="DI3" s="540" t="s">
        <v>152</v>
      </c>
      <c r="DJ3" s="541"/>
      <c r="DK3" s="541"/>
      <c r="DL3" s="541"/>
      <c r="DM3" s="541"/>
      <c r="DN3" s="541"/>
      <c r="DO3" s="541"/>
      <c r="DP3" s="541"/>
      <c r="DQ3" s="541"/>
      <c r="DR3" s="541"/>
      <c r="DS3" s="542"/>
      <c r="DT3" s="540" t="s">
        <v>80</v>
      </c>
      <c r="DU3" s="541"/>
      <c r="DV3" s="541"/>
      <c r="DW3" s="541"/>
      <c r="DX3" s="541"/>
      <c r="DY3" s="541"/>
      <c r="DZ3" s="541"/>
      <c r="EA3" s="541"/>
      <c r="EB3" s="541"/>
      <c r="EC3" s="541"/>
      <c r="ED3" s="542"/>
      <c r="EE3" s="540" t="s">
        <v>68</v>
      </c>
      <c r="EF3" s="541"/>
      <c r="EG3" s="541"/>
      <c r="EH3" s="541"/>
      <c r="EI3" s="541"/>
      <c r="EJ3" s="541"/>
      <c r="EK3" s="541"/>
      <c r="EL3" s="541"/>
      <c r="EM3" s="541"/>
      <c r="EN3" s="541"/>
      <c r="EO3" s="542"/>
      <c r="EP3" s="543" t="s">
        <v>69</v>
      </c>
      <c r="EQ3" s="544"/>
      <c r="ER3" s="544"/>
      <c r="ES3" s="544"/>
      <c r="ET3" s="544"/>
      <c r="EU3" s="544"/>
      <c r="EV3" s="544"/>
      <c r="EW3" s="544"/>
      <c r="EX3" s="544"/>
      <c r="EY3" s="544"/>
      <c r="EZ3" s="545"/>
    </row>
    <row r="4" spans="2:156" ht="22.5"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4"/>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c r="DI4" s="532" t="s">
        <v>61</v>
      </c>
      <c r="DJ4" s="533"/>
      <c r="DK4" s="534"/>
      <c r="DL4" s="535" t="s">
        <v>62</v>
      </c>
      <c r="DM4" s="533"/>
      <c r="DN4" s="533"/>
      <c r="DO4" s="533"/>
      <c r="DP4" s="533"/>
      <c r="DQ4" s="533"/>
      <c r="DR4" s="534"/>
      <c r="DS4" s="530" t="s">
        <v>52</v>
      </c>
      <c r="DT4" s="532" t="s">
        <v>61</v>
      </c>
      <c r="DU4" s="533"/>
      <c r="DV4" s="534"/>
      <c r="DW4" s="535" t="s">
        <v>62</v>
      </c>
      <c r="DX4" s="533"/>
      <c r="DY4" s="533"/>
      <c r="DZ4" s="533"/>
      <c r="EA4" s="533"/>
      <c r="EB4" s="533"/>
      <c r="EC4" s="534"/>
      <c r="ED4" s="530" t="s">
        <v>52</v>
      </c>
      <c r="EE4" s="532" t="s">
        <v>61</v>
      </c>
      <c r="EF4" s="533"/>
      <c r="EG4" s="534"/>
      <c r="EH4" s="535" t="s">
        <v>62</v>
      </c>
      <c r="EI4" s="533"/>
      <c r="EJ4" s="533"/>
      <c r="EK4" s="533"/>
      <c r="EL4" s="533"/>
      <c r="EM4" s="533"/>
      <c r="EN4" s="534"/>
      <c r="EO4" s="530" t="s">
        <v>52</v>
      </c>
      <c r="EP4" s="532" t="s">
        <v>61</v>
      </c>
      <c r="EQ4" s="533"/>
      <c r="ER4" s="534"/>
      <c r="ES4" s="535" t="s">
        <v>62</v>
      </c>
      <c r="ET4" s="533"/>
      <c r="EU4" s="533"/>
      <c r="EV4" s="533"/>
      <c r="EW4" s="533"/>
      <c r="EX4" s="533"/>
      <c r="EY4" s="534"/>
      <c r="EZ4" s="530" t="s">
        <v>52</v>
      </c>
    </row>
    <row r="5" spans="2:156" ht="34.5" customHeight="1" thickBot="1" x14ac:dyDescent="0.25">
      <c r="B5" s="539"/>
      <c r="C5" s="324" t="s">
        <v>43</v>
      </c>
      <c r="D5" s="260" t="s">
        <v>44</v>
      </c>
      <c r="E5" s="383" t="s">
        <v>45</v>
      </c>
      <c r="F5" s="268" t="s">
        <v>83</v>
      </c>
      <c r="G5" s="260" t="s">
        <v>47</v>
      </c>
      <c r="H5" s="260" t="s">
        <v>48</v>
      </c>
      <c r="I5" s="260" t="s">
        <v>49</v>
      </c>
      <c r="J5" s="260" t="s">
        <v>50</v>
      </c>
      <c r="K5" s="260" t="s">
        <v>51</v>
      </c>
      <c r="L5" s="269" t="s">
        <v>45</v>
      </c>
      <c r="M5" s="531"/>
      <c r="N5" s="324" t="s">
        <v>43</v>
      </c>
      <c r="O5" s="260" t="s">
        <v>44</v>
      </c>
      <c r="P5" s="266" t="s">
        <v>45</v>
      </c>
      <c r="Q5" s="268" t="s">
        <v>83</v>
      </c>
      <c r="R5" s="260" t="s">
        <v>47</v>
      </c>
      <c r="S5" s="260" t="s">
        <v>48</v>
      </c>
      <c r="T5" s="260" t="s">
        <v>49</v>
      </c>
      <c r="U5" s="260" t="s">
        <v>50</v>
      </c>
      <c r="V5" s="260" t="s">
        <v>51</v>
      </c>
      <c r="W5" s="266" t="s">
        <v>45</v>
      </c>
      <c r="X5" s="531"/>
      <c r="Y5" s="324" t="s">
        <v>43</v>
      </c>
      <c r="Z5" s="260" t="s">
        <v>44</v>
      </c>
      <c r="AA5" s="266" t="s">
        <v>45</v>
      </c>
      <c r="AB5" s="268" t="s">
        <v>83</v>
      </c>
      <c r="AC5" s="260" t="s">
        <v>47</v>
      </c>
      <c r="AD5" s="260" t="s">
        <v>48</v>
      </c>
      <c r="AE5" s="260" t="s">
        <v>49</v>
      </c>
      <c r="AF5" s="260" t="s">
        <v>50</v>
      </c>
      <c r="AG5" s="260" t="s">
        <v>51</v>
      </c>
      <c r="AH5" s="266" t="s">
        <v>45</v>
      </c>
      <c r="AI5" s="531"/>
      <c r="AJ5" s="324" t="s">
        <v>43</v>
      </c>
      <c r="AK5" s="260" t="s">
        <v>44</v>
      </c>
      <c r="AL5" s="266" t="s">
        <v>45</v>
      </c>
      <c r="AM5" s="268" t="s">
        <v>83</v>
      </c>
      <c r="AN5" s="260" t="s">
        <v>47</v>
      </c>
      <c r="AO5" s="260" t="s">
        <v>48</v>
      </c>
      <c r="AP5" s="260" t="s">
        <v>49</v>
      </c>
      <c r="AQ5" s="260" t="s">
        <v>50</v>
      </c>
      <c r="AR5" s="260" t="s">
        <v>51</v>
      </c>
      <c r="AS5" s="266" t="s">
        <v>45</v>
      </c>
      <c r="AT5" s="531"/>
      <c r="AU5" s="324" t="s">
        <v>43</v>
      </c>
      <c r="AV5" s="260" t="s">
        <v>44</v>
      </c>
      <c r="AW5" s="266" t="s">
        <v>45</v>
      </c>
      <c r="AX5" s="268" t="s">
        <v>83</v>
      </c>
      <c r="AY5" s="260" t="s">
        <v>47</v>
      </c>
      <c r="AZ5" s="260" t="s">
        <v>48</v>
      </c>
      <c r="BA5" s="260" t="s">
        <v>49</v>
      </c>
      <c r="BB5" s="260" t="s">
        <v>50</v>
      </c>
      <c r="BC5" s="260" t="s">
        <v>51</v>
      </c>
      <c r="BD5" s="269" t="s">
        <v>45</v>
      </c>
      <c r="BE5" s="531"/>
      <c r="BF5" s="324" t="s">
        <v>43</v>
      </c>
      <c r="BG5" s="260" t="s">
        <v>44</v>
      </c>
      <c r="BH5" s="266" t="s">
        <v>45</v>
      </c>
      <c r="BI5" s="268" t="s">
        <v>83</v>
      </c>
      <c r="BJ5" s="260" t="s">
        <v>47</v>
      </c>
      <c r="BK5" s="260" t="s">
        <v>48</v>
      </c>
      <c r="BL5" s="260" t="s">
        <v>49</v>
      </c>
      <c r="BM5" s="260" t="s">
        <v>50</v>
      </c>
      <c r="BN5" s="260" t="s">
        <v>51</v>
      </c>
      <c r="BO5" s="266" t="s">
        <v>45</v>
      </c>
      <c r="BP5" s="531"/>
      <c r="BQ5" s="324" t="s">
        <v>43</v>
      </c>
      <c r="BR5" s="260" t="s">
        <v>44</v>
      </c>
      <c r="BS5" s="266" t="s">
        <v>45</v>
      </c>
      <c r="BT5" s="268" t="s">
        <v>83</v>
      </c>
      <c r="BU5" s="260" t="s">
        <v>47</v>
      </c>
      <c r="BV5" s="260" t="s">
        <v>48</v>
      </c>
      <c r="BW5" s="260" t="s">
        <v>49</v>
      </c>
      <c r="BX5" s="260" t="s">
        <v>50</v>
      </c>
      <c r="BY5" s="260" t="s">
        <v>51</v>
      </c>
      <c r="BZ5" s="266" t="s">
        <v>45</v>
      </c>
      <c r="CA5" s="531"/>
      <c r="CB5" s="324" t="s">
        <v>43</v>
      </c>
      <c r="CC5" s="260" t="s">
        <v>44</v>
      </c>
      <c r="CD5" s="266" t="s">
        <v>45</v>
      </c>
      <c r="CE5" s="268" t="s">
        <v>83</v>
      </c>
      <c r="CF5" s="260" t="s">
        <v>47</v>
      </c>
      <c r="CG5" s="260" t="s">
        <v>48</v>
      </c>
      <c r="CH5" s="260" t="s">
        <v>49</v>
      </c>
      <c r="CI5" s="260" t="s">
        <v>50</v>
      </c>
      <c r="CJ5" s="260" t="s">
        <v>51</v>
      </c>
      <c r="CK5" s="266" t="s">
        <v>45</v>
      </c>
      <c r="CL5" s="531"/>
      <c r="CM5" s="324" t="s">
        <v>43</v>
      </c>
      <c r="CN5" s="260" t="s">
        <v>44</v>
      </c>
      <c r="CO5" s="266" t="s">
        <v>45</v>
      </c>
      <c r="CP5" s="268" t="s">
        <v>83</v>
      </c>
      <c r="CQ5" s="260" t="s">
        <v>47</v>
      </c>
      <c r="CR5" s="260" t="s">
        <v>48</v>
      </c>
      <c r="CS5" s="260" t="s">
        <v>49</v>
      </c>
      <c r="CT5" s="260" t="s">
        <v>50</v>
      </c>
      <c r="CU5" s="260" t="s">
        <v>51</v>
      </c>
      <c r="CV5" s="266" t="s">
        <v>45</v>
      </c>
      <c r="CW5" s="531"/>
      <c r="CX5" s="324" t="s">
        <v>43</v>
      </c>
      <c r="CY5" s="260" t="s">
        <v>44</v>
      </c>
      <c r="CZ5" s="266" t="s">
        <v>45</v>
      </c>
      <c r="DA5" s="268" t="s">
        <v>83</v>
      </c>
      <c r="DB5" s="260" t="s">
        <v>47</v>
      </c>
      <c r="DC5" s="260" t="s">
        <v>48</v>
      </c>
      <c r="DD5" s="260" t="s">
        <v>49</v>
      </c>
      <c r="DE5" s="260" t="s">
        <v>50</v>
      </c>
      <c r="DF5" s="260" t="s">
        <v>51</v>
      </c>
      <c r="DG5" s="266" t="s">
        <v>45</v>
      </c>
      <c r="DH5" s="531"/>
      <c r="DI5" s="345" t="s">
        <v>43</v>
      </c>
      <c r="DJ5" s="260" t="s">
        <v>44</v>
      </c>
      <c r="DK5" s="266" t="s">
        <v>45</v>
      </c>
      <c r="DL5" s="268" t="s">
        <v>83</v>
      </c>
      <c r="DM5" s="260" t="s">
        <v>47</v>
      </c>
      <c r="DN5" s="260" t="s">
        <v>48</v>
      </c>
      <c r="DO5" s="260" t="s">
        <v>49</v>
      </c>
      <c r="DP5" s="260" t="s">
        <v>50</v>
      </c>
      <c r="DQ5" s="260" t="s">
        <v>51</v>
      </c>
      <c r="DR5" s="266" t="s">
        <v>45</v>
      </c>
      <c r="DS5" s="531"/>
      <c r="DT5" s="324" t="s">
        <v>43</v>
      </c>
      <c r="DU5" s="260" t="s">
        <v>44</v>
      </c>
      <c r="DV5" s="266" t="s">
        <v>45</v>
      </c>
      <c r="DW5" s="268" t="s">
        <v>83</v>
      </c>
      <c r="DX5" s="260" t="s">
        <v>47</v>
      </c>
      <c r="DY5" s="260" t="s">
        <v>48</v>
      </c>
      <c r="DZ5" s="260" t="s">
        <v>49</v>
      </c>
      <c r="EA5" s="260" t="s">
        <v>50</v>
      </c>
      <c r="EB5" s="260" t="s">
        <v>51</v>
      </c>
      <c r="EC5" s="266" t="s">
        <v>45</v>
      </c>
      <c r="ED5" s="531"/>
      <c r="EE5" s="324" t="s">
        <v>43</v>
      </c>
      <c r="EF5" s="260" t="s">
        <v>44</v>
      </c>
      <c r="EG5" s="266" t="s">
        <v>45</v>
      </c>
      <c r="EH5" s="268" t="s">
        <v>83</v>
      </c>
      <c r="EI5" s="260" t="s">
        <v>47</v>
      </c>
      <c r="EJ5" s="260" t="s">
        <v>48</v>
      </c>
      <c r="EK5" s="260" t="s">
        <v>49</v>
      </c>
      <c r="EL5" s="260" t="s">
        <v>50</v>
      </c>
      <c r="EM5" s="260" t="s">
        <v>51</v>
      </c>
      <c r="EN5" s="266" t="s">
        <v>45</v>
      </c>
      <c r="EO5" s="531"/>
      <c r="EP5" s="324" t="s">
        <v>43</v>
      </c>
      <c r="EQ5" s="260" t="s">
        <v>44</v>
      </c>
      <c r="ER5" s="266" t="s">
        <v>45</v>
      </c>
      <c r="ES5" s="268" t="s">
        <v>83</v>
      </c>
      <c r="ET5" s="260" t="s">
        <v>47</v>
      </c>
      <c r="EU5" s="260" t="s">
        <v>48</v>
      </c>
      <c r="EV5" s="260" t="s">
        <v>49</v>
      </c>
      <c r="EW5" s="260" t="s">
        <v>50</v>
      </c>
      <c r="EX5" s="260" t="s">
        <v>51</v>
      </c>
      <c r="EY5" s="266" t="s">
        <v>45</v>
      </c>
      <c r="EZ5" s="531"/>
    </row>
    <row r="6" spans="2:156" ht="19.5" customHeight="1" x14ac:dyDescent="0.2">
      <c r="B6" s="261" t="s">
        <v>4</v>
      </c>
      <c r="C6" s="270">
        <v>0</v>
      </c>
      <c r="D6" s="274">
        <v>0</v>
      </c>
      <c r="E6" s="384">
        <v>0</v>
      </c>
      <c r="F6" s="273">
        <v>0</v>
      </c>
      <c r="G6" s="274">
        <v>1308</v>
      </c>
      <c r="H6" s="274">
        <v>1352</v>
      </c>
      <c r="I6" s="274">
        <v>819</v>
      </c>
      <c r="J6" s="274">
        <v>581</v>
      </c>
      <c r="K6" s="274">
        <v>387</v>
      </c>
      <c r="L6" s="275">
        <v>4447</v>
      </c>
      <c r="M6" s="276">
        <v>4447</v>
      </c>
      <c r="N6" s="270">
        <v>0</v>
      </c>
      <c r="O6" s="274">
        <v>1</v>
      </c>
      <c r="P6" s="271">
        <v>1</v>
      </c>
      <c r="Q6" s="273">
        <v>0</v>
      </c>
      <c r="R6" s="274">
        <v>5</v>
      </c>
      <c r="S6" s="274">
        <v>35</v>
      </c>
      <c r="T6" s="274">
        <v>67</v>
      </c>
      <c r="U6" s="274">
        <v>127</v>
      </c>
      <c r="V6" s="274">
        <v>201</v>
      </c>
      <c r="W6" s="271">
        <v>435</v>
      </c>
      <c r="X6" s="276">
        <v>436</v>
      </c>
      <c r="Y6" s="270">
        <v>180</v>
      </c>
      <c r="Z6" s="274">
        <v>358</v>
      </c>
      <c r="AA6" s="271">
        <v>538</v>
      </c>
      <c r="AB6" s="273">
        <v>0</v>
      </c>
      <c r="AC6" s="274">
        <v>941</v>
      </c>
      <c r="AD6" s="274">
        <v>1193</v>
      </c>
      <c r="AE6" s="274">
        <v>747</v>
      </c>
      <c r="AF6" s="274">
        <v>600</v>
      </c>
      <c r="AG6" s="274">
        <v>363</v>
      </c>
      <c r="AH6" s="271">
        <v>3844</v>
      </c>
      <c r="AI6" s="276">
        <v>4382</v>
      </c>
      <c r="AJ6" s="270">
        <v>17</v>
      </c>
      <c r="AK6" s="274">
        <v>44</v>
      </c>
      <c r="AL6" s="271">
        <v>61</v>
      </c>
      <c r="AM6" s="273">
        <v>0</v>
      </c>
      <c r="AN6" s="274">
        <v>73</v>
      </c>
      <c r="AO6" s="274">
        <v>120</v>
      </c>
      <c r="AP6" s="274">
        <v>70</v>
      </c>
      <c r="AQ6" s="274">
        <v>77</v>
      </c>
      <c r="AR6" s="274">
        <v>27</v>
      </c>
      <c r="AS6" s="271">
        <v>367</v>
      </c>
      <c r="AT6" s="276">
        <v>428</v>
      </c>
      <c r="AU6" s="270">
        <v>302</v>
      </c>
      <c r="AV6" s="274">
        <v>321</v>
      </c>
      <c r="AW6" s="271">
        <v>623</v>
      </c>
      <c r="AX6" s="273">
        <v>0</v>
      </c>
      <c r="AY6" s="274">
        <v>1322</v>
      </c>
      <c r="AZ6" s="274">
        <v>1584</v>
      </c>
      <c r="BA6" s="274">
        <v>1472</v>
      </c>
      <c r="BB6" s="274">
        <v>1267</v>
      </c>
      <c r="BC6" s="274">
        <v>825</v>
      </c>
      <c r="BD6" s="275">
        <v>6470</v>
      </c>
      <c r="BE6" s="276">
        <v>7093</v>
      </c>
      <c r="BF6" s="270">
        <v>0</v>
      </c>
      <c r="BG6" s="274">
        <v>0</v>
      </c>
      <c r="BH6" s="271">
        <v>0</v>
      </c>
      <c r="BI6" s="273">
        <v>0</v>
      </c>
      <c r="BJ6" s="274">
        <v>1647</v>
      </c>
      <c r="BK6" s="274">
        <v>1447</v>
      </c>
      <c r="BL6" s="274">
        <v>832</v>
      </c>
      <c r="BM6" s="274">
        <v>374</v>
      </c>
      <c r="BN6" s="274">
        <v>147</v>
      </c>
      <c r="BO6" s="271">
        <v>4447</v>
      </c>
      <c r="BP6" s="276">
        <v>4447</v>
      </c>
      <c r="BQ6" s="270">
        <v>131</v>
      </c>
      <c r="BR6" s="274">
        <v>149</v>
      </c>
      <c r="BS6" s="271">
        <v>280</v>
      </c>
      <c r="BT6" s="273">
        <v>0</v>
      </c>
      <c r="BU6" s="274">
        <v>392</v>
      </c>
      <c r="BV6" s="274">
        <v>527</v>
      </c>
      <c r="BW6" s="274">
        <v>321</v>
      </c>
      <c r="BX6" s="274">
        <v>169</v>
      </c>
      <c r="BY6" s="274">
        <v>50</v>
      </c>
      <c r="BZ6" s="271">
        <v>1459</v>
      </c>
      <c r="CA6" s="276">
        <v>1739</v>
      </c>
      <c r="CB6" s="270">
        <v>7</v>
      </c>
      <c r="CC6" s="274">
        <v>16</v>
      </c>
      <c r="CD6" s="271">
        <v>23</v>
      </c>
      <c r="CE6" s="273">
        <v>0</v>
      </c>
      <c r="CF6" s="274">
        <v>182</v>
      </c>
      <c r="CG6" s="274">
        <v>238</v>
      </c>
      <c r="CH6" s="274">
        <v>324</v>
      </c>
      <c r="CI6" s="274">
        <v>196</v>
      </c>
      <c r="CJ6" s="274">
        <v>84</v>
      </c>
      <c r="CK6" s="271">
        <v>1024</v>
      </c>
      <c r="CL6" s="276">
        <v>1047</v>
      </c>
      <c r="CM6" s="270">
        <v>0</v>
      </c>
      <c r="CN6" s="274">
        <v>2</v>
      </c>
      <c r="CO6" s="271">
        <v>2</v>
      </c>
      <c r="CP6" s="273">
        <v>0</v>
      </c>
      <c r="CQ6" s="274">
        <v>22</v>
      </c>
      <c r="CR6" s="274">
        <v>48</v>
      </c>
      <c r="CS6" s="274">
        <v>51</v>
      </c>
      <c r="CT6" s="274">
        <v>39</v>
      </c>
      <c r="CU6" s="274">
        <v>19</v>
      </c>
      <c r="CV6" s="271">
        <v>179</v>
      </c>
      <c r="CW6" s="276">
        <v>181</v>
      </c>
      <c r="CX6" s="270">
        <v>0</v>
      </c>
      <c r="CY6" s="274">
        <v>0</v>
      </c>
      <c r="CZ6" s="271">
        <v>0</v>
      </c>
      <c r="DA6" s="273">
        <v>0</v>
      </c>
      <c r="DB6" s="274">
        <v>0</v>
      </c>
      <c r="DC6" s="274">
        <v>0</v>
      </c>
      <c r="DD6" s="274">
        <v>0</v>
      </c>
      <c r="DE6" s="274">
        <v>0</v>
      </c>
      <c r="DF6" s="274">
        <v>0</v>
      </c>
      <c r="DG6" s="271">
        <v>0</v>
      </c>
      <c r="DH6" s="276">
        <v>0</v>
      </c>
      <c r="DI6" s="270">
        <v>0</v>
      </c>
      <c r="DJ6" s="274">
        <v>0</v>
      </c>
      <c r="DK6" s="271">
        <v>0</v>
      </c>
      <c r="DL6" s="273">
        <v>0</v>
      </c>
      <c r="DM6" s="274">
        <v>0</v>
      </c>
      <c r="DN6" s="274">
        <v>0</v>
      </c>
      <c r="DO6" s="274">
        <v>0</v>
      </c>
      <c r="DP6" s="274">
        <v>0</v>
      </c>
      <c r="DQ6" s="274">
        <v>0</v>
      </c>
      <c r="DR6" s="271">
        <v>0</v>
      </c>
      <c r="DS6" s="276">
        <v>0</v>
      </c>
      <c r="DT6" s="270">
        <v>625</v>
      </c>
      <c r="DU6" s="274">
        <v>1170</v>
      </c>
      <c r="DV6" s="271">
        <v>1795</v>
      </c>
      <c r="DW6" s="273">
        <v>0</v>
      </c>
      <c r="DX6" s="274">
        <v>1848</v>
      </c>
      <c r="DY6" s="274">
        <v>3058</v>
      </c>
      <c r="DZ6" s="274">
        <v>1955</v>
      </c>
      <c r="EA6" s="274">
        <v>1338</v>
      </c>
      <c r="EB6" s="274">
        <v>731</v>
      </c>
      <c r="EC6" s="271">
        <v>8930</v>
      </c>
      <c r="ED6" s="276">
        <v>10725</v>
      </c>
      <c r="EE6" s="270">
        <v>186</v>
      </c>
      <c r="EF6" s="274">
        <v>146</v>
      </c>
      <c r="EG6" s="271">
        <v>332</v>
      </c>
      <c r="EH6" s="273">
        <v>0</v>
      </c>
      <c r="EI6" s="274">
        <v>559</v>
      </c>
      <c r="EJ6" s="274">
        <v>518</v>
      </c>
      <c r="EK6" s="274">
        <v>476</v>
      </c>
      <c r="EL6" s="274">
        <v>438</v>
      </c>
      <c r="EM6" s="274">
        <v>258</v>
      </c>
      <c r="EN6" s="271">
        <v>2249</v>
      </c>
      <c r="EO6" s="276">
        <v>2581</v>
      </c>
      <c r="EP6" s="270">
        <v>894</v>
      </c>
      <c r="EQ6" s="274">
        <v>1495</v>
      </c>
      <c r="ER6" s="271">
        <v>2389</v>
      </c>
      <c r="ES6" s="273">
        <v>0</v>
      </c>
      <c r="ET6" s="274">
        <v>4318</v>
      </c>
      <c r="EU6" s="274">
        <v>4304</v>
      </c>
      <c r="EV6" s="274">
        <v>2361</v>
      </c>
      <c r="EW6" s="274">
        <v>1419</v>
      </c>
      <c r="EX6" s="274">
        <v>744</v>
      </c>
      <c r="EY6" s="271">
        <v>13146</v>
      </c>
      <c r="EZ6" s="276">
        <v>15535</v>
      </c>
    </row>
    <row r="7" spans="2:156" ht="19.5" customHeight="1" x14ac:dyDescent="0.2">
      <c r="B7" s="262" t="s">
        <v>5</v>
      </c>
      <c r="C7" s="277">
        <v>0</v>
      </c>
      <c r="D7" s="281">
        <v>0</v>
      </c>
      <c r="E7" s="385">
        <v>0</v>
      </c>
      <c r="F7" s="280">
        <v>0</v>
      </c>
      <c r="G7" s="281">
        <v>534</v>
      </c>
      <c r="H7" s="281">
        <v>682</v>
      </c>
      <c r="I7" s="281">
        <v>374</v>
      </c>
      <c r="J7" s="281">
        <v>257</v>
      </c>
      <c r="K7" s="281">
        <v>161</v>
      </c>
      <c r="L7" s="282">
        <v>2008</v>
      </c>
      <c r="M7" s="283">
        <v>2008</v>
      </c>
      <c r="N7" s="277">
        <v>0</v>
      </c>
      <c r="O7" s="281">
        <v>1</v>
      </c>
      <c r="P7" s="278">
        <v>1</v>
      </c>
      <c r="Q7" s="280">
        <v>0</v>
      </c>
      <c r="R7" s="281">
        <v>2</v>
      </c>
      <c r="S7" s="281">
        <v>22</v>
      </c>
      <c r="T7" s="281">
        <v>26</v>
      </c>
      <c r="U7" s="281">
        <v>52</v>
      </c>
      <c r="V7" s="281">
        <v>84</v>
      </c>
      <c r="W7" s="278">
        <v>186</v>
      </c>
      <c r="X7" s="283">
        <v>187</v>
      </c>
      <c r="Y7" s="277">
        <v>85</v>
      </c>
      <c r="Z7" s="281">
        <v>199</v>
      </c>
      <c r="AA7" s="278">
        <v>284</v>
      </c>
      <c r="AB7" s="280">
        <v>0</v>
      </c>
      <c r="AC7" s="281">
        <v>366</v>
      </c>
      <c r="AD7" s="281">
        <v>634</v>
      </c>
      <c r="AE7" s="281">
        <v>362</v>
      </c>
      <c r="AF7" s="281">
        <v>285</v>
      </c>
      <c r="AG7" s="281">
        <v>172</v>
      </c>
      <c r="AH7" s="278">
        <v>1819</v>
      </c>
      <c r="AI7" s="283">
        <v>2103</v>
      </c>
      <c r="AJ7" s="277">
        <v>10</v>
      </c>
      <c r="AK7" s="281">
        <v>23</v>
      </c>
      <c r="AL7" s="278">
        <v>33</v>
      </c>
      <c r="AM7" s="280">
        <v>0</v>
      </c>
      <c r="AN7" s="281">
        <v>12</v>
      </c>
      <c r="AO7" s="281">
        <v>57</v>
      </c>
      <c r="AP7" s="281">
        <v>31</v>
      </c>
      <c r="AQ7" s="281">
        <v>32</v>
      </c>
      <c r="AR7" s="281">
        <v>10</v>
      </c>
      <c r="AS7" s="278">
        <v>142</v>
      </c>
      <c r="AT7" s="283">
        <v>175</v>
      </c>
      <c r="AU7" s="277">
        <v>130</v>
      </c>
      <c r="AV7" s="281">
        <v>169</v>
      </c>
      <c r="AW7" s="278">
        <v>299</v>
      </c>
      <c r="AX7" s="280">
        <v>0</v>
      </c>
      <c r="AY7" s="281">
        <v>476</v>
      </c>
      <c r="AZ7" s="281">
        <v>756</v>
      </c>
      <c r="BA7" s="281">
        <v>644</v>
      </c>
      <c r="BB7" s="281">
        <v>543</v>
      </c>
      <c r="BC7" s="281">
        <v>354</v>
      </c>
      <c r="BD7" s="282">
        <v>2773</v>
      </c>
      <c r="BE7" s="283">
        <v>3072</v>
      </c>
      <c r="BF7" s="277">
        <v>0</v>
      </c>
      <c r="BG7" s="281">
        <v>0</v>
      </c>
      <c r="BH7" s="278">
        <v>0</v>
      </c>
      <c r="BI7" s="280">
        <v>0</v>
      </c>
      <c r="BJ7" s="281">
        <v>617</v>
      </c>
      <c r="BK7" s="281">
        <v>613</v>
      </c>
      <c r="BL7" s="281">
        <v>328</v>
      </c>
      <c r="BM7" s="281">
        <v>143</v>
      </c>
      <c r="BN7" s="281">
        <v>58</v>
      </c>
      <c r="BO7" s="278">
        <v>1759</v>
      </c>
      <c r="BP7" s="283">
        <v>1759</v>
      </c>
      <c r="BQ7" s="277">
        <v>61</v>
      </c>
      <c r="BR7" s="281">
        <v>86</v>
      </c>
      <c r="BS7" s="278">
        <v>147</v>
      </c>
      <c r="BT7" s="280">
        <v>0</v>
      </c>
      <c r="BU7" s="281">
        <v>141</v>
      </c>
      <c r="BV7" s="281">
        <v>242</v>
      </c>
      <c r="BW7" s="281">
        <v>155</v>
      </c>
      <c r="BX7" s="281">
        <v>81</v>
      </c>
      <c r="BY7" s="281">
        <v>24</v>
      </c>
      <c r="BZ7" s="278">
        <v>643</v>
      </c>
      <c r="CA7" s="283">
        <v>790</v>
      </c>
      <c r="CB7" s="277">
        <v>1</v>
      </c>
      <c r="CC7" s="281">
        <v>9</v>
      </c>
      <c r="CD7" s="278">
        <v>10</v>
      </c>
      <c r="CE7" s="280">
        <v>0</v>
      </c>
      <c r="CF7" s="281">
        <v>54</v>
      </c>
      <c r="CG7" s="281">
        <v>88</v>
      </c>
      <c r="CH7" s="281">
        <v>137</v>
      </c>
      <c r="CI7" s="281">
        <v>79</v>
      </c>
      <c r="CJ7" s="281">
        <v>29</v>
      </c>
      <c r="CK7" s="278">
        <v>387</v>
      </c>
      <c r="CL7" s="283">
        <v>397</v>
      </c>
      <c r="CM7" s="277">
        <v>0</v>
      </c>
      <c r="CN7" s="281">
        <v>2</v>
      </c>
      <c r="CO7" s="278">
        <v>2</v>
      </c>
      <c r="CP7" s="280">
        <v>0</v>
      </c>
      <c r="CQ7" s="281">
        <v>13</v>
      </c>
      <c r="CR7" s="281">
        <v>30</v>
      </c>
      <c r="CS7" s="281">
        <v>34</v>
      </c>
      <c r="CT7" s="281">
        <v>24</v>
      </c>
      <c r="CU7" s="281">
        <v>14</v>
      </c>
      <c r="CV7" s="278">
        <v>115</v>
      </c>
      <c r="CW7" s="283">
        <v>117</v>
      </c>
      <c r="CX7" s="277">
        <v>0</v>
      </c>
      <c r="CY7" s="281">
        <v>0</v>
      </c>
      <c r="CZ7" s="278">
        <v>0</v>
      </c>
      <c r="DA7" s="280">
        <v>0</v>
      </c>
      <c r="DB7" s="281">
        <v>0</v>
      </c>
      <c r="DC7" s="281">
        <v>0</v>
      </c>
      <c r="DD7" s="281">
        <v>0</v>
      </c>
      <c r="DE7" s="281">
        <v>0</v>
      </c>
      <c r="DF7" s="281">
        <v>0</v>
      </c>
      <c r="DG7" s="278">
        <v>0</v>
      </c>
      <c r="DH7" s="283">
        <v>0</v>
      </c>
      <c r="DI7" s="277">
        <v>0</v>
      </c>
      <c r="DJ7" s="281">
        <v>0</v>
      </c>
      <c r="DK7" s="278">
        <v>0</v>
      </c>
      <c r="DL7" s="280">
        <v>0</v>
      </c>
      <c r="DM7" s="281">
        <v>0</v>
      </c>
      <c r="DN7" s="281">
        <v>0</v>
      </c>
      <c r="DO7" s="281">
        <v>0</v>
      </c>
      <c r="DP7" s="281">
        <v>0</v>
      </c>
      <c r="DQ7" s="281">
        <v>0</v>
      </c>
      <c r="DR7" s="278">
        <v>0</v>
      </c>
      <c r="DS7" s="283">
        <v>0</v>
      </c>
      <c r="DT7" s="277">
        <v>239</v>
      </c>
      <c r="DU7" s="281">
        <v>560</v>
      </c>
      <c r="DV7" s="278">
        <v>799</v>
      </c>
      <c r="DW7" s="280">
        <v>0</v>
      </c>
      <c r="DX7" s="281">
        <v>588</v>
      </c>
      <c r="DY7" s="281">
        <v>1374</v>
      </c>
      <c r="DZ7" s="281">
        <v>841</v>
      </c>
      <c r="EA7" s="281">
        <v>570</v>
      </c>
      <c r="EB7" s="281">
        <v>316</v>
      </c>
      <c r="EC7" s="278">
        <v>3689</v>
      </c>
      <c r="ED7" s="283">
        <v>4488</v>
      </c>
      <c r="EE7" s="277">
        <v>73</v>
      </c>
      <c r="EF7" s="281">
        <v>68</v>
      </c>
      <c r="EG7" s="278">
        <v>141</v>
      </c>
      <c r="EH7" s="280">
        <v>0</v>
      </c>
      <c r="EI7" s="281">
        <v>212</v>
      </c>
      <c r="EJ7" s="281">
        <v>246</v>
      </c>
      <c r="EK7" s="281">
        <v>233</v>
      </c>
      <c r="EL7" s="281">
        <v>202</v>
      </c>
      <c r="EM7" s="281">
        <v>116</v>
      </c>
      <c r="EN7" s="278">
        <v>1009</v>
      </c>
      <c r="EO7" s="283">
        <v>1150</v>
      </c>
      <c r="EP7" s="277">
        <v>366</v>
      </c>
      <c r="EQ7" s="281">
        <v>746</v>
      </c>
      <c r="ER7" s="278">
        <v>1112</v>
      </c>
      <c r="ES7" s="280">
        <v>0</v>
      </c>
      <c r="ET7" s="281">
        <v>1605</v>
      </c>
      <c r="EU7" s="281">
        <v>2014</v>
      </c>
      <c r="EV7" s="281">
        <v>1045</v>
      </c>
      <c r="EW7" s="281">
        <v>612</v>
      </c>
      <c r="EX7" s="281">
        <v>316</v>
      </c>
      <c r="EY7" s="278">
        <v>5592</v>
      </c>
      <c r="EZ7" s="283">
        <v>6704</v>
      </c>
    </row>
    <row r="8" spans="2:156" ht="19.5" customHeight="1" x14ac:dyDescent="0.2">
      <c r="B8" s="262" t="s">
        <v>6</v>
      </c>
      <c r="C8" s="277">
        <v>0</v>
      </c>
      <c r="D8" s="281">
        <v>0</v>
      </c>
      <c r="E8" s="385">
        <v>0</v>
      </c>
      <c r="F8" s="280">
        <v>0</v>
      </c>
      <c r="G8" s="281">
        <v>184</v>
      </c>
      <c r="H8" s="281">
        <v>137</v>
      </c>
      <c r="I8" s="281">
        <v>97</v>
      </c>
      <c r="J8" s="281">
        <v>90</v>
      </c>
      <c r="K8" s="281">
        <v>47</v>
      </c>
      <c r="L8" s="282">
        <v>555</v>
      </c>
      <c r="M8" s="283">
        <v>555</v>
      </c>
      <c r="N8" s="277">
        <v>0</v>
      </c>
      <c r="O8" s="281">
        <v>0</v>
      </c>
      <c r="P8" s="278">
        <v>0</v>
      </c>
      <c r="Q8" s="280">
        <v>0</v>
      </c>
      <c r="R8" s="281">
        <v>2</v>
      </c>
      <c r="S8" s="281">
        <v>1</v>
      </c>
      <c r="T8" s="281">
        <v>5</v>
      </c>
      <c r="U8" s="281">
        <v>11</v>
      </c>
      <c r="V8" s="281">
        <v>28</v>
      </c>
      <c r="W8" s="278">
        <v>47</v>
      </c>
      <c r="X8" s="283">
        <v>47</v>
      </c>
      <c r="Y8" s="277">
        <v>22</v>
      </c>
      <c r="Z8" s="281">
        <v>33</v>
      </c>
      <c r="AA8" s="278">
        <v>55</v>
      </c>
      <c r="AB8" s="280">
        <v>0</v>
      </c>
      <c r="AC8" s="281">
        <v>139</v>
      </c>
      <c r="AD8" s="281">
        <v>121</v>
      </c>
      <c r="AE8" s="281">
        <v>83</v>
      </c>
      <c r="AF8" s="281">
        <v>94</v>
      </c>
      <c r="AG8" s="281">
        <v>56</v>
      </c>
      <c r="AH8" s="278">
        <v>493</v>
      </c>
      <c r="AI8" s="283">
        <v>548</v>
      </c>
      <c r="AJ8" s="277">
        <v>1</v>
      </c>
      <c r="AK8" s="281">
        <v>1</v>
      </c>
      <c r="AL8" s="278">
        <v>2</v>
      </c>
      <c r="AM8" s="280">
        <v>0</v>
      </c>
      <c r="AN8" s="281">
        <v>11</v>
      </c>
      <c r="AO8" s="281">
        <v>14</v>
      </c>
      <c r="AP8" s="281">
        <v>6</v>
      </c>
      <c r="AQ8" s="281">
        <v>10</v>
      </c>
      <c r="AR8" s="281">
        <v>3</v>
      </c>
      <c r="AS8" s="278">
        <v>44</v>
      </c>
      <c r="AT8" s="283">
        <v>46</v>
      </c>
      <c r="AU8" s="277">
        <v>49</v>
      </c>
      <c r="AV8" s="281">
        <v>37</v>
      </c>
      <c r="AW8" s="278">
        <v>86</v>
      </c>
      <c r="AX8" s="280">
        <v>0</v>
      </c>
      <c r="AY8" s="281">
        <v>194</v>
      </c>
      <c r="AZ8" s="281">
        <v>195</v>
      </c>
      <c r="BA8" s="281">
        <v>204</v>
      </c>
      <c r="BB8" s="281">
        <v>202</v>
      </c>
      <c r="BC8" s="281">
        <v>123</v>
      </c>
      <c r="BD8" s="282">
        <v>918</v>
      </c>
      <c r="BE8" s="283">
        <v>1004</v>
      </c>
      <c r="BF8" s="277">
        <v>0</v>
      </c>
      <c r="BG8" s="281">
        <v>0</v>
      </c>
      <c r="BH8" s="278">
        <v>0</v>
      </c>
      <c r="BI8" s="280">
        <v>0</v>
      </c>
      <c r="BJ8" s="281">
        <v>230</v>
      </c>
      <c r="BK8" s="281">
        <v>158</v>
      </c>
      <c r="BL8" s="281">
        <v>103</v>
      </c>
      <c r="BM8" s="281">
        <v>58</v>
      </c>
      <c r="BN8" s="281">
        <v>21</v>
      </c>
      <c r="BO8" s="278">
        <v>570</v>
      </c>
      <c r="BP8" s="283">
        <v>570</v>
      </c>
      <c r="BQ8" s="277">
        <v>7</v>
      </c>
      <c r="BR8" s="281">
        <v>9</v>
      </c>
      <c r="BS8" s="278">
        <v>16</v>
      </c>
      <c r="BT8" s="280">
        <v>0</v>
      </c>
      <c r="BU8" s="281">
        <v>53</v>
      </c>
      <c r="BV8" s="281">
        <v>61</v>
      </c>
      <c r="BW8" s="281">
        <v>41</v>
      </c>
      <c r="BX8" s="281">
        <v>23</v>
      </c>
      <c r="BY8" s="281">
        <v>9</v>
      </c>
      <c r="BZ8" s="278">
        <v>187</v>
      </c>
      <c r="CA8" s="283">
        <v>203</v>
      </c>
      <c r="CB8" s="277">
        <v>4</v>
      </c>
      <c r="CC8" s="281">
        <v>2</v>
      </c>
      <c r="CD8" s="278">
        <v>6</v>
      </c>
      <c r="CE8" s="280">
        <v>0</v>
      </c>
      <c r="CF8" s="281">
        <v>23</v>
      </c>
      <c r="CG8" s="281">
        <v>27</v>
      </c>
      <c r="CH8" s="281">
        <v>24</v>
      </c>
      <c r="CI8" s="281">
        <v>16</v>
      </c>
      <c r="CJ8" s="281">
        <v>10</v>
      </c>
      <c r="CK8" s="278">
        <v>100</v>
      </c>
      <c r="CL8" s="283">
        <v>106</v>
      </c>
      <c r="CM8" s="277">
        <v>0</v>
      </c>
      <c r="CN8" s="281">
        <v>0</v>
      </c>
      <c r="CO8" s="278">
        <v>0</v>
      </c>
      <c r="CP8" s="280">
        <v>0</v>
      </c>
      <c r="CQ8" s="281">
        <v>2</v>
      </c>
      <c r="CR8" s="281">
        <v>3</v>
      </c>
      <c r="CS8" s="281">
        <v>6</v>
      </c>
      <c r="CT8" s="281">
        <v>5</v>
      </c>
      <c r="CU8" s="281">
        <v>4</v>
      </c>
      <c r="CV8" s="278">
        <v>20</v>
      </c>
      <c r="CW8" s="283">
        <v>20</v>
      </c>
      <c r="CX8" s="277">
        <v>0</v>
      </c>
      <c r="CY8" s="281">
        <v>0</v>
      </c>
      <c r="CZ8" s="278">
        <v>0</v>
      </c>
      <c r="DA8" s="280">
        <v>0</v>
      </c>
      <c r="DB8" s="281">
        <v>0</v>
      </c>
      <c r="DC8" s="281">
        <v>0</v>
      </c>
      <c r="DD8" s="281">
        <v>0</v>
      </c>
      <c r="DE8" s="281">
        <v>0</v>
      </c>
      <c r="DF8" s="281">
        <v>0</v>
      </c>
      <c r="DG8" s="278">
        <v>0</v>
      </c>
      <c r="DH8" s="283">
        <v>0</v>
      </c>
      <c r="DI8" s="277">
        <v>0</v>
      </c>
      <c r="DJ8" s="281">
        <v>0</v>
      </c>
      <c r="DK8" s="278">
        <v>0</v>
      </c>
      <c r="DL8" s="280">
        <v>0</v>
      </c>
      <c r="DM8" s="281">
        <v>0</v>
      </c>
      <c r="DN8" s="281">
        <v>0</v>
      </c>
      <c r="DO8" s="281">
        <v>0</v>
      </c>
      <c r="DP8" s="281">
        <v>0</v>
      </c>
      <c r="DQ8" s="281">
        <v>0</v>
      </c>
      <c r="DR8" s="278">
        <v>0</v>
      </c>
      <c r="DS8" s="283">
        <v>0</v>
      </c>
      <c r="DT8" s="277">
        <v>79</v>
      </c>
      <c r="DU8" s="281">
        <v>114</v>
      </c>
      <c r="DV8" s="278">
        <v>193</v>
      </c>
      <c r="DW8" s="280">
        <v>0</v>
      </c>
      <c r="DX8" s="281">
        <v>267</v>
      </c>
      <c r="DY8" s="281">
        <v>328</v>
      </c>
      <c r="DZ8" s="281">
        <v>235</v>
      </c>
      <c r="EA8" s="281">
        <v>203</v>
      </c>
      <c r="EB8" s="281">
        <v>109</v>
      </c>
      <c r="EC8" s="278">
        <v>1142</v>
      </c>
      <c r="ED8" s="283">
        <v>1335</v>
      </c>
      <c r="EE8" s="277">
        <v>39</v>
      </c>
      <c r="EF8" s="281">
        <v>17</v>
      </c>
      <c r="EG8" s="278">
        <v>56</v>
      </c>
      <c r="EH8" s="280">
        <v>0</v>
      </c>
      <c r="EI8" s="281">
        <v>71</v>
      </c>
      <c r="EJ8" s="281">
        <v>65</v>
      </c>
      <c r="EK8" s="281">
        <v>60</v>
      </c>
      <c r="EL8" s="281">
        <v>60</v>
      </c>
      <c r="EM8" s="281">
        <v>34</v>
      </c>
      <c r="EN8" s="278">
        <v>290</v>
      </c>
      <c r="EO8" s="283">
        <v>346</v>
      </c>
      <c r="EP8" s="277">
        <v>102</v>
      </c>
      <c r="EQ8" s="281">
        <v>141</v>
      </c>
      <c r="ER8" s="278">
        <v>243</v>
      </c>
      <c r="ES8" s="280">
        <v>0</v>
      </c>
      <c r="ET8" s="281">
        <v>585</v>
      </c>
      <c r="EU8" s="281">
        <v>444</v>
      </c>
      <c r="EV8" s="281">
        <v>281</v>
      </c>
      <c r="EW8" s="281">
        <v>205</v>
      </c>
      <c r="EX8" s="281">
        <v>116</v>
      </c>
      <c r="EY8" s="278">
        <v>1631</v>
      </c>
      <c r="EZ8" s="283">
        <v>1874</v>
      </c>
    </row>
    <row r="9" spans="2:156" ht="19.5" customHeight="1" x14ac:dyDescent="0.2">
      <c r="B9" s="262" t="s">
        <v>14</v>
      </c>
      <c r="C9" s="277">
        <v>0</v>
      </c>
      <c r="D9" s="281">
        <v>0</v>
      </c>
      <c r="E9" s="385">
        <v>0</v>
      </c>
      <c r="F9" s="280">
        <v>0</v>
      </c>
      <c r="G9" s="281">
        <v>77</v>
      </c>
      <c r="H9" s="281">
        <v>89</v>
      </c>
      <c r="I9" s="281">
        <v>60</v>
      </c>
      <c r="J9" s="281">
        <v>17</v>
      </c>
      <c r="K9" s="281">
        <v>23</v>
      </c>
      <c r="L9" s="282">
        <v>266</v>
      </c>
      <c r="M9" s="283">
        <v>266</v>
      </c>
      <c r="N9" s="277">
        <v>0</v>
      </c>
      <c r="O9" s="281">
        <v>0</v>
      </c>
      <c r="P9" s="278">
        <v>0</v>
      </c>
      <c r="Q9" s="280">
        <v>0</v>
      </c>
      <c r="R9" s="281">
        <v>0</v>
      </c>
      <c r="S9" s="281">
        <v>0</v>
      </c>
      <c r="T9" s="281">
        <v>3</v>
      </c>
      <c r="U9" s="281">
        <v>3</v>
      </c>
      <c r="V9" s="281">
        <v>8</v>
      </c>
      <c r="W9" s="278">
        <v>14</v>
      </c>
      <c r="X9" s="283">
        <v>14</v>
      </c>
      <c r="Y9" s="277">
        <v>5</v>
      </c>
      <c r="Z9" s="281">
        <v>28</v>
      </c>
      <c r="AA9" s="278">
        <v>33</v>
      </c>
      <c r="AB9" s="280">
        <v>0</v>
      </c>
      <c r="AC9" s="281">
        <v>59</v>
      </c>
      <c r="AD9" s="281">
        <v>80</v>
      </c>
      <c r="AE9" s="281">
        <v>52</v>
      </c>
      <c r="AF9" s="281">
        <v>32</v>
      </c>
      <c r="AG9" s="281">
        <v>16</v>
      </c>
      <c r="AH9" s="278">
        <v>239</v>
      </c>
      <c r="AI9" s="283">
        <v>272</v>
      </c>
      <c r="AJ9" s="277">
        <v>0</v>
      </c>
      <c r="AK9" s="281">
        <v>2</v>
      </c>
      <c r="AL9" s="278">
        <v>2</v>
      </c>
      <c r="AM9" s="280">
        <v>0</v>
      </c>
      <c r="AN9" s="281">
        <v>1</v>
      </c>
      <c r="AO9" s="281">
        <v>3</v>
      </c>
      <c r="AP9" s="281">
        <v>3</v>
      </c>
      <c r="AQ9" s="281">
        <v>3</v>
      </c>
      <c r="AR9" s="281">
        <v>1</v>
      </c>
      <c r="AS9" s="278">
        <v>11</v>
      </c>
      <c r="AT9" s="283">
        <v>13</v>
      </c>
      <c r="AU9" s="277">
        <v>19</v>
      </c>
      <c r="AV9" s="281">
        <v>26</v>
      </c>
      <c r="AW9" s="278">
        <v>45</v>
      </c>
      <c r="AX9" s="280">
        <v>0</v>
      </c>
      <c r="AY9" s="281">
        <v>94</v>
      </c>
      <c r="AZ9" s="281">
        <v>113</v>
      </c>
      <c r="BA9" s="281">
        <v>110</v>
      </c>
      <c r="BB9" s="281">
        <v>64</v>
      </c>
      <c r="BC9" s="281">
        <v>53</v>
      </c>
      <c r="BD9" s="282">
        <v>434</v>
      </c>
      <c r="BE9" s="283">
        <v>479</v>
      </c>
      <c r="BF9" s="277">
        <v>0</v>
      </c>
      <c r="BG9" s="281">
        <v>0</v>
      </c>
      <c r="BH9" s="278">
        <v>0</v>
      </c>
      <c r="BI9" s="280">
        <v>0</v>
      </c>
      <c r="BJ9" s="281">
        <v>107</v>
      </c>
      <c r="BK9" s="281">
        <v>136</v>
      </c>
      <c r="BL9" s="281">
        <v>81</v>
      </c>
      <c r="BM9" s="281">
        <v>32</v>
      </c>
      <c r="BN9" s="281">
        <v>12</v>
      </c>
      <c r="BO9" s="278">
        <v>368</v>
      </c>
      <c r="BP9" s="283">
        <v>368</v>
      </c>
      <c r="BQ9" s="277">
        <v>9</v>
      </c>
      <c r="BR9" s="281">
        <v>5</v>
      </c>
      <c r="BS9" s="278">
        <v>14</v>
      </c>
      <c r="BT9" s="280">
        <v>0</v>
      </c>
      <c r="BU9" s="281">
        <v>9</v>
      </c>
      <c r="BV9" s="281">
        <v>29</v>
      </c>
      <c r="BW9" s="281">
        <v>25</v>
      </c>
      <c r="BX9" s="281">
        <v>7</v>
      </c>
      <c r="BY9" s="281">
        <v>3</v>
      </c>
      <c r="BZ9" s="278">
        <v>73</v>
      </c>
      <c r="CA9" s="283">
        <v>87</v>
      </c>
      <c r="CB9" s="277">
        <v>0</v>
      </c>
      <c r="CC9" s="281">
        <v>1</v>
      </c>
      <c r="CD9" s="278">
        <v>1</v>
      </c>
      <c r="CE9" s="280">
        <v>0</v>
      </c>
      <c r="CF9" s="281">
        <v>13</v>
      </c>
      <c r="CG9" s="281">
        <v>23</v>
      </c>
      <c r="CH9" s="281">
        <v>25</v>
      </c>
      <c r="CI9" s="281">
        <v>14</v>
      </c>
      <c r="CJ9" s="281">
        <v>8</v>
      </c>
      <c r="CK9" s="278">
        <v>83</v>
      </c>
      <c r="CL9" s="283">
        <v>84</v>
      </c>
      <c r="CM9" s="277">
        <v>0</v>
      </c>
      <c r="CN9" s="281">
        <v>0</v>
      </c>
      <c r="CO9" s="278">
        <v>0</v>
      </c>
      <c r="CP9" s="280">
        <v>0</v>
      </c>
      <c r="CQ9" s="281">
        <v>0</v>
      </c>
      <c r="CR9" s="281">
        <v>1</v>
      </c>
      <c r="CS9" s="281">
        <v>0</v>
      </c>
      <c r="CT9" s="281">
        <v>0</v>
      </c>
      <c r="CU9" s="281">
        <v>0</v>
      </c>
      <c r="CV9" s="278">
        <v>1</v>
      </c>
      <c r="CW9" s="283">
        <v>1</v>
      </c>
      <c r="CX9" s="277">
        <v>0</v>
      </c>
      <c r="CY9" s="281">
        <v>0</v>
      </c>
      <c r="CZ9" s="278">
        <v>0</v>
      </c>
      <c r="DA9" s="280">
        <v>0</v>
      </c>
      <c r="DB9" s="281">
        <v>0</v>
      </c>
      <c r="DC9" s="281">
        <v>0</v>
      </c>
      <c r="DD9" s="281">
        <v>0</v>
      </c>
      <c r="DE9" s="281">
        <v>0</v>
      </c>
      <c r="DF9" s="281">
        <v>0</v>
      </c>
      <c r="DG9" s="278">
        <v>0</v>
      </c>
      <c r="DH9" s="283">
        <v>0</v>
      </c>
      <c r="DI9" s="277">
        <v>0</v>
      </c>
      <c r="DJ9" s="281">
        <v>0</v>
      </c>
      <c r="DK9" s="278">
        <v>0</v>
      </c>
      <c r="DL9" s="280">
        <v>0</v>
      </c>
      <c r="DM9" s="281">
        <v>0</v>
      </c>
      <c r="DN9" s="281">
        <v>0</v>
      </c>
      <c r="DO9" s="281">
        <v>0</v>
      </c>
      <c r="DP9" s="281">
        <v>0</v>
      </c>
      <c r="DQ9" s="281">
        <v>0</v>
      </c>
      <c r="DR9" s="278">
        <v>0</v>
      </c>
      <c r="DS9" s="283">
        <v>0</v>
      </c>
      <c r="DT9" s="277">
        <v>46</v>
      </c>
      <c r="DU9" s="281">
        <v>100</v>
      </c>
      <c r="DV9" s="278">
        <v>146</v>
      </c>
      <c r="DW9" s="280">
        <v>0</v>
      </c>
      <c r="DX9" s="281">
        <v>126</v>
      </c>
      <c r="DY9" s="281">
        <v>240</v>
      </c>
      <c r="DZ9" s="281">
        <v>151</v>
      </c>
      <c r="EA9" s="281">
        <v>82</v>
      </c>
      <c r="EB9" s="281">
        <v>45</v>
      </c>
      <c r="EC9" s="278">
        <v>644</v>
      </c>
      <c r="ED9" s="283">
        <v>790</v>
      </c>
      <c r="EE9" s="277">
        <v>16</v>
      </c>
      <c r="EF9" s="281">
        <v>11</v>
      </c>
      <c r="EG9" s="278">
        <v>27</v>
      </c>
      <c r="EH9" s="280">
        <v>0</v>
      </c>
      <c r="EI9" s="281">
        <v>35</v>
      </c>
      <c r="EJ9" s="281">
        <v>28</v>
      </c>
      <c r="EK9" s="281">
        <v>28</v>
      </c>
      <c r="EL9" s="281">
        <v>18</v>
      </c>
      <c r="EM9" s="281">
        <v>17</v>
      </c>
      <c r="EN9" s="278">
        <v>126</v>
      </c>
      <c r="EO9" s="283">
        <v>153</v>
      </c>
      <c r="EP9" s="277">
        <v>55</v>
      </c>
      <c r="EQ9" s="281">
        <v>116</v>
      </c>
      <c r="ER9" s="278">
        <v>171</v>
      </c>
      <c r="ES9" s="280">
        <v>0</v>
      </c>
      <c r="ET9" s="281">
        <v>289</v>
      </c>
      <c r="EU9" s="281">
        <v>347</v>
      </c>
      <c r="EV9" s="281">
        <v>191</v>
      </c>
      <c r="EW9" s="281">
        <v>93</v>
      </c>
      <c r="EX9" s="281">
        <v>42</v>
      </c>
      <c r="EY9" s="278">
        <v>962</v>
      </c>
      <c r="EZ9" s="283">
        <v>1133</v>
      </c>
    </row>
    <row r="10" spans="2:156" ht="19.5" customHeight="1" x14ac:dyDescent="0.2">
      <c r="B10" s="262" t="s">
        <v>7</v>
      </c>
      <c r="C10" s="277">
        <v>0</v>
      </c>
      <c r="D10" s="281">
        <v>0</v>
      </c>
      <c r="E10" s="385">
        <v>0</v>
      </c>
      <c r="F10" s="280">
        <v>0</v>
      </c>
      <c r="G10" s="281">
        <v>130</v>
      </c>
      <c r="H10" s="281">
        <v>102</v>
      </c>
      <c r="I10" s="281">
        <v>58</v>
      </c>
      <c r="J10" s="281">
        <v>38</v>
      </c>
      <c r="K10" s="281">
        <v>25</v>
      </c>
      <c r="L10" s="282">
        <v>353</v>
      </c>
      <c r="M10" s="283">
        <v>353</v>
      </c>
      <c r="N10" s="277">
        <v>0</v>
      </c>
      <c r="O10" s="281">
        <v>0</v>
      </c>
      <c r="P10" s="278">
        <v>0</v>
      </c>
      <c r="Q10" s="280">
        <v>0</v>
      </c>
      <c r="R10" s="281">
        <v>1</v>
      </c>
      <c r="S10" s="281">
        <v>4</v>
      </c>
      <c r="T10" s="281">
        <v>11</v>
      </c>
      <c r="U10" s="281">
        <v>16</v>
      </c>
      <c r="V10" s="281">
        <v>11</v>
      </c>
      <c r="W10" s="278">
        <v>43</v>
      </c>
      <c r="X10" s="283">
        <v>43</v>
      </c>
      <c r="Y10" s="277">
        <v>4</v>
      </c>
      <c r="Z10" s="281">
        <v>5</v>
      </c>
      <c r="AA10" s="278">
        <v>9</v>
      </c>
      <c r="AB10" s="280">
        <v>0</v>
      </c>
      <c r="AC10" s="281">
        <v>52</v>
      </c>
      <c r="AD10" s="281">
        <v>48</v>
      </c>
      <c r="AE10" s="281">
        <v>36</v>
      </c>
      <c r="AF10" s="281">
        <v>26</v>
      </c>
      <c r="AG10" s="281">
        <v>16</v>
      </c>
      <c r="AH10" s="278">
        <v>178</v>
      </c>
      <c r="AI10" s="283">
        <v>187</v>
      </c>
      <c r="AJ10" s="277">
        <v>0</v>
      </c>
      <c r="AK10" s="281">
        <v>0</v>
      </c>
      <c r="AL10" s="278">
        <v>0</v>
      </c>
      <c r="AM10" s="280">
        <v>0</v>
      </c>
      <c r="AN10" s="281">
        <v>7</v>
      </c>
      <c r="AO10" s="281">
        <v>2</v>
      </c>
      <c r="AP10" s="281">
        <v>4</v>
      </c>
      <c r="AQ10" s="281">
        <v>5</v>
      </c>
      <c r="AR10" s="281">
        <v>0</v>
      </c>
      <c r="AS10" s="278">
        <v>18</v>
      </c>
      <c r="AT10" s="283">
        <v>18</v>
      </c>
      <c r="AU10" s="277">
        <v>16</v>
      </c>
      <c r="AV10" s="281">
        <v>8</v>
      </c>
      <c r="AW10" s="278">
        <v>24</v>
      </c>
      <c r="AX10" s="280">
        <v>0</v>
      </c>
      <c r="AY10" s="281">
        <v>124</v>
      </c>
      <c r="AZ10" s="281">
        <v>96</v>
      </c>
      <c r="BA10" s="281">
        <v>105</v>
      </c>
      <c r="BB10" s="281">
        <v>89</v>
      </c>
      <c r="BC10" s="281">
        <v>48</v>
      </c>
      <c r="BD10" s="282">
        <v>462</v>
      </c>
      <c r="BE10" s="283">
        <v>486</v>
      </c>
      <c r="BF10" s="277">
        <v>0</v>
      </c>
      <c r="BG10" s="281">
        <v>0</v>
      </c>
      <c r="BH10" s="278">
        <v>0</v>
      </c>
      <c r="BI10" s="280">
        <v>0</v>
      </c>
      <c r="BJ10" s="281">
        <v>154</v>
      </c>
      <c r="BK10" s="281">
        <v>100</v>
      </c>
      <c r="BL10" s="281">
        <v>48</v>
      </c>
      <c r="BM10" s="281">
        <v>21</v>
      </c>
      <c r="BN10" s="281">
        <v>9</v>
      </c>
      <c r="BO10" s="278">
        <v>332</v>
      </c>
      <c r="BP10" s="283">
        <v>332</v>
      </c>
      <c r="BQ10" s="277">
        <v>4</v>
      </c>
      <c r="BR10" s="281">
        <v>0</v>
      </c>
      <c r="BS10" s="278">
        <v>4</v>
      </c>
      <c r="BT10" s="280">
        <v>0</v>
      </c>
      <c r="BU10" s="281">
        <v>27</v>
      </c>
      <c r="BV10" s="281">
        <v>17</v>
      </c>
      <c r="BW10" s="281">
        <v>14</v>
      </c>
      <c r="BX10" s="281">
        <v>4</v>
      </c>
      <c r="BY10" s="281">
        <v>1</v>
      </c>
      <c r="BZ10" s="278">
        <v>63</v>
      </c>
      <c r="CA10" s="283">
        <v>67</v>
      </c>
      <c r="CB10" s="277">
        <v>0</v>
      </c>
      <c r="CC10" s="281">
        <v>0</v>
      </c>
      <c r="CD10" s="278">
        <v>0</v>
      </c>
      <c r="CE10" s="280">
        <v>0</v>
      </c>
      <c r="CF10" s="281">
        <v>25</v>
      </c>
      <c r="CG10" s="281">
        <v>22</v>
      </c>
      <c r="CH10" s="281">
        <v>18</v>
      </c>
      <c r="CI10" s="281">
        <v>15</v>
      </c>
      <c r="CJ10" s="281">
        <v>9</v>
      </c>
      <c r="CK10" s="278">
        <v>89</v>
      </c>
      <c r="CL10" s="283">
        <v>89</v>
      </c>
      <c r="CM10" s="277">
        <v>0</v>
      </c>
      <c r="CN10" s="281">
        <v>0</v>
      </c>
      <c r="CO10" s="278">
        <v>0</v>
      </c>
      <c r="CP10" s="280">
        <v>0</v>
      </c>
      <c r="CQ10" s="281">
        <v>0</v>
      </c>
      <c r="CR10" s="281">
        <v>0</v>
      </c>
      <c r="CS10" s="281">
        <v>0</v>
      </c>
      <c r="CT10" s="281">
        <v>0</v>
      </c>
      <c r="CU10" s="281">
        <v>0</v>
      </c>
      <c r="CV10" s="278">
        <v>0</v>
      </c>
      <c r="CW10" s="283">
        <v>0</v>
      </c>
      <c r="CX10" s="277">
        <v>0</v>
      </c>
      <c r="CY10" s="281">
        <v>0</v>
      </c>
      <c r="CZ10" s="278">
        <v>0</v>
      </c>
      <c r="DA10" s="280">
        <v>0</v>
      </c>
      <c r="DB10" s="281">
        <v>0</v>
      </c>
      <c r="DC10" s="281">
        <v>0</v>
      </c>
      <c r="DD10" s="281">
        <v>0</v>
      </c>
      <c r="DE10" s="281">
        <v>0</v>
      </c>
      <c r="DF10" s="281">
        <v>0</v>
      </c>
      <c r="DG10" s="278">
        <v>0</v>
      </c>
      <c r="DH10" s="283">
        <v>0</v>
      </c>
      <c r="DI10" s="277">
        <v>0</v>
      </c>
      <c r="DJ10" s="281">
        <v>0</v>
      </c>
      <c r="DK10" s="278">
        <v>0</v>
      </c>
      <c r="DL10" s="280">
        <v>0</v>
      </c>
      <c r="DM10" s="281">
        <v>0</v>
      </c>
      <c r="DN10" s="281">
        <v>0</v>
      </c>
      <c r="DO10" s="281">
        <v>0</v>
      </c>
      <c r="DP10" s="281">
        <v>0</v>
      </c>
      <c r="DQ10" s="281">
        <v>0</v>
      </c>
      <c r="DR10" s="278">
        <v>0</v>
      </c>
      <c r="DS10" s="283">
        <v>0</v>
      </c>
      <c r="DT10" s="277">
        <v>25</v>
      </c>
      <c r="DU10" s="281">
        <v>32</v>
      </c>
      <c r="DV10" s="278">
        <v>57</v>
      </c>
      <c r="DW10" s="280">
        <v>0</v>
      </c>
      <c r="DX10" s="281">
        <v>170</v>
      </c>
      <c r="DY10" s="281">
        <v>213</v>
      </c>
      <c r="DZ10" s="281">
        <v>114</v>
      </c>
      <c r="EA10" s="281">
        <v>76</v>
      </c>
      <c r="EB10" s="281">
        <v>41</v>
      </c>
      <c r="EC10" s="278">
        <v>614</v>
      </c>
      <c r="ED10" s="283">
        <v>671</v>
      </c>
      <c r="EE10" s="277">
        <v>8</v>
      </c>
      <c r="EF10" s="281">
        <v>4</v>
      </c>
      <c r="EG10" s="278">
        <v>12</v>
      </c>
      <c r="EH10" s="280">
        <v>0</v>
      </c>
      <c r="EI10" s="281">
        <v>58</v>
      </c>
      <c r="EJ10" s="281">
        <v>29</v>
      </c>
      <c r="EK10" s="281">
        <v>31</v>
      </c>
      <c r="EL10" s="281">
        <v>34</v>
      </c>
      <c r="EM10" s="281">
        <v>14</v>
      </c>
      <c r="EN10" s="278">
        <v>166</v>
      </c>
      <c r="EO10" s="283">
        <v>178</v>
      </c>
      <c r="EP10" s="277">
        <v>31</v>
      </c>
      <c r="EQ10" s="281">
        <v>35</v>
      </c>
      <c r="ER10" s="278">
        <v>66</v>
      </c>
      <c r="ES10" s="280">
        <v>0</v>
      </c>
      <c r="ET10" s="281">
        <v>383</v>
      </c>
      <c r="EU10" s="281">
        <v>278</v>
      </c>
      <c r="EV10" s="281">
        <v>139</v>
      </c>
      <c r="EW10" s="281">
        <v>82</v>
      </c>
      <c r="EX10" s="281">
        <v>44</v>
      </c>
      <c r="EY10" s="278">
        <v>926</v>
      </c>
      <c r="EZ10" s="283">
        <v>992</v>
      </c>
    </row>
    <row r="11" spans="2:156" ht="19.5" customHeight="1" x14ac:dyDescent="0.2">
      <c r="B11" s="262" t="s">
        <v>8</v>
      </c>
      <c r="C11" s="277">
        <v>0</v>
      </c>
      <c r="D11" s="281">
        <v>0</v>
      </c>
      <c r="E11" s="385">
        <v>0</v>
      </c>
      <c r="F11" s="280">
        <v>0</v>
      </c>
      <c r="G11" s="281">
        <v>23</v>
      </c>
      <c r="H11" s="281">
        <v>30</v>
      </c>
      <c r="I11" s="281">
        <v>19</v>
      </c>
      <c r="J11" s="281">
        <v>8</v>
      </c>
      <c r="K11" s="281">
        <v>9</v>
      </c>
      <c r="L11" s="282">
        <v>89</v>
      </c>
      <c r="M11" s="283">
        <v>89</v>
      </c>
      <c r="N11" s="277">
        <v>0</v>
      </c>
      <c r="O11" s="281">
        <v>0</v>
      </c>
      <c r="P11" s="278">
        <v>0</v>
      </c>
      <c r="Q11" s="280">
        <v>0</v>
      </c>
      <c r="R11" s="281">
        <v>0</v>
      </c>
      <c r="S11" s="281">
        <v>1</v>
      </c>
      <c r="T11" s="281">
        <v>5</v>
      </c>
      <c r="U11" s="281">
        <v>3</v>
      </c>
      <c r="V11" s="281">
        <v>3</v>
      </c>
      <c r="W11" s="278">
        <v>12</v>
      </c>
      <c r="X11" s="283">
        <v>12</v>
      </c>
      <c r="Y11" s="277">
        <v>3</v>
      </c>
      <c r="Z11" s="281">
        <v>6</v>
      </c>
      <c r="AA11" s="278">
        <v>9</v>
      </c>
      <c r="AB11" s="280">
        <v>0</v>
      </c>
      <c r="AC11" s="281">
        <v>24</v>
      </c>
      <c r="AD11" s="281">
        <v>23</v>
      </c>
      <c r="AE11" s="281">
        <v>21</v>
      </c>
      <c r="AF11" s="281">
        <v>15</v>
      </c>
      <c r="AG11" s="281">
        <v>8</v>
      </c>
      <c r="AH11" s="278">
        <v>91</v>
      </c>
      <c r="AI11" s="283">
        <v>100</v>
      </c>
      <c r="AJ11" s="277">
        <v>1</v>
      </c>
      <c r="AK11" s="281">
        <v>1</v>
      </c>
      <c r="AL11" s="278">
        <v>2</v>
      </c>
      <c r="AM11" s="280">
        <v>0</v>
      </c>
      <c r="AN11" s="281">
        <v>2</v>
      </c>
      <c r="AO11" s="281">
        <v>4</v>
      </c>
      <c r="AP11" s="281">
        <v>5</v>
      </c>
      <c r="AQ11" s="281">
        <v>2</v>
      </c>
      <c r="AR11" s="281">
        <v>1</v>
      </c>
      <c r="AS11" s="278">
        <v>14</v>
      </c>
      <c r="AT11" s="283">
        <v>16</v>
      </c>
      <c r="AU11" s="277">
        <v>8</v>
      </c>
      <c r="AV11" s="281">
        <v>4</v>
      </c>
      <c r="AW11" s="278">
        <v>12</v>
      </c>
      <c r="AX11" s="280">
        <v>0</v>
      </c>
      <c r="AY11" s="281">
        <v>35</v>
      </c>
      <c r="AZ11" s="281">
        <v>26</v>
      </c>
      <c r="BA11" s="281">
        <v>35</v>
      </c>
      <c r="BB11" s="281">
        <v>26</v>
      </c>
      <c r="BC11" s="281">
        <v>20</v>
      </c>
      <c r="BD11" s="282">
        <v>142</v>
      </c>
      <c r="BE11" s="283">
        <v>154</v>
      </c>
      <c r="BF11" s="277">
        <v>0</v>
      </c>
      <c r="BG11" s="281">
        <v>0</v>
      </c>
      <c r="BH11" s="278">
        <v>0</v>
      </c>
      <c r="BI11" s="280">
        <v>0</v>
      </c>
      <c r="BJ11" s="281">
        <v>34</v>
      </c>
      <c r="BK11" s="281">
        <v>46</v>
      </c>
      <c r="BL11" s="281">
        <v>20</v>
      </c>
      <c r="BM11" s="281">
        <v>10</v>
      </c>
      <c r="BN11" s="281">
        <v>2</v>
      </c>
      <c r="BO11" s="278">
        <v>112</v>
      </c>
      <c r="BP11" s="283">
        <v>112</v>
      </c>
      <c r="BQ11" s="277">
        <v>7</v>
      </c>
      <c r="BR11" s="281">
        <v>4</v>
      </c>
      <c r="BS11" s="278">
        <v>11</v>
      </c>
      <c r="BT11" s="280">
        <v>0</v>
      </c>
      <c r="BU11" s="281">
        <v>9</v>
      </c>
      <c r="BV11" s="281">
        <v>7</v>
      </c>
      <c r="BW11" s="281">
        <v>7</v>
      </c>
      <c r="BX11" s="281">
        <v>3</v>
      </c>
      <c r="BY11" s="281">
        <v>0</v>
      </c>
      <c r="BZ11" s="278">
        <v>26</v>
      </c>
      <c r="CA11" s="283">
        <v>37</v>
      </c>
      <c r="CB11" s="277">
        <v>0</v>
      </c>
      <c r="CC11" s="281">
        <v>0</v>
      </c>
      <c r="CD11" s="278">
        <v>0</v>
      </c>
      <c r="CE11" s="280">
        <v>0</v>
      </c>
      <c r="CF11" s="281">
        <v>8</v>
      </c>
      <c r="CG11" s="281">
        <v>4</v>
      </c>
      <c r="CH11" s="281">
        <v>6</v>
      </c>
      <c r="CI11" s="281">
        <v>3</v>
      </c>
      <c r="CJ11" s="281">
        <v>0</v>
      </c>
      <c r="CK11" s="278">
        <v>21</v>
      </c>
      <c r="CL11" s="283">
        <v>21</v>
      </c>
      <c r="CM11" s="277">
        <v>0</v>
      </c>
      <c r="CN11" s="281">
        <v>0</v>
      </c>
      <c r="CO11" s="278">
        <v>0</v>
      </c>
      <c r="CP11" s="280">
        <v>0</v>
      </c>
      <c r="CQ11" s="281">
        <v>0</v>
      </c>
      <c r="CR11" s="281">
        <v>1</v>
      </c>
      <c r="CS11" s="281">
        <v>1</v>
      </c>
      <c r="CT11" s="281">
        <v>1</v>
      </c>
      <c r="CU11" s="281">
        <v>0</v>
      </c>
      <c r="CV11" s="278">
        <v>3</v>
      </c>
      <c r="CW11" s="283">
        <v>3</v>
      </c>
      <c r="CX11" s="277">
        <v>0</v>
      </c>
      <c r="CY11" s="281">
        <v>0</v>
      </c>
      <c r="CZ11" s="278">
        <v>0</v>
      </c>
      <c r="DA11" s="280">
        <v>0</v>
      </c>
      <c r="DB11" s="281">
        <v>0</v>
      </c>
      <c r="DC11" s="281">
        <v>0</v>
      </c>
      <c r="DD11" s="281">
        <v>0</v>
      </c>
      <c r="DE11" s="281">
        <v>0</v>
      </c>
      <c r="DF11" s="281">
        <v>0</v>
      </c>
      <c r="DG11" s="278">
        <v>0</v>
      </c>
      <c r="DH11" s="283">
        <v>0</v>
      </c>
      <c r="DI11" s="277">
        <v>0</v>
      </c>
      <c r="DJ11" s="281">
        <v>0</v>
      </c>
      <c r="DK11" s="278">
        <v>0</v>
      </c>
      <c r="DL11" s="280">
        <v>0</v>
      </c>
      <c r="DM11" s="281">
        <v>0</v>
      </c>
      <c r="DN11" s="281">
        <v>0</v>
      </c>
      <c r="DO11" s="281">
        <v>0</v>
      </c>
      <c r="DP11" s="281">
        <v>0</v>
      </c>
      <c r="DQ11" s="281">
        <v>0</v>
      </c>
      <c r="DR11" s="278">
        <v>0</v>
      </c>
      <c r="DS11" s="283">
        <v>0</v>
      </c>
      <c r="DT11" s="277">
        <v>18</v>
      </c>
      <c r="DU11" s="281">
        <v>18</v>
      </c>
      <c r="DV11" s="278">
        <v>36</v>
      </c>
      <c r="DW11" s="280">
        <v>0</v>
      </c>
      <c r="DX11" s="281">
        <v>60</v>
      </c>
      <c r="DY11" s="281">
        <v>86</v>
      </c>
      <c r="DZ11" s="281">
        <v>59</v>
      </c>
      <c r="EA11" s="281">
        <v>34</v>
      </c>
      <c r="EB11" s="281">
        <v>16</v>
      </c>
      <c r="EC11" s="278">
        <v>255</v>
      </c>
      <c r="ED11" s="283">
        <v>291</v>
      </c>
      <c r="EE11" s="277">
        <v>6</v>
      </c>
      <c r="EF11" s="281">
        <v>4</v>
      </c>
      <c r="EG11" s="278">
        <v>10</v>
      </c>
      <c r="EH11" s="280">
        <v>0</v>
      </c>
      <c r="EI11" s="281">
        <v>12</v>
      </c>
      <c r="EJ11" s="281">
        <v>6</v>
      </c>
      <c r="EK11" s="281">
        <v>8</v>
      </c>
      <c r="EL11" s="281">
        <v>7</v>
      </c>
      <c r="EM11" s="281">
        <v>9</v>
      </c>
      <c r="EN11" s="278">
        <v>42</v>
      </c>
      <c r="EO11" s="283">
        <v>52</v>
      </c>
      <c r="EP11" s="277">
        <v>29</v>
      </c>
      <c r="EQ11" s="281">
        <v>25</v>
      </c>
      <c r="ER11" s="278">
        <v>54</v>
      </c>
      <c r="ES11" s="280">
        <v>0</v>
      </c>
      <c r="ET11" s="281">
        <v>108</v>
      </c>
      <c r="EU11" s="281">
        <v>107</v>
      </c>
      <c r="EV11" s="281">
        <v>64</v>
      </c>
      <c r="EW11" s="281">
        <v>33</v>
      </c>
      <c r="EX11" s="281">
        <v>14</v>
      </c>
      <c r="EY11" s="278">
        <v>326</v>
      </c>
      <c r="EZ11" s="283">
        <v>380</v>
      </c>
    </row>
    <row r="12" spans="2:156" ht="19.5" customHeight="1" x14ac:dyDescent="0.2">
      <c r="B12" s="262" t="s">
        <v>9</v>
      </c>
      <c r="C12" s="277">
        <v>0</v>
      </c>
      <c r="D12" s="281">
        <v>0</v>
      </c>
      <c r="E12" s="385">
        <v>0</v>
      </c>
      <c r="F12" s="280">
        <v>0</v>
      </c>
      <c r="G12" s="281">
        <v>50</v>
      </c>
      <c r="H12" s="281">
        <v>53</v>
      </c>
      <c r="I12" s="281">
        <v>33</v>
      </c>
      <c r="J12" s="281">
        <v>28</v>
      </c>
      <c r="K12" s="281">
        <v>22</v>
      </c>
      <c r="L12" s="282">
        <v>186</v>
      </c>
      <c r="M12" s="283">
        <v>186</v>
      </c>
      <c r="N12" s="277">
        <v>0</v>
      </c>
      <c r="O12" s="281">
        <v>0</v>
      </c>
      <c r="P12" s="278">
        <v>0</v>
      </c>
      <c r="Q12" s="280">
        <v>0</v>
      </c>
      <c r="R12" s="281">
        <v>0</v>
      </c>
      <c r="S12" s="281">
        <v>0</v>
      </c>
      <c r="T12" s="281">
        <v>2</v>
      </c>
      <c r="U12" s="281">
        <v>2</v>
      </c>
      <c r="V12" s="281">
        <v>12</v>
      </c>
      <c r="W12" s="278">
        <v>16</v>
      </c>
      <c r="X12" s="283">
        <v>16</v>
      </c>
      <c r="Y12" s="277">
        <v>1</v>
      </c>
      <c r="Z12" s="281">
        <v>7</v>
      </c>
      <c r="AA12" s="278">
        <v>8</v>
      </c>
      <c r="AB12" s="280">
        <v>0</v>
      </c>
      <c r="AC12" s="281">
        <v>38</v>
      </c>
      <c r="AD12" s="281">
        <v>28</v>
      </c>
      <c r="AE12" s="281">
        <v>25</v>
      </c>
      <c r="AF12" s="281">
        <v>21</v>
      </c>
      <c r="AG12" s="281">
        <v>15</v>
      </c>
      <c r="AH12" s="278">
        <v>127</v>
      </c>
      <c r="AI12" s="283">
        <v>135</v>
      </c>
      <c r="AJ12" s="277">
        <v>0</v>
      </c>
      <c r="AK12" s="281">
        <v>0</v>
      </c>
      <c r="AL12" s="278">
        <v>0</v>
      </c>
      <c r="AM12" s="280">
        <v>0</v>
      </c>
      <c r="AN12" s="281">
        <v>3</v>
      </c>
      <c r="AO12" s="281">
        <v>4</v>
      </c>
      <c r="AP12" s="281">
        <v>3</v>
      </c>
      <c r="AQ12" s="281">
        <v>6</v>
      </c>
      <c r="AR12" s="281">
        <v>1</v>
      </c>
      <c r="AS12" s="278">
        <v>17</v>
      </c>
      <c r="AT12" s="283">
        <v>17</v>
      </c>
      <c r="AU12" s="277">
        <v>13</v>
      </c>
      <c r="AV12" s="281">
        <v>8</v>
      </c>
      <c r="AW12" s="278">
        <v>21</v>
      </c>
      <c r="AX12" s="280">
        <v>0</v>
      </c>
      <c r="AY12" s="281">
        <v>60</v>
      </c>
      <c r="AZ12" s="281">
        <v>53</v>
      </c>
      <c r="BA12" s="281">
        <v>48</v>
      </c>
      <c r="BB12" s="281">
        <v>38</v>
      </c>
      <c r="BC12" s="281">
        <v>31</v>
      </c>
      <c r="BD12" s="282">
        <v>230</v>
      </c>
      <c r="BE12" s="283">
        <v>251</v>
      </c>
      <c r="BF12" s="277">
        <v>0</v>
      </c>
      <c r="BG12" s="281">
        <v>0</v>
      </c>
      <c r="BH12" s="278">
        <v>0</v>
      </c>
      <c r="BI12" s="280">
        <v>0</v>
      </c>
      <c r="BJ12" s="281">
        <v>46</v>
      </c>
      <c r="BK12" s="281">
        <v>43</v>
      </c>
      <c r="BL12" s="281">
        <v>34</v>
      </c>
      <c r="BM12" s="281">
        <v>16</v>
      </c>
      <c r="BN12" s="281">
        <v>8</v>
      </c>
      <c r="BO12" s="278">
        <v>147</v>
      </c>
      <c r="BP12" s="283">
        <v>147</v>
      </c>
      <c r="BQ12" s="277">
        <v>3</v>
      </c>
      <c r="BR12" s="281">
        <v>4</v>
      </c>
      <c r="BS12" s="278">
        <v>7</v>
      </c>
      <c r="BT12" s="280">
        <v>0</v>
      </c>
      <c r="BU12" s="281">
        <v>13</v>
      </c>
      <c r="BV12" s="281">
        <v>15</v>
      </c>
      <c r="BW12" s="281">
        <v>7</v>
      </c>
      <c r="BX12" s="281">
        <v>8</v>
      </c>
      <c r="BY12" s="281">
        <v>0</v>
      </c>
      <c r="BZ12" s="278">
        <v>43</v>
      </c>
      <c r="CA12" s="283">
        <v>50</v>
      </c>
      <c r="CB12" s="277">
        <v>0</v>
      </c>
      <c r="CC12" s="281">
        <v>0</v>
      </c>
      <c r="CD12" s="278">
        <v>0</v>
      </c>
      <c r="CE12" s="280">
        <v>0</v>
      </c>
      <c r="CF12" s="281">
        <v>7</v>
      </c>
      <c r="CG12" s="281">
        <v>4</v>
      </c>
      <c r="CH12" s="281">
        <v>14</v>
      </c>
      <c r="CI12" s="281">
        <v>7</v>
      </c>
      <c r="CJ12" s="281">
        <v>3</v>
      </c>
      <c r="CK12" s="278">
        <v>35</v>
      </c>
      <c r="CL12" s="283">
        <v>35</v>
      </c>
      <c r="CM12" s="277">
        <v>0</v>
      </c>
      <c r="CN12" s="281">
        <v>0</v>
      </c>
      <c r="CO12" s="278">
        <v>0</v>
      </c>
      <c r="CP12" s="280">
        <v>0</v>
      </c>
      <c r="CQ12" s="281">
        <v>0</v>
      </c>
      <c r="CR12" s="281">
        <v>1</v>
      </c>
      <c r="CS12" s="281">
        <v>1</v>
      </c>
      <c r="CT12" s="281">
        <v>1</v>
      </c>
      <c r="CU12" s="281">
        <v>0</v>
      </c>
      <c r="CV12" s="278">
        <v>3</v>
      </c>
      <c r="CW12" s="283">
        <v>3</v>
      </c>
      <c r="CX12" s="277">
        <v>0</v>
      </c>
      <c r="CY12" s="281">
        <v>0</v>
      </c>
      <c r="CZ12" s="278">
        <v>0</v>
      </c>
      <c r="DA12" s="280">
        <v>0</v>
      </c>
      <c r="DB12" s="281">
        <v>0</v>
      </c>
      <c r="DC12" s="281">
        <v>0</v>
      </c>
      <c r="DD12" s="281">
        <v>0</v>
      </c>
      <c r="DE12" s="281">
        <v>0</v>
      </c>
      <c r="DF12" s="281">
        <v>0</v>
      </c>
      <c r="DG12" s="278">
        <v>0</v>
      </c>
      <c r="DH12" s="283">
        <v>0</v>
      </c>
      <c r="DI12" s="277">
        <v>0</v>
      </c>
      <c r="DJ12" s="281">
        <v>0</v>
      </c>
      <c r="DK12" s="278">
        <v>0</v>
      </c>
      <c r="DL12" s="280">
        <v>0</v>
      </c>
      <c r="DM12" s="281">
        <v>0</v>
      </c>
      <c r="DN12" s="281">
        <v>0</v>
      </c>
      <c r="DO12" s="281">
        <v>0</v>
      </c>
      <c r="DP12" s="281">
        <v>0</v>
      </c>
      <c r="DQ12" s="281">
        <v>0</v>
      </c>
      <c r="DR12" s="278">
        <v>0</v>
      </c>
      <c r="DS12" s="283">
        <v>0</v>
      </c>
      <c r="DT12" s="277">
        <v>28</v>
      </c>
      <c r="DU12" s="281">
        <v>30</v>
      </c>
      <c r="DV12" s="278">
        <v>58</v>
      </c>
      <c r="DW12" s="280">
        <v>0</v>
      </c>
      <c r="DX12" s="281">
        <v>82</v>
      </c>
      <c r="DY12" s="281">
        <v>95</v>
      </c>
      <c r="DZ12" s="281">
        <v>70</v>
      </c>
      <c r="EA12" s="281">
        <v>49</v>
      </c>
      <c r="EB12" s="281">
        <v>33</v>
      </c>
      <c r="EC12" s="278">
        <v>329</v>
      </c>
      <c r="ED12" s="283">
        <v>387</v>
      </c>
      <c r="EE12" s="277">
        <v>8</v>
      </c>
      <c r="EF12" s="281">
        <v>5</v>
      </c>
      <c r="EG12" s="278">
        <v>13</v>
      </c>
      <c r="EH12" s="280">
        <v>0</v>
      </c>
      <c r="EI12" s="281">
        <v>22</v>
      </c>
      <c r="EJ12" s="281">
        <v>19</v>
      </c>
      <c r="EK12" s="281">
        <v>9</v>
      </c>
      <c r="EL12" s="281">
        <v>12</v>
      </c>
      <c r="EM12" s="281">
        <v>9</v>
      </c>
      <c r="EN12" s="278">
        <v>71</v>
      </c>
      <c r="EO12" s="283">
        <v>84</v>
      </c>
      <c r="EP12" s="277">
        <v>30</v>
      </c>
      <c r="EQ12" s="281">
        <v>36</v>
      </c>
      <c r="ER12" s="278">
        <v>66</v>
      </c>
      <c r="ES12" s="280">
        <v>0</v>
      </c>
      <c r="ET12" s="281">
        <v>155</v>
      </c>
      <c r="EU12" s="281">
        <v>133</v>
      </c>
      <c r="EV12" s="281">
        <v>82</v>
      </c>
      <c r="EW12" s="281">
        <v>53</v>
      </c>
      <c r="EX12" s="281">
        <v>35</v>
      </c>
      <c r="EY12" s="278">
        <v>458</v>
      </c>
      <c r="EZ12" s="283">
        <v>524</v>
      </c>
    </row>
    <row r="13" spans="2:156" ht="19.5" customHeight="1" x14ac:dyDescent="0.2">
      <c r="B13" s="262" t="s">
        <v>10</v>
      </c>
      <c r="C13" s="277">
        <v>0</v>
      </c>
      <c r="D13" s="281">
        <v>0</v>
      </c>
      <c r="E13" s="385">
        <v>0</v>
      </c>
      <c r="F13" s="280">
        <v>0</v>
      </c>
      <c r="G13" s="281">
        <v>91</v>
      </c>
      <c r="H13" s="281">
        <v>54</v>
      </c>
      <c r="I13" s="281">
        <v>38</v>
      </c>
      <c r="J13" s="281">
        <v>28</v>
      </c>
      <c r="K13" s="281">
        <v>22</v>
      </c>
      <c r="L13" s="282">
        <v>233</v>
      </c>
      <c r="M13" s="283">
        <v>233</v>
      </c>
      <c r="N13" s="277">
        <v>0</v>
      </c>
      <c r="O13" s="281">
        <v>0</v>
      </c>
      <c r="P13" s="278">
        <v>0</v>
      </c>
      <c r="Q13" s="280">
        <v>0</v>
      </c>
      <c r="R13" s="281">
        <v>0</v>
      </c>
      <c r="S13" s="281">
        <v>0</v>
      </c>
      <c r="T13" s="281">
        <v>2</v>
      </c>
      <c r="U13" s="281">
        <v>12</v>
      </c>
      <c r="V13" s="281">
        <v>12</v>
      </c>
      <c r="W13" s="278">
        <v>26</v>
      </c>
      <c r="X13" s="283">
        <v>26</v>
      </c>
      <c r="Y13" s="277">
        <v>18</v>
      </c>
      <c r="Z13" s="281">
        <v>21</v>
      </c>
      <c r="AA13" s="278">
        <v>39</v>
      </c>
      <c r="AB13" s="280">
        <v>0</v>
      </c>
      <c r="AC13" s="281">
        <v>64</v>
      </c>
      <c r="AD13" s="281">
        <v>39</v>
      </c>
      <c r="AE13" s="281">
        <v>31</v>
      </c>
      <c r="AF13" s="281">
        <v>28</v>
      </c>
      <c r="AG13" s="281">
        <v>16</v>
      </c>
      <c r="AH13" s="278">
        <v>178</v>
      </c>
      <c r="AI13" s="283">
        <v>217</v>
      </c>
      <c r="AJ13" s="277">
        <v>1</v>
      </c>
      <c r="AK13" s="281">
        <v>7</v>
      </c>
      <c r="AL13" s="278">
        <v>8</v>
      </c>
      <c r="AM13" s="280">
        <v>0</v>
      </c>
      <c r="AN13" s="281">
        <v>10</v>
      </c>
      <c r="AO13" s="281">
        <v>4</v>
      </c>
      <c r="AP13" s="281">
        <v>6</v>
      </c>
      <c r="AQ13" s="281">
        <v>1</v>
      </c>
      <c r="AR13" s="281">
        <v>3</v>
      </c>
      <c r="AS13" s="278">
        <v>24</v>
      </c>
      <c r="AT13" s="283">
        <v>32</v>
      </c>
      <c r="AU13" s="277">
        <v>16</v>
      </c>
      <c r="AV13" s="281">
        <v>18</v>
      </c>
      <c r="AW13" s="278">
        <v>34</v>
      </c>
      <c r="AX13" s="280">
        <v>0</v>
      </c>
      <c r="AY13" s="281">
        <v>91</v>
      </c>
      <c r="AZ13" s="281">
        <v>88</v>
      </c>
      <c r="BA13" s="281">
        <v>66</v>
      </c>
      <c r="BB13" s="281">
        <v>62</v>
      </c>
      <c r="BC13" s="281">
        <v>48</v>
      </c>
      <c r="BD13" s="282">
        <v>355</v>
      </c>
      <c r="BE13" s="283">
        <v>389</v>
      </c>
      <c r="BF13" s="277">
        <v>0</v>
      </c>
      <c r="BG13" s="281">
        <v>0</v>
      </c>
      <c r="BH13" s="278">
        <v>0</v>
      </c>
      <c r="BI13" s="280">
        <v>0</v>
      </c>
      <c r="BJ13" s="281">
        <v>125</v>
      </c>
      <c r="BK13" s="281">
        <v>66</v>
      </c>
      <c r="BL13" s="281">
        <v>47</v>
      </c>
      <c r="BM13" s="281">
        <v>17</v>
      </c>
      <c r="BN13" s="281">
        <v>8</v>
      </c>
      <c r="BO13" s="278">
        <v>263</v>
      </c>
      <c r="BP13" s="283">
        <v>263</v>
      </c>
      <c r="BQ13" s="277">
        <v>4</v>
      </c>
      <c r="BR13" s="281">
        <v>3</v>
      </c>
      <c r="BS13" s="278">
        <v>7</v>
      </c>
      <c r="BT13" s="280">
        <v>0</v>
      </c>
      <c r="BU13" s="281">
        <v>24</v>
      </c>
      <c r="BV13" s="281">
        <v>7</v>
      </c>
      <c r="BW13" s="281">
        <v>12</v>
      </c>
      <c r="BX13" s="281">
        <v>4</v>
      </c>
      <c r="BY13" s="281">
        <v>2</v>
      </c>
      <c r="BZ13" s="278">
        <v>49</v>
      </c>
      <c r="CA13" s="283">
        <v>56</v>
      </c>
      <c r="CB13" s="277">
        <v>0</v>
      </c>
      <c r="CC13" s="281">
        <v>1</v>
      </c>
      <c r="CD13" s="278">
        <v>1</v>
      </c>
      <c r="CE13" s="280">
        <v>0</v>
      </c>
      <c r="CF13" s="281">
        <v>18</v>
      </c>
      <c r="CG13" s="281">
        <v>15</v>
      </c>
      <c r="CH13" s="281">
        <v>19</v>
      </c>
      <c r="CI13" s="281">
        <v>12</v>
      </c>
      <c r="CJ13" s="281">
        <v>3</v>
      </c>
      <c r="CK13" s="278">
        <v>67</v>
      </c>
      <c r="CL13" s="283">
        <v>68</v>
      </c>
      <c r="CM13" s="277">
        <v>0</v>
      </c>
      <c r="CN13" s="281">
        <v>0</v>
      </c>
      <c r="CO13" s="278">
        <v>0</v>
      </c>
      <c r="CP13" s="280">
        <v>0</v>
      </c>
      <c r="CQ13" s="281">
        <v>1</v>
      </c>
      <c r="CR13" s="281">
        <v>2</v>
      </c>
      <c r="CS13" s="281">
        <v>1</v>
      </c>
      <c r="CT13" s="281">
        <v>1</v>
      </c>
      <c r="CU13" s="281">
        <v>0</v>
      </c>
      <c r="CV13" s="278">
        <v>5</v>
      </c>
      <c r="CW13" s="283">
        <v>5</v>
      </c>
      <c r="CX13" s="277">
        <v>0</v>
      </c>
      <c r="CY13" s="281">
        <v>0</v>
      </c>
      <c r="CZ13" s="278">
        <v>0</v>
      </c>
      <c r="DA13" s="280">
        <v>0</v>
      </c>
      <c r="DB13" s="281">
        <v>0</v>
      </c>
      <c r="DC13" s="281">
        <v>0</v>
      </c>
      <c r="DD13" s="281">
        <v>0</v>
      </c>
      <c r="DE13" s="281">
        <v>0</v>
      </c>
      <c r="DF13" s="281">
        <v>0</v>
      </c>
      <c r="DG13" s="278">
        <v>0</v>
      </c>
      <c r="DH13" s="283">
        <v>0</v>
      </c>
      <c r="DI13" s="277">
        <v>0</v>
      </c>
      <c r="DJ13" s="281">
        <v>0</v>
      </c>
      <c r="DK13" s="278">
        <v>0</v>
      </c>
      <c r="DL13" s="280">
        <v>0</v>
      </c>
      <c r="DM13" s="281">
        <v>0</v>
      </c>
      <c r="DN13" s="281">
        <v>0</v>
      </c>
      <c r="DO13" s="281">
        <v>0</v>
      </c>
      <c r="DP13" s="281">
        <v>0</v>
      </c>
      <c r="DQ13" s="281">
        <v>0</v>
      </c>
      <c r="DR13" s="278">
        <v>0</v>
      </c>
      <c r="DS13" s="283">
        <v>0</v>
      </c>
      <c r="DT13" s="277">
        <v>64</v>
      </c>
      <c r="DU13" s="281">
        <v>79</v>
      </c>
      <c r="DV13" s="278">
        <v>143</v>
      </c>
      <c r="DW13" s="280">
        <v>0</v>
      </c>
      <c r="DX13" s="281">
        <v>135</v>
      </c>
      <c r="DY13" s="281">
        <v>130</v>
      </c>
      <c r="DZ13" s="281">
        <v>80</v>
      </c>
      <c r="EA13" s="281">
        <v>59</v>
      </c>
      <c r="EB13" s="281">
        <v>34</v>
      </c>
      <c r="EC13" s="278">
        <v>438</v>
      </c>
      <c r="ED13" s="283">
        <v>581</v>
      </c>
      <c r="EE13" s="277">
        <v>7</v>
      </c>
      <c r="EF13" s="281">
        <v>7</v>
      </c>
      <c r="EG13" s="278">
        <v>14</v>
      </c>
      <c r="EH13" s="280">
        <v>0</v>
      </c>
      <c r="EI13" s="281">
        <v>34</v>
      </c>
      <c r="EJ13" s="281">
        <v>18</v>
      </c>
      <c r="EK13" s="281">
        <v>15</v>
      </c>
      <c r="EL13" s="281">
        <v>17</v>
      </c>
      <c r="EM13" s="281">
        <v>10</v>
      </c>
      <c r="EN13" s="278">
        <v>94</v>
      </c>
      <c r="EO13" s="283">
        <v>108</v>
      </c>
      <c r="EP13" s="277">
        <v>80</v>
      </c>
      <c r="EQ13" s="281">
        <v>91</v>
      </c>
      <c r="ER13" s="278">
        <v>171</v>
      </c>
      <c r="ES13" s="280">
        <v>0</v>
      </c>
      <c r="ET13" s="281">
        <v>273</v>
      </c>
      <c r="EU13" s="281">
        <v>152</v>
      </c>
      <c r="EV13" s="281">
        <v>92</v>
      </c>
      <c r="EW13" s="281">
        <v>60</v>
      </c>
      <c r="EX13" s="281">
        <v>34</v>
      </c>
      <c r="EY13" s="278">
        <v>611</v>
      </c>
      <c r="EZ13" s="283">
        <v>782</v>
      </c>
    </row>
    <row r="14" spans="2:156" ht="19.5" customHeight="1" x14ac:dyDescent="0.2">
      <c r="B14" s="262" t="s">
        <v>11</v>
      </c>
      <c r="C14" s="277">
        <v>0</v>
      </c>
      <c r="D14" s="281">
        <v>0</v>
      </c>
      <c r="E14" s="385">
        <v>0</v>
      </c>
      <c r="F14" s="280">
        <v>0</v>
      </c>
      <c r="G14" s="281">
        <v>14</v>
      </c>
      <c r="H14" s="281">
        <v>15</v>
      </c>
      <c r="I14" s="281">
        <v>16</v>
      </c>
      <c r="J14" s="281">
        <v>16</v>
      </c>
      <c r="K14" s="281">
        <v>3</v>
      </c>
      <c r="L14" s="282">
        <v>64</v>
      </c>
      <c r="M14" s="283">
        <v>64</v>
      </c>
      <c r="N14" s="277">
        <v>0</v>
      </c>
      <c r="O14" s="281">
        <v>0</v>
      </c>
      <c r="P14" s="278">
        <v>0</v>
      </c>
      <c r="Q14" s="280">
        <v>0</v>
      </c>
      <c r="R14" s="281">
        <v>0</v>
      </c>
      <c r="S14" s="281">
        <v>1</v>
      </c>
      <c r="T14" s="281">
        <v>3</v>
      </c>
      <c r="U14" s="281">
        <v>3</v>
      </c>
      <c r="V14" s="281">
        <v>2</v>
      </c>
      <c r="W14" s="278">
        <v>9</v>
      </c>
      <c r="X14" s="283">
        <v>9</v>
      </c>
      <c r="Y14" s="277">
        <v>3</v>
      </c>
      <c r="Z14" s="281">
        <v>4</v>
      </c>
      <c r="AA14" s="278">
        <v>7</v>
      </c>
      <c r="AB14" s="280">
        <v>0</v>
      </c>
      <c r="AC14" s="281">
        <v>19</v>
      </c>
      <c r="AD14" s="281">
        <v>17</v>
      </c>
      <c r="AE14" s="281">
        <v>18</v>
      </c>
      <c r="AF14" s="281">
        <v>12</v>
      </c>
      <c r="AG14" s="281">
        <v>6</v>
      </c>
      <c r="AH14" s="278">
        <v>72</v>
      </c>
      <c r="AI14" s="283">
        <v>79</v>
      </c>
      <c r="AJ14" s="277">
        <v>0</v>
      </c>
      <c r="AK14" s="281">
        <v>2</v>
      </c>
      <c r="AL14" s="278">
        <v>2</v>
      </c>
      <c r="AM14" s="280">
        <v>0</v>
      </c>
      <c r="AN14" s="281">
        <v>1</v>
      </c>
      <c r="AO14" s="281">
        <v>1</v>
      </c>
      <c r="AP14" s="281">
        <v>1</v>
      </c>
      <c r="AQ14" s="281">
        <v>5</v>
      </c>
      <c r="AR14" s="281">
        <v>0</v>
      </c>
      <c r="AS14" s="278">
        <v>8</v>
      </c>
      <c r="AT14" s="283">
        <v>10</v>
      </c>
      <c r="AU14" s="277">
        <v>6</v>
      </c>
      <c r="AV14" s="281">
        <v>7</v>
      </c>
      <c r="AW14" s="278">
        <v>13</v>
      </c>
      <c r="AX14" s="280">
        <v>0</v>
      </c>
      <c r="AY14" s="281">
        <v>30</v>
      </c>
      <c r="AZ14" s="281">
        <v>30</v>
      </c>
      <c r="BA14" s="281">
        <v>32</v>
      </c>
      <c r="BB14" s="281">
        <v>32</v>
      </c>
      <c r="BC14" s="281">
        <v>15</v>
      </c>
      <c r="BD14" s="282">
        <v>139</v>
      </c>
      <c r="BE14" s="283">
        <v>152</v>
      </c>
      <c r="BF14" s="277">
        <v>0</v>
      </c>
      <c r="BG14" s="281">
        <v>0</v>
      </c>
      <c r="BH14" s="278">
        <v>0</v>
      </c>
      <c r="BI14" s="280">
        <v>0</v>
      </c>
      <c r="BJ14" s="281">
        <v>37</v>
      </c>
      <c r="BK14" s="281">
        <v>17</v>
      </c>
      <c r="BL14" s="281">
        <v>18</v>
      </c>
      <c r="BM14" s="281">
        <v>10</v>
      </c>
      <c r="BN14" s="281">
        <v>3</v>
      </c>
      <c r="BO14" s="278">
        <v>85</v>
      </c>
      <c r="BP14" s="283">
        <v>85</v>
      </c>
      <c r="BQ14" s="277">
        <v>4</v>
      </c>
      <c r="BR14" s="281">
        <v>3</v>
      </c>
      <c r="BS14" s="278">
        <v>7</v>
      </c>
      <c r="BT14" s="280">
        <v>0</v>
      </c>
      <c r="BU14" s="281">
        <v>17</v>
      </c>
      <c r="BV14" s="281">
        <v>9</v>
      </c>
      <c r="BW14" s="281">
        <v>4</v>
      </c>
      <c r="BX14" s="281">
        <v>5</v>
      </c>
      <c r="BY14" s="281">
        <v>1</v>
      </c>
      <c r="BZ14" s="278">
        <v>36</v>
      </c>
      <c r="CA14" s="283">
        <v>43</v>
      </c>
      <c r="CB14" s="277">
        <v>1</v>
      </c>
      <c r="CC14" s="281">
        <v>0</v>
      </c>
      <c r="CD14" s="278">
        <v>1</v>
      </c>
      <c r="CE14" s="280">
        <v>0</v>
      </c>
      <c r="CF14" s="281">
        <v>5</v>
      </c>
      <c r="CG14" s="281">
        <v>5</v>
      </c>
      <c r="CH14" s="281">
        <v>7</v>
      </c>
      <c r="CI14" s="281">
        <v>6</v>
      </c>
      <c r="CJ14" s="281">
        <v>1</v>
      </c>
      <c r="CK14" s="278">
        <v>24</v>
      </c>
      <c r="CL14" s="283">
        <v>25</v>
      </c>
      <c r="CM14" s="277">
        <v>0</v>
      </c>
      <c r="CN14" s="281">
        <v>0</v>
      </c>
      <c r="CO14" s="278">
        <v>0</v>
      </c>
      <c r="CP14" s="280">
        <v>0</v>
      </c>
      <c r="CQ14" s="281">
        <v>0</v>
      </c>
      <c r="CR14" s="281">
        <v>2</v>
      </c>
      <c r="CS14" s="281">
        <v>1</v>
      </c>
      <c r="CT14" s="281">
        <v>1</v>
      </c>
      <c r="CU14" s="281">
        <v>0</v>
      </c>
      <c r="CV14" s="278">
        <v>4</v>
      </c>
      <c r="CW14" s="283">
        <v>4</v>
      </c>
      <c r="CX14" s="277">
        <v>0</v>
      </c>
      <c r="CY14" s="281">
        <v>0</v>
      </c>
      <c r="CZ14" s="278">
        <v>0</v>
      </c>
      <c r="DA14" s="280">
        <v>0</v>
      </c>
      <c r="DB14" s="281">
        <v>0</v>
      </c>
      <c r="DC14" s="281">
        <v>0</v>
      </c>
      <c r="DD14" s="281">
        <v>0</v>
      </c>
      <c r="DE14" s="281">
        <v>0</v>
      </c>
      <c r="DF14" s="281">
        <v>0</v>
      </c>
      <c r="DG14" s="278">
        <v>0</v>
      </c>
      <c r="DH14" s="283">
        <v>0</v>
      </c>
      <c r="DI14" s="277">
        <v>0</v>
      </c>
      <c r="DJ14" s="281">
        <v>0</v>
      </c>
      <c r="DK14" s="278">
        <v>0</v>
      </c>
      <c r="DL14" s="280">
        <v>0</v>
      </c>
      <c r="DM14" s="281">
        <v>0</v>
      </c>
      <c r="DN14" s="281">
        <v>0</v>
      </c>
      <c r="DO14" s="281">
        <v>0</v>
      </c>
      <c r="DP14" s="281">
        <v>0</v>
      </c>
      <c r="DQ14" s="281">
        <v>0</v>
      </c>
      <c r="DR14" s="278">
        <v>0</v>
      </c>
      <c r="DS14" s="283">
        <v>0</v>
      </c>
      <c r="DT14" s="277">
        <v>19</v>
      </c>
      <c r="DU14" s="281">
        <v>27</v>
      </c>
      <c r="DV14" s="278">
        <v>46</v>
      </c>
      <c r="DW14" s="280">
        <v>0</v>
      </c>
      <c r="DX14" s="281">
        <v>52</v>
      </c>
      <c r="DY14" s="281">
        <v>52</v>
      </c>
      <c r="DZ14" s="281">
        <v>45</v>
      </c>
      <c r="EA14" s="281">
        <v>31</v>
      </c>
      <c r="EB14" s="281">
        <v>10</v>
      </c>
      <c r="EC14" s="278">
        <v>190</v>
      </c>
      <c r="ED14" s="283">
        <v>236</v>
      </c>
      <c r="EE14" s="277">
        <v>3</v>
      </c>
      <c r="EF14" s="281">
        <v>4</v>
      </c>
      <c r="EG14" s="278">
        <v>7</v>
      </c>
      <c r="EH14" s="280">
        <v>0</v>
      </c>
      <c r="EI14" s="281">
        <v>19</v>
      </c>
      <c r="EJ14" s="281">
        <v>20</v>
      </c>
      <c r="EK14" s="281">
        <v>12</v>
      </c>
      <c r="EL14" s="281">
        <v>17</v>
      </c>
      <c r="EM14" s="281">
        <v>8</v>
      </c>
      <c r="EN14" s="278">
        <v>76</v>
      </c>
      <c r="EO14" s="283">
        <v>83</v>
      </c>
      <c r="EP14" s="277">
        <v>28</v>
      </c>
      <c r="EQ14" s="281">
        <v>31</v>
      </c>
      <c r="ER14" s="278">
        <v>59</v>
      </c>
      <c r="ES14" s="280">
        <v>0</v>
      </c>
      <c r="ET14" s="281">
        <v>102</v>
      </c>
      <c r="EU14" s="281">
        <v>63</v>
      </c>
      <c r="EV14" s="281">
        <v>54</v>
      </c>
      <c r="EW14" s="281">
        <v>31</v>
      </c>
      <c r="EX14" s="281">
        <v>11</v>
      </c>
      <c r="EY14" s="278">
        <v>261</v>
      </c>
      <c r="EZ14" s="283">
        <v>320</v>
      </c>
    </row>
    <row r="15" spans="2:156" ht="19.5" customHeight="1" x14ac:dyDescent="0.2">
      <c r="B15" s="262" t="s">
        <v>12</v>
      </c>
      <c r="C15" s="277">
        <v>0</v>
      </c>
      <c r="D15" s="281">
        <v>0</v>
      </c>
      <c r="E15" s="385">
        <v>0</v>
      </c>
      <c r="F15" s="280">
        <v>0</v>
      </c>
      <c r="G15" s="281">
        <v>37</v>
      </c>
      <c r="H15" s="281">
        <v>24</v>
      </c>
      <c r="I15" s="281">
        <v>24</v>
      </c>
      <c r="J15" s="281">
        <v>20</v>
      </c>
      <c r="K15" s="281">
        <v>18</v>
      </c>
      <c r="L15" s="282">
        <v>123</v>
      </c>
      <c r="M15" s="283">
        <v>123</v>
      </c>
      <c r="N15" s="277">
        <v>0</v>
      </c>
      <c r="O15" s="281">
        <v>0</v>
      </c>
      <c r="P15" s="278">
        <v>0</v>
      </c>
      <c r="Q15" s="280">
        <v>0</v>
      </c>
      <c r="R15" s="281">
        <v>0</v>
      </c>
      <c r="S15" s="281">
        <v>0</v>
      </c>
      <c r="T15" s="281">
        <v>2</v>
      </c>
      <c r="U15" s="281">
        <v>1</v>
      </c>
      <c r="V15" s="281">
        <v>7</v>
      </c>
      <c r="W15" s="278">
        <v>10</v>
      </c>
      <c r="X15" s="283">
        <v>10</v>
      </c>
      <c r="Y15" s="277">
        <v>16</v>
      </c>
      <c r="Z15" s="281">
        <v>14</v>
      </c>
      <c r="AA15" s="278">
        <v>30</v>
      </c>
      <c r="AB15" s="280">
        <v>0</v>
      </c>
      <c r="AC15" s="281">
        <v>25</v>
      </c>
      <c r="AD15" s="281">
        <v>42</v>
      </c>
      <c r="AE15" s="281">
        <v>21</v>
      </c>
      <c r="AF15" s="281">
        <v>10</v>
      </c>
      <c r="AG15" s="281">
        <v>10</v>
      </c>
      <c r="AH15" s="278">
        <v>108</v>
      </c>
      <c r="AI15" s="283">
        <v>138</v>
      </c>
      <c r="AJ15" s="277">
        <v>0</v>
      </c>
      <c r="AK15" s="281">
        <v>0</v>
      </c>
      <c r="AL15" s="278">
        <v>0</v>
      </c>
      <c r="AM15" s="280">
        <v>0</v>
      </c>
      <c r="AN15" s="281">
        <v>1</v>
      </c>
      <c r="AO15" s="281">
        <v>7</v>
      </c>
      <c r="AP15" s="281">
        <v>4</v>
      </c>
      <c r="AQ15" s="281">
        <v>2</v>
      </c>
      <c r="AR15" s="281">
        <v>1</v>
      </c>
      <c r="AS15" s="278">
        <v>15</v>
      </c>
      <c r="AT15" s="283">
        <v>15</v>
      </c>
      <c r="AU15" s="277">
        <v>7</v>
      </c>
      <c r="AV15" s="281">
        <v>9</v>
      </c>
      <c r="AW15" s="278">
        <v>16</v>
      </c>
      <c r="AX15" s="280">
        <v>0</v>
      </c>
      <c r="AY15" s="281">
        <v>27</v>
      </c>
      <c r="AZ15" s="281">
        <v>24</v>
      </c>
      <c r="BA15" s="281">
        <v>31</v>
      </c>
      <c r="BB15" s="281">
        <v>33</v>
      </c>
      <c r="BC15" s="281">
        <v>17</v>
      </c>
      <c r="BD15" s="282">
        <v>132</v>
      </c>
      <c r="BE15" s="283">
        <v>148</v>
      </c>
      <c r="BF15" s="277">
        <v>0</v>
      </c>
      <c r="BG15" s="281">
        <v>0</v>
      </c>
      <c r="BH15" s="278">
        <v>0</v>
      </c>
      <c r="BI15" s="280">
        <v>0</v>
      </c>
      <c r="BJ15" s="281">
        <v>56</v>
      </c>
      <c r="BK15" s="281">
        <v>26</v>
      </c>
      <c r="BL15" s="281">
        <v>25</v>
      </c>
      <c r="BM15" s="281">
        <v>9</v>
      </c>
      <c r="BN15" s="281">
        <v>3</v>
      </c>
      <c r="BO15" s="278">
        <v>119</v>
      </c>
      <c r="BP15" s="283">
        <v>119</v>
      </c>
      <c r="BQ15" s="277">
        <v>9</v>
      </c>
      <c r="BR15" s="281">
        <v>4</v>
      </c>
      <c r="BS15" s="278">
        <v>13</v>
      </c>
      <c r="BT15" s="280">
        <v>0</v>
      </c>
      <c r="BU15" s="281">
        <v>15</v>
      </c>
      <c r="BV15" s="281">
        <v>18</v>
      </c>
      <c r="BW15" s="281">
        <v>12</v>
      </c>
      <c r="BX15" s="281">
        <v>5</v>
      </c>
      <c r="BY15" s="281">
        <v>1</v>
      </c>
      <c r="BZ15" s="278">
        <v>51</v>
      </c>
      <c r="CA15" s="283">
        <v>64</v>
      </c>
      <c r="CB15" s="277">
        <v>1</v>
      </c>
      <c r="CC15" s="281">
        <v>1</v>
      </c>
      <c r="CD15" s="278">
        <v>2</v>
      </c>
      <c r="CE15" s="280">
        <v>0</v>
      </c>
      <c r="CF15" s="281">
        <v>6</v>
      </c>
      <c r="CG15" s="281">
        <v>7</v>
      </c>
      <c r="CH15" s="281">
        <v>12</v>
      </c>
      <c r="CI15" s="281">
        <v>8</v>
      </c>
      <c r="CJ15" s="281">
        <v>3</v>
      </c>
      <c r="CK15" s="278">
        <v>36</v>
      </c>
      <c r="CL15" s="283">
        <v>38</v>
      </c>
      <c r="CM15" s="277">
        <v>0</v>
      </c>
      <c r="CN15" s="281">
        <v>0</v>
      </c>
      <c r="CO15" s="278">
        <v>0</v>
      </c>
      <c r="CP15" s="280">
        <v>0</v>
      </c>
      <c r="CQ15" s="281">
        <v>0</v>
      </c>
      <c r="CR15" s="281">
        <v>1</v>
      </c>
      <c r="CS15" s="281">
        <v>0</v>
      </c>
      <c r="CT15" s="281">
        <v>0</v>
      </c>
      <c r="CU15" s="281">
        <v>0</v>
      </c>
      <c r="CV15" s="278">
        <v>1</v>
      </c>
      <c r="CW15" s="283">
        <v>1</v>
      </c>
      <c r="CX15" s="277">
        <v>0</v>
      </c>
      <c r="CY15" s="281">
        <v>0</v>
      </c>
      <c r="CZ15" s="278">
        <v>0</v>
      </c>
      <c r="DA15" s="280">
        <v>0</v>
      </c>
      <c r="DB15" s="281">
        <v>0</v>
      </c>
      <c r="DC15" s="281">
        <v>0</v>
      </c>
      <c r="DD15" s="281">
        <v>0</v>
      </c>
      <c r="DE15" s="281">
        <v>0</v>
      </c>
      <c r="DF15" s="281">
        <v>0</v>
      </c>
      <c r="DG15" s="278">
        <v>0</v>
      </c>
      <c r="DH15" s="283">
        <v>0</v>
      </c>
      <c r="DI15" s="277">
        <v>0</v>
      </c>
      <c r="DJ15" s="281">
        <v>0</v>
      </c>
      <c r="DK15" s="278">
        <v>0</v>
      </c>
      <c r="DL15" s="280">
        <v>0</v>
      </c>
      <c r="DM15" s="281">
        <v>0</v>
      </c>
      <c r="DN15" s="281">
        <v>0</v>
      </c>
      <c r="DO15" s="281">
        <v>0</v>
      </c>
      <c r="DP15" s="281">
        <v>0</v>
      </c>
      <c r="DQ15" s="281">
        <v>0</v>
      </c>
      <c r="DR15" s="278">
        <v>0</v>
      </c>
      <c r="DS15" s="283">
        <v>0</v>
      </c>
      <c r="DT15" s="277">
        <v>16</v>
      </c>
      <c r="DU15" s="281">
        <v>34</v>
      </c>
      <c r="DV15" s="278">
        <v>50</v>
      </c>
      <c r="DW15" s="280">
        <v>0</v>
      </c>
      <c r="DX15" s="281">
        <v>35</v>
      </c>
      <c r="DY15" s="281">
        <v>83</v>
      </c>
      <c r="DZ15" s="281">
        <v>66</v>
      </c>
      <c r="EA15" s="281">
        <v>45</v>
      </c>
      <c r="EB15" s="281">
        <v>23</v>
      </c>
      <c r="EC15" s="278">
        <v>252</v>
      </c>
      <c r="ED15" s="283">
        <v>302</v>
      </c>
      <c r="EE15" s="277">
        <v>2</v>
      </c>
      <c r="EF15" s="281">
        <v>5</v>
      </c>
      <c r="EG15" s="278">
        <v>7</v>
      </c>
      <c r="EH15" s="280">
        <v>0</v>
      </c>
      <c r="EI15" s="281">
        <v>7</v>
      </c>
      <c r="EJ15" s="281">
        <v>7</v>
      </c>
      <c r="EK15" s="281">
        <v>12</v>
      </c>
      <c r="EL15" s="281">
        <v>9</v>
      </c>
      <c r="EM15" s="281">
        <v>4</v>
      </c>
      <c r="EN15" s="278">
        <v>39</v>
      </c>
      <c r="EO15" s="283">
        <v>46</v>
      </c>
      <c r="EP15" s="277">
        <v>39</v>
      </c>
      <c r="EQ15" s="281">
        <v>46</v>
      </c>
      <c r="ER15" s="278">
        <v>85</v>
      </c>
      <c r="ES15" s="280">
        <v>0</v>
      </c>
      <c r="ET15" s="281">
        <v>120</v>
      </c>
      <c r="EU15" s="281">
        <v>105</v>
      </c>
      <c r="EV15" s="281">
        <v>69</v>
      </c>
      <c r="EW15" s="281">
        <v>39</v>
      </c>
      <c r="EX15" s="281">
        <v>23</v>
      </c>
      <c r="EY15" s="278">
        <v>356</v>
      </c>
      <c r="EZ15" s="283">
        <v>441</v>
      </c>
    </row>
    <row r="16" spans="2:156" ht="19.5" customHeight="1" x14ac:dyDescent="0.2">
      <c r="B16" s="262" t="s">
        <v>13</v>
      </c>
      <c r="C16" s="277">
        <v>0</v>
      </c>
      <c r="D16" s="281">
        <v>0</v>
      </c>
      <c r="E16" s="385">
        <v>0</v>
      </c>
      <c r="F16" s="280">
        <v>0</v>
      </c>
      <c r="G16" s="281">
        <v>21</v>
      </c>
      <c r="H16" s="281">
        <v>20</v>
      </c>
      <c r="I16" s="281">
        <v>13</v>
      </c>
      <c r="J16" s="281">
        <v>10</v>
      </c>
      <c r="K16" s="281">
        <v>9</v>
      </c>
      <c r="L16" s="282">
        <v>73</v>
      </c>
      <c r="M16" s="283">
        <v>73</v>
      </c>
      <c r="N16" s="277">
        <v>0</v>
      </c>
      <c r="O16" s="281">
        <v>0</v>
      </c>
      <c r="P16" s="278">
        <v>0</v>
      </c>
      <c r="Q16" s="280">
        <v>0</v>
      </c>
      <c r="R16" s="281">
        <v>0</v>
      </c>
      <c r="S16" s="281">
        <v>1</v>
      </c>
      <c r="T16" s="281">
        <v>0</v>
      </c>
      <c r="U16" s="281">
        <v>3</v>
      </c>
      <c r="V16" s="281">
        <v>4</v>
      </c>
      <c r="W16" s="278">
        <v>8</v>
      </c>
      <c r="X16" s="283">
        <v>8</v>
      </c>
      <c r="Y16" s="277">
        <v>1</v>
      </c>
      <c r="Z16" s="281">
        <v>1</v>
      </c>
      <c r="AA16" s="278">
        <v>2</v>
      </c>
      <c r="AB16" s="280">
        <v>0</v>
      </c>
      <c r="AC16" s="281">
        <v>8</v>
      </c>
      <c r="AD16" s="281">
        <v>14</v>
      </c>
      <c r="AE16" s="281">
        <v>10</v>
      </c>
      <c r="AF16" s="281">
        <v>10</v>
      </c>
      <c r="AG16" s="281">
        <v>7</v>
      </c>
      <c r="AH16" s="278">
        <v>49</v>
      </c>
      <c r="AI16" s="283">
        <v>51</v>
      </c>
      <c r="AJ16" s="277">
        <v>0</v>
      </c>
      <c r="AK16" s="281">
        <v>0</v>
      </c>
      <c r="AL16" s="278">
        <v>0</v>
      </c>
      <c r="AM16" s="280">
        <v>0</v>
      </c>
      <c r="AN16" s="281">
        <v>1</v>
      </c>
      <c r="AO16" s="281">
        <v>0</v>
      </c>
      <c r="AP16" s="281">
        <v>0</v>
      </c>
      <c r="AQ16" s="281">
        <v>1</v>
      </c>
      <c r="AR16" s="281">
        <v>1</v>
      </c>
      <c r="AS16" s="278">
        <v>3</v>
      </c>
      <c r="AT16" s="283">
        <v>3</v>
      </c>
      <c r="AU16" s="277">
        <v>5</v>
      </c>
      <c r="AV16" s="281">
        <v>1</v>
      </c>
      <c r="AW16" s="278">
        <v>6</v>
      </c>
      <c r="AX16" s="280">
        <v>0</v>
      </c>
      <c r="AY16" s="281">
        <v>11</v>
      </c>
      <c r="AZ16" s="281">
        <v>18</v>
      </c>
      <c r="BA16" s="281">
        <v>10</v>
      </c>
      <c r="BB16" s="281">
        <v>18</v>
      </c>
      <c r="BC16" s="281">
        <v>13</v>
      </c>
      <c r="BD16" s="282">
        <v>70</v>
      </c>
      <c r="BE16" s="283">
        <v>76</v>
      </c>
      <c r="BF16" s="277">
        <v>0</v>
      </c>
      <c r="BG16" s="281">
        <v>0</v>
      </c>
      <c r="BH16" s="278">
        <v>0</v>
      </c>
      <c r="BI16" s="280">
        <v>0</v>
      </c>
      <c r="BJ16" s="281">
        <v>17</v>
      </c>
      <c r="BK16" s="281">
        <v>22</v>
      </c>
      <c r="BL16" s="281">
        <v>12</v>
      </c>
      <c r="BM16" s="281">
        <v>6</v>
      </c>
      <c r="BN16" s="281">
        <v>2</v>
      </c>
      <c r="BO16" s="278">
        <v>59</v>
      </c>
      <c r="BP16" s="283">
        <v>59</v>
      </c>
      <c r="BQ16" s="277">
        <v>0</v>
      </c>
      <c r="BR16" s="281">
        <v>2</v>
      </c>
      <c r="BS16" s="278">
        <v>2</v>
      </c>
      <c r="BT16" s="280">
        <v>0</v>
      </c>
      <c r="BU16" s="281">
        <v>5</v>
      </c>
      <c r="BV16" s="281">
        <v>6</v>
      </c>
      <c r="BW16" s="281">
        <v>5</v>
      </c>
      <c r="BX16" s="281">
        <v>3</v>
      </c>
      <c r="BY16" s="281">
        <v>0</v>
      </c>
      <c r="BZ16" s="278">
        <v>19</v>
      </c>
      <c r="CA16" s="283">
        <v>21</v>
      </c>
      <c r="CB16" s="277">
        <v>0</v>
      </c>
      <c r="CC16" s="281">
        <v>0</v>
      </c>
      <c r="CD16" s="278">
        <v>0</v>
      </c>
      <c r="CE16" s="280">
        <v>0</v>
      </c>
      <c r="CF16" s="281">
        <v>3</v>
      </c>
      <c r="CG16" s="281">
        <v>3</v>
      </c>
      <c r="CH16" s="281">
        <v>2</v>
      </c>
      <c r="CI16" s="281">
        <v>4</v>
      </c>
      <c r="CJ16" s="281">
        <v>1</v>
      </c>
      <c r="CK16" s="278">
        <v>13</v>
      </c>
      <c r="CL16" s="283">
        <v>13</v>
      </c>
      <c r="CM16" s="277">
        <v>0</v>
      </c>
      <c r="CN16" s="281">
        <v>0</v>
      </c>
      <c r="CO16" s="278">
        <v>0</v>
      </c>
      <c r="CP16" s="280">
        <v>0</v>
      </c>
      <c r="CQ16" s="281">
        <v>0</v>
      </c>
      <c r="CR16" s="281">
        <v>1</v>
      </c>
      <c r="CS16" s="281">
        <v>1</v>
      </c>
      <c r="CT16" s="281">
        <v>0</v>
      </c>
      <c r="CU16" s="281">
        <v>0</v>
      </c>
      <c r="CV16" s="278">
        <v>2</v>
      </c>
      <c r="CW16" s="283">
        <v>2</v>
      </c>
      <c r="CX16" s="277">
        <v>0</v>
      </c>
      <c r="CY16" s="281">
        <v>0</v>
      </c>
      <c r="CZ16" s="278">
        <v>0</v>
      </c>
      <c r="DA16" s="280">
        <v>0</v>
      </c>
      <c r="DB16" s="281">
        <v>0</v>
      </c>
      <c r="DC16" s="281">
        <v>0</v>
      </c>
      <c r="DD16" s="281">
        <v>0</v>
      </c>
      <c r="DE16" s="281">
        <v>0</v>
      </c>
      <c r="DF16" s="281">
        <v>0</v>
      </c>
      <c r="DG16" s="278">
        <v>0</v>
      </c>
      <c r="DH16" s="283">
        <v>0</v>
      </c>
      <c r="DI16" s="277">
        <v>0</v>
      </c>
      <c r="DJ16" s="281">
        <v>0</v>
      </c>
      <c r="DK16" s="278">
        <v>0</v>
      </c>
      <c r="DL16" s="280">
        <v>0</v>
      </c>
      <c r="DM16" s="281">
        <v>0</v>
      </c>
      <c r="DN16" s="281">
        <v>0</v>
      </c>
      <c r="DO16" s="281">
        <v>0</v>
      </c>
      <c r="DP16" s="281">
        <v>0</v>
      </c>
      <c r="DQ16" s="281">
        <v>0</v>
      </c>
      <c r="DR16" s="278">
        <v>0</v>
      </c>
      <c r="DS16" s="283">
        <v>0</v>
      </c>
      <c r="DT16" s="277">
        <v>4</v>
      </c>
      <c r="DU16" s="281">
        <v>13</v>
      </c>
      <c r="DV16" s="278">
        <v>17</v>
      </c>
      <c r="DW16" s="280">
        <v>0</v>
      </c>
      <c r="DX16" s="281">
        <v>23</v>
      </c>
      <c r="DY16" s="281">
        <v>31</v>
      </c>
      <c r="DZ16" s="281">
        <v>25</v>
      </c>
      <c r="EA16" s="281">
        <v>20</v>
      </c>
      <c r="EB16" s="281">
        <v>7</v>
      </c>
      <c r="EC16" s="278">
        <v>106</v>
      </c>
      <c r="ED16" s="283">
        <v>123</v>
      </c>
      <c r="EE16" s="277">
        <v>2</v>
      </c>
      <c r="EF16" s="281">
        <v>0</v>
      </c>
      <c r="EG16" s="278">
        <v>2</v>
      </c>
      <c r="EH16" s="280">
        <v>0</v>
      </c>
      <c r="EI16" s="281">
        <v>5</v>
      </c>
      <c r="EJ16" s="281">
        <v>7</v>
      </c>
      <c r="EK16" s="281">
        <v>3</v>
      </c>
      <c r="EL16" s="281">
        <v>7</v>
      </c>
      <c r="EM16" s="281">
        <v>6</v>
      </c>
      <c r="EN16" s="278">
        <v>28</v>
      </c>
      <c r="EO16" s="283">
        <v>30</v>
      </c>
      <c r="EP16" s="277">
        <v>5</v>
      </c>
      <c r="EQ16" s="281">
        <v>14</v>
      </c>
      <c r="ER16" s="278">
        <v>19</v>
      </c>
      <c r="ES16" s="280">
        <v>0</v>
      </c>
      <c r="ET16" s="281">
        <v>55</v>
      </c>
      <c r="EU16" s="281">
        <v>49</v>
      </c>
      <c r="EV16" s="281">
        <v>31</v>
      </c>
      <c r="EW16" s="281">
        <v>24</v>
      </c>
      <c r="EX16" s="281">
        <v>9</v>
      </c>
      <c r="EY16" s="278">
        <v>168</v>
      </c>
      <c r="EZ16" s="283">
        <v>187</v>
      </c>
    </row>
    <row r="17" spans="2:156" ht="19.5" customHeight="1" x14ac:dyDescent="0.2">
      <c r="B17" s="262" t="s">
        <v>15</v>
      </c>
      <c r="C17" s="277">
        <v>0</v>
      </c>
      <c r="D17" s="281">
        <v>0</v>
      </c>
      <c r="E17" s="385">
        <v>0</v>
      </c>
      <c r="F17" s="280">
        <v>0</v>
      </c>
      <c r="G17" s="281">
        <v>5</v>
      </c>
      <c r="H17" s="281">
        <v>4</v>
      </c>
      <c r="I17" s="281">
        <v>8</v>
      </c>
      <c r="J17" s="281">
        <v>3</v>
      </c>
      <c r="K17" s="281">
        <v>1</v>
      </c>
      <c r="L17" s="282">
        <v>21</v>
      </c>
      <c r="M17" s="283">
        <v>21</v>
      </c>
      <c r="N17" s="277">
        <v>0</v>
      </c>
      <c r="O17" s="281">
        <v>0</v>
      </c>
      <c r="P17" s="278">
        <v>0</v>
      </c>
      <c r="Q17" s="280">
        <v>0</v>
      </c>
      <c r="R17" s="281">
        <v>0</v>
      </c>
      <c r="S17" s="281">
        <v>0</v>
      </c>
      <c r="T17" s="281">
        <v>0</v>
      </c>
      <c r="U17" s="281">
        <v>3</v>
      </c>
      <c r="V17" s="281">
        <v>1</v>
      </c>
      <c r="W17" s="278">
        <v>4</v>
      </c>
      <c r="X17" s="283">
        <v>4</v>
      </c>
      <c r="Y17" s="277">
        <v>0</v>
      </c>
      <c r="Z17" s="281">
        <v>1</v>
      </c>
      <c r="AA17" s="278">
        <v>1</v>
      </c>
      <c r="AB17" s="280">
        <v>0</v>
      </c>
      <c r="AC17" s="281">
        <v>3</v>
      </c>
      <c r="AD17" s="281">
        <v>8</v>
      </c>
      <c r="AE17" s="281">
        <v>2</v>
      </c>
      <c r="AF17" s="281">
        <v>3</v>
      </c>
      <c r="AG17" s="281">
        <v>1</v>
      </c>
      <c r="AH17" s="278">
        <v>17</v>
      </c>
      <c r="AI17" s="283">
        <v>18</v>
      </c>
      <c r="AJ17" s="277">
        <v>0</v>
      </c>
      <c r="AK17" s="281">
        <v>0</v>
      </c>
      <c r="AL17" s="278">
        <v>0</v>
      </c>
      <c r="AM17" s="280">
        <v>0</v>
      </c>
      <c r="AN17" s="281">
        <v>1</v>
      </c>
      <c r="AO17" s="281">
        <v>1</v>
      </c>
      <c r="AP17" s="281">
        <v>0</v>
      </c>
      <c r="AQ17" s="281">
        <v>0</v>
      </c>
      <c r="AR17" s="281">
        <v>1</v>
      </c>
      <c r="AS17" s="278">
        <v>3</v>
      </c>
      <c r="AT17" s="283">
        <v>3</v>
      </c>
      <c r="AU17" s="277">
        <v>1</v>
      </c>
      <c r="AV17" s="281">
        <v>0</v>
      </c>
      <c r="AW17" s="278">
        <v>1</v>
      </c>
      <c r="AX17" s="280">
        <v>0</v>
      </c>
      <c r="AY17" s="281">
        <v>7</v>
      </c>
      <c r="AZ17" s="281">
        <v>7</v>
      </c>
      <c r="BA17" s="281">
        <v>7</v>
      </c>
      <c r="BB17" s="281">
        <v>5</v>
      </c>
      <c r="BC17" s="281">
        <v>3</v>
      </c>
      <c r="BD17" s="282">
        <v>29</v>
      </c>
      <c r="BE17" s="283">
        <v>30</v>
      </c>
      <c r="BF17" s="277">
        <v>0</v>
      </c>
      <c r="BG17" s="281">
        <v>0</v>
      </c>
      <c r="BH17" s="278">
        <v>0</v>
      </c>
      <c r="BI17" s="280">
        <v>0</v>
      </c>
      <c r="BJ17" s="281">
        <v>2</v>
      </c>
      <c r="BK17" s="281">
        <v>6</v>
      </c>
      <c r="BL17" s="281">
        <v>3</v>
      </c>
      <c r="BM17" s="281">
        <v>0</v>
      </c>
      <c r="BN17" s="281">
        <v>0</v>
      </c>
      <c r="BO17" s="278">
        <v>11</v>
      </c>
      <c r="BP17" s="283">
        <v>11</v>
      </c>
      <c r="BQ17" s="277">
        <v>0</v>
      </c>
      <c r="BR17" s="281">
        <v>0</v>
      </c>
      <c r="BS17" s="278">
        <v>0</v>
      </c>
      <c r="BT17" s="280">
        <v>0</v>
      </c>
      <c r="BU17" s="281">
        <v>1</v>
      </c>
      <c r="BV17" s="281">
        <v>2</v>
      </c>
      <c r="BW17" s="281">
        <v>4</v>
      </c>
      <c r="BX17" s="281">
        <v>0</v>
      </c>
      <c r="BY17" s="281">
        <v>0</v>
      </c>
      <c r="BZ17" s="278">
        <v>7</v>
      </c>
      <c r="CA17" s="283">
        <v>7</v>
      </c>
      <c r="CB17" s="277">
        <v>0</v>
      </c>
      <c r="CC17" s="281">
        <v>0</v>
      </c>
      <c r="CD17" s="278">
        <v>0</v>
      </c>
      <c r="CE17" s="280">
        <v>0</v>
      </c>
      <c r="CF17" s="281">
        <v>0</v>
      </c>
      <c r="CG17" s="281">
        <v>1</v>
      </c>
      <c r="CH17" s="281">
        <v>1</v>
      </c>
      <c r="CI17" s="281">
        <v>1</v>
      </c>
      <c r="CJ17" s="281">
        <v>0</v>
      </c>
      <c r="CK17" s="278">
        <v>3</v>
      </c>
      <c r="CL17" s="283">
        <v>3</v>
      </c>
      <c r="CM17" s="277">
        <v>0</v>
      </c>
      <c r="CN17" s="281">
        <v>0</v>
      </c>
      <c r="CO17" s="278">
        <v>0</v>
      </c>
      <c r="CP17" s="280">
        <v>0</v>
      </c>
      <c r="CQ17" s="281">
        <v>0</v>
      </c>
      <c r="CR17" s="281">
        <v>0</v>
      </c>
      <c r="CS17" s="281">
        <v>1</v>
      </c>
      <c r="CT17" s="281">
        <v>0</v>
      </c>
      <c r="CU17" s="281">
        <v>0</v>
      </c>
      <c r="CV17" s="278">
        <v>1</v>
      </c>
      <c r="CW17" s="283">
        <v>1</v>
      </c>
      <c r="CX17" s="277">
        <v>0</v>
      </c>
      <c r="CY17" s="281">
        <v>0</v>
      </c>
      <c r="CZ17" s="278">
        <v>0</v>
      </c>
      <c r="DA17" s="280">
        <v>0</v>
      </c>
      <c r="DB17" s="281">
        <v>0</v>
      </c>
      <c r="DC17" s="281">
        <v>0</v>
      </c>
      <c r="DD17" s="281">
        <v>0</v>
      </c>
      <c r="DE17" s="281">
        <v>0</v>
      </c>
      <c r="DF17" s="281">
        <v>0</v>
      </c>
      <c r="DG17" s="278">
        <v>0</v>
      </c>
      <c r="DH17" s="283">
        <v>0</v>
      </c>
      <c r="DI17" s="277">
        <v>0</v>
      </c>
      <c r="DJ17" s="281">
        <v>0</v>
      </c>
      <c r="DK17" s="278">
        <v>0</v>
      </c>
      <c r="DL17" s="280">
        <v>0</v>
      </c>
      <c r="DM17" s="281">
        <v>0</v>
      </c>
      <c r="DN17" s="281">
        <v>0</v>
      </c>
      <c r="DO17" s="281">
        <v>0</v>
      </c>
      <c r="DP17" s="281">
        <v>0</v>
      </c>
      <c r="DQ17" s="281">
        <v>0</v>
      </c>
      <c r="DR17" s="278">
        <v>0</v>
      </c>
      <c r="DS17" s="283">
        <v>0</v>
      </c>
      <c r="DT17" s="277">
        <v>2</v>
      </c>
      <c r="DU17" s="281">
        <v>5</v>
      </c>
      <c r="DV17" s="278">
        <v>7</v>
      </c>
      <c r="DW17" s="280">
        <v>0</v>
      </c>
      <c r="DX17" s="281">
        <v>5</v>
      </c>
      <c r="DY17" s="281">
        <v>15</v>
      </c>
      <c r="DZ17" s="281">
        <v>11</v>
      </c>
      <c r="EA17" s="281">
        <v>7</v>
      </c>
      <c r="EB17" s="281">
        <v>4</v>
      </c>
      <c r="EC17" s="278">
        <v>42</v>
      </c>
      <c r="ED17" s="283">
        <v>49</v>
      </c>
      <c r="EE17" s="277">
        <v>3</v>
      </c>
      <c r="EF17" s="281">
        <v>2</v>
      </c>
      <c r="EG17" s="278">
        <v>5</v>
      </c>
      <c r="EH17" s="280">
        <v>0</v>
      </c>
      <c r="EI17" s="281">
        <v>5</v>
      </c>
      <c r="EJ17" s="281">
        <v>4</v>
      </c>
      <c r="EK17" s="281">
        <v>5</v>
      </c>
      <c r="EL17" s="281">
        <v>0</v>
      </c>
      <c r="EM17" s="281">
        <v>2</v>
      </c>
      <c r="EN17" s="278">
        <v>16</v>
      </c>
      <c r="EO17" s="283">
        <v>21</v>
      </c>
      <c r="EP17" s="277">
        <v>2</v>
      </c>
      <c r="EQ17" s="281">
        <v>6</v>
      </c>
      <c r="ER17" s="278">
        <v>8</v>
      </c>
      <c r="ES17" s="280">
        <v>0</v>
      </c>
      <c r="ET17" s="281">
        <v>15</v>
      </c>
      <c r="EU17" s="281">
        <v>19</v>
      </c>
      <c r="EV17" s="281">
        <v>15</v>
      </c>
      <c r="EW17" s="281">
        <v>8</v>
      </c>
      <c r="EX17" s="281">
        <v>3</v>
      </c>
      <c r="EY17" s="278">
        <v>60</v>
      </c>
      <c r="EZ17" s="283">
        <v>68</v>
      </c>
    </row>
    <row r="18" spans="2:156" ht="19.5" customHeight="1" x14ac:dyDescent="0.2">
      <c r="B18" s="262" t="s">
        <v>16</v>
      </c>
      <c r="C18" s="277">
        <v>0</v>
      </c>
      <c r="D18" s="281">
        <v>0</v>
      </c>
      <c r="E18" s="385">
        <v>0</v>
      </c>
      <c r="F18" s="280">
        <v>0</v>
      </c>
      <c r="G18" s="281">
        <v>14</v>
      </c>
      <c r="H18" s="281">
        <v>12</v>
      </c>
      <c r="I18" s="281">
        <v>6</v>
      </c>
      <c r="J18" s="281">
        <v>6</v>
      </c>
      <c r="K18" s="281">
        <v>3</v>
      </c>
      <c r="L18" s="282">
        <v>41</v>
      </c>
      <c r="M18" s="283">
        <v>41</v>
      </c>
      <c r="N18" s="277">
        <v>0</v>
      </c>
      <c r="O18" s="281">
        <v>0</v>
      </c>
      <c r="P18" s="278">
        <v>0</v>
      </c>
      <c r="Q18" s="280">
        <v>0</v>
      </c>
      <c r="R18" s="281">
        <v>0</v>
      </c>
      <c r="S18" s="281">
        <v>1</v>
      </c>
      <c r="T18" s="281">
        <v>0</v>
      </c>
      <c r="U18" s="281">
        <v>0</v>
      </c>
      <c r="V18" s="281">
        <v>3</v>
      </c>
      <c r="W18" s="278">
        <v>4</v>
      </c>
      <c r="X18" s="283">
        <v>4</v>
      </c>
      <c r="Y18" s="277">
        <v>2</v>
      </c>
      <c r="Z18" s="281">
        <v>4</v>
      </c>
      <c r="AA18" s="278">
        <v>6</v>
      </c>
      <c r="AB18" s="280">
        <v>0</v>
      </c>
      <c r="AC18" s="281">
        <v>14</v>
      </c>
      <c r="AD18" s="281">
        <v>18</v>
      </c>
      <c r="AE18" s="281">
        <v>11</v>
      </c>
      <c r="AF18" s="281">
        <v>6</v>
      </c>
      <c r="AG18" s="281">
        <v>5</v>
      </c>
      <c r="AH18" s="278">
        <v>54</v>
      </c>
      <c r="AI18" s="283">
        <v>60</v>
      </c>
      <c r="AJ18" s="277">
        <v>0</v>
      </c>
      <c r="AK18" s="281">
        <v>0</v>
      </c>
      <c r="AL18" s="278">
        <v>0</v>
      </c>
      <c r="AM18" s="280">
        <v>0</v>
      </c>
      <c r="AN18" s="281">
        <v>1</v>
      </c>
      <c r="AO18" s="281">
        <v>1</v>
      </c>
      <c r="AP18" s="281">
        <v>1</v>
      </c>
      <c r="AQ18" s="281">
        <v>0</v>
      </c>
      <c r="AR18" s="281">
        <v>1</v>
      </c>
      <c r="AS18" s="278">
        <v>4</v>
      </c>
      <c r="AT18" s="283">
        <v>4</v>
      </c>
      <c r="AU18" s="277">
        <v>3</v>
      </c>
      <c r="AV18" s="281">
        <v>4</v>
      </c>
      <c r="AW18" s="278">
        <v>7</v>
      </c>
      <c r="AX18" s="280">
        <v>0</v>
      </c>
      <c r="AY18" s="281">
        <v>18</v>
      </c>
      <c r="AZ18" s="281">
        <v>13</v>
      </c>
      <c r="BA18" s="281">
        <v>27</v>
      </c>
      <c r="BB18" s="281">
        <v>23</v>
      </c>
      <c r="BC18" s="281">
        <v>8</v>
      </c>
      <c r="BD18" s="282">
        <v>89</v>
      </c>
      <c r="BE18" s="283">
        <v>96</v>
      </c>
      <c r="BF18" s="277">
        <v>0</v>
      </c>
      <c r="BG18" s="281">
        <v>0</v>
      </c>
      <c r="BH18" s="278">
        <v>0</v>
      </c>
      <c r="BI18" s="280">
        <v>0</v>
      </c>
      <c r="BJ18" s="281">
        <v>18</v>
      </c>
      <c r="BK18" s="281">
        <v>25</v>
      </c>
      <c r="BL18" s="281">
        <v>9</v>
      </c>
      <c r="BM18" s="281">
        <v>10</v>
      </c>
      <c r="BN18" s="281">
        <v>2</v>
      </c>
      <c r="BO18" s="278">
        <v>64</v>
      </c>
      <c r="BP18" s="283">
        <v>64</v>
      </c>
      <c r="BQ18" s="277">
        <v>4</v>
      </c>
      <c r="BR18" s="281">
        <v>4</v>
      </c>
      <c r="BS18" s="278">
        <v>8</v>
      </c>
      <c r="BT18" s="280">
        <v>0</v>
      </c>
      <c r="BU18" s="281">
        <v>14</v>
      </c>
      <c r="BV18" s="281">
        <v>31</v>
      </c>
      <c r="BW18" s="281">
        <v>4</v>
      </c>
      <c r="BX18" s="281">
        <v>5</v>
      </c>
      <c r="BY18" s="281">
        <v>0</v>
      </c>
      <c r="BZ18" s="278">
        <v>54</v>
      </c>
      <c r="CA18" s="283">
        <v>62</v>
      </c>
      <c r="CB18" s="277">
        <v>0</v>
      </c>
      <c r="CC18" s="281">
        <v>0</v>
      </c>
      <c r="CD18" s="278">
        <v>0</v>
      </c>
      <c r="CE18" s="280">
        <v>0</v>
      </c>
      <c r="CF18" s="281">
        <v>2</v>
      </c>
      <c r="CG18" s="281">
        <v>9</v>
      </c>
      <c r="CH18" s="281">
        <v>6</v>
      </c>
      <c r="CI18" s="281">
        <v>2</v>
      </c>
      <c r="CJ18" s="281">
        <v>1</v>
      </c>
      <c r="CK18" s="278">
        <v>20</v>
      </c>
      <c r="CL18" s="283">
        <v>20</v>
      </c>
      <c r="CM18" s="277">
        <v>0</v>
      </c>
      <c r="CN18" s="281">
        <v>0</v>
      </c>
      <c r="CO18" s="278">
        <v>0</v>
      </c>
      <c r="CP18" s="280">
        <v>0</v>
      </c>
      <c r="CQ18" s="281">
        <v>0</v>
      </c>
      <c r="CR18" s="281">
        <v>2</v>
      </c>
      <c r="CS18" s="281">
        <v>0</v>
      </c>
      <c r="CT18" s="281">
        <v>1</v>
      </c>
      <c r="CU18" s="281">
        <v>0</v>
      </c>
      <c r="CV18" s="278">
        <v>3</v>
      </c>
      <c r="CW18" s="283">
        <v>3</v>
      </c>
      <c r="CX18" s="277">
        <v>0</v>
      </c>
      <c r="CY18" s="281">
        <v>0</v>
      </c>
      <c r="CZ18" s="278">
        <v>0</v>
      </c>
      <c r="DA18" s="280">
        <v>0</v>
      </c>
      <c r="DB18" s="281">
        <v>0</v>
      </c>
      <c r="DC18" s="281">
        <v>0</v>
      </c>
      <c r="DD18" s="281">
        <v>0</v>
      </c>
      <c r="DE18" s="281">
        <v>0</v>
      </c>
      <c r="DF18" s="281">
        <v>0</v>
      </c>
      <c r="DG18" s="278">
        <v>0</v>
      </c>
      <c r="DH18" s="283">
        <v>0</v>
      </c>
      <c r="DI18" s="277">
        <v>0</v>
      </c>
      <c r="DJ18" s="281">
        <v>0</v>
      </c>
      <c r="DK18" s="278">
        <v>0</v>
      </c>
      <c r="DL18" s="280">
        <v>0</v>
      </c>
      <c r="DM18" s="281">
        <v>0</v>
      </c>
      <c r="DN18" s="281">
        <v>0</v>
      </c>
      <c r="DO18" s="281">
        <v>0</v>
      </c>
      <c r="DP18" s="281">
        <v>0</v>
      </c>
      <c r="DQ18" s="281">
        <v>0</v>
      </c>
      <c r="DR18" s="278">
        <v>0</v>
      </c>
      <c r="DS18" s="283">
        <v>0</v>
      </c>
      <c r="DT18" s="277">
        <v>11</v>
      </c>
      <c r="DU18" s="281">
        <v>12</v>
      </c>
      <c r="DV18" s="278">
        <v>23</v>
      </c>
      <c r="DW18" s="280">
        <v>0</v>
      </c>
      <c r="DX18" s="281">
        <v>28</v>
      </c>
      <c r="DY18" s="281">
        <v>51</v>
      </c>
      <c r="DZ18" s="281">
        <v>29</v>
      </c>
      <c r="EA18" s="281">
        <v>22</v>
      </c>
      <c r="EB18" s="281">
        <v>8</v>
      </c>
      <c r="EC18" s="278">
        <v>138</v>
      </c>
      <c r="ED18" s="283">
        <v>161</v>
      </c>
      <c r="EE18" s="277">
        <v>2</v>
      </c>
      <c r="EF18" s="281">
        <v>3</v>
      </c>
      <c r="EG18" s="278">
        <v>5</v>
      </c>
      <c r="EH18" s="280">
        <v>0</v>
      </c>
      <c r="EI18" s="281">
        <v>10</v>
      </c>
      <c r="EJ18" s="281">
        <v>9</v>
      </c>
      <c r="EK18" s="281">
        <v>13</v>
      </c>
      <c r="EL18" s="281">
        <v>12</v>
      </c>
      <c r="EM18" s="281">
        <v>4</v>
      </c>
      <c r="EN18" s="278">
        <v>48</v>
      </c>
      <c r="EO18" s="283">
        <v>53</v>
      </c>
      <c r="EP18" s="277">
        <v>16</v>
      </c>
      <c r="EQ18" s="281">
        <v>19</v>
      </c>
      <c r="ER18" s="278">
        <v>35</v>
      </c>
      <c r="ES18" s="280">
        <v>0</v>
      </c>
      <c r="ET18" s="281">
        <v>56</v>
      </c>
      <c r="EU18" s="281">
        <v>82</v>
      </c>
      <c r="EV18" s="281">
        <v>30</v>
      </c>
      <c r="EW18" s="281">
        <v>22</v>
      </c>
      <c r="EX18" s="281">
        <v>8</v>
      </c>
      <c r="EY18" s="278">
        <v>198</v>
      </c>
      <c r="EZ18" s="283">
        <v>233</v>
      </c>
    </row>
    <row r="19" spans="2:156" ht="19.5" customHeight="1" x14ac:dyDescent="0.2">
      <c r="B19" s="262" t="s">
        <v>17</v>
      </c>
      <c r="C19" s="277">
        <v>0</v>
      </c>
      <c r="D19" s="281">
        <v>0</v>
      </c>
      <c r="E19" s="385">
        <v>0</v>
      </c>
      <c r="F19" s="280">
        <v>0</v>
      </c>
      <c r="G19" s="281">
        <v>6</v>
      </c>
      <c r="H19" s="281">
        <v>19</v>
      </c>
      <c r="I19" s="281">
        <v>11</v>
      </c>
      <c r="J19" s="281">
        <v>5</v>
      </c>
      <c r="K19" s="281">
        <v>16</v>
      </c>
      <c r="L19" s="282">
        <v>57</v>
      </c>
      <c r="M19" s="283">
        <v>57</v>
      </c>
      <c r="N19" s="277">
        <v>0</v>
      </c>
      <c r="O19" s="281">
        <v>0</v>
      </c>
      <c r="P19" s="278">
        <v>0</v>
      </c>
      <c r="Q19" s="280">
        <v>0</v>
      </c>
      <c r="R19" s="281">
        <v>0</v>
      </c>
      <c r="S19" s="281">
        <v>1</v>
      </c>
      <c r="T19" s="281">
        <v>0</v>
      </c>
      <c r="U19" s="281">
        <v>1</v>
      </c>
      <c r="V19" s="281">
        <v>6</v>
      </c>
      <c r="W19" s="278">
        <v>8</v>
      </c>
      <c r="X19" s="283">
        <v>8</v>
      </c>
      <c r="Y19" s="277">
        <v>0</v>
      </c>
      <c r="Z19" s="281">
        <v>4</v>
      </c>
      <c r="AA19" s="278">
        <v>4</v>
      </c>
      <c r="AB19" s="280">
        <v>0</v>
      </c>
      <c r="AC19" s="281">
        <v>12</v>
      </c>
      <c r="AD19" s="281">
        <v>14</v>
      </c>
      <c r="AE19" s="281">
        <v>11</v>
      </c>
      <c r="AF19" s="281">
        <v>7</v>
      </c>
      <c r="AG19" s="281">
        <v>6</v>
      </c>
      <c r="AH19" s="278">
        <v>50</v>
      </c>
      <c r="AI19" s="283">
        <v>54</v>
      </c>
      <c r="AJ19" s="277">
        <v>1</v>
      </c>
      <c r="AK19" s="281">
        <v>0</v>
      </c>
      <c r="AL19" s="278">
        <v>1</v>
      </c>
      <c r="AM19" s="280">
        <v>0</v>
      </c>
      <c r="AN19" s="281">
        <v>1</v>
      </c>
      <c r="AO19" s="281">
        <v>4</v>
      </c>
      <c r="AP19" s="281">
        <v>0</v>
      </c>
      <c r="AQ19" s="281">
        <v>1</v>
      </c>
      <c r="AR19" s="281">
        <v>1</v>
      </c>
      <c r="AS19" s="278">
        <v>7</v>
      </c>
      <c r="AT19" s="283">
        <v>8</v>
      </c>
      <c r="AU19" s="277">
        <v>2</v>
      </c>
      <c r="AV19" s="281">
        <v>3</v>
      </c>
      <c r="AW19" s="278">
        <v>5</v>
      </c>
      <c r="AX19" s="280">
        <v>0</v>
      </c>
      <c r="AY19" s="281">
        <v>11</v>
      </c>
      <c r="AZ19" s="281">
        <v>21</v>
      </c>
      <c r="BA19" s="281">
        <v>16</v>
      </c>
      <c r="BB19" s="281">
        <v>18</v>
      </c>
      <c r="BC19" s="281">
        <v>21</v>
      </c>
      <c r="BD19" s="282">
        <v>87</v>
      </c>
      <c r="BE19" s="283">
        <v>92</v>
      </c>
      <c r="BF19" s="277">
        <v>0</v>
      </c>
      <c r="BG19" s="281">
        <v>0</v>
      </c>
      <c r="BH19" s="278">
        <v>0</v>
      </c>
      <c r="BI19" s="280">
        <v>0</v>
      </c>
      <c r="BJ19" s="281">
        <v>29</v>
      </c>
      <c r="BK19" s="281">
        <v>26</v>
      </c>
      <c r="BL19" s="281">
        <v>15</v>
      </c>
      <c r="BM19" s="281">
        <v>4</v>
      </c>
      <c r="BN19" s="281">
        <v>4</v>
      </c>
      <c r="BO19" s="278">
        <v>78</v>
      </c>
      <c r="BP19" s="283">
        <v>78</v>
      </c>
      <c r="BQ19" s="277">
        <v>2</v>
      </c>
      <c r="BR19" s="281">
        <v>5</v>
      </c>
      <c r="BS19" s="278">
        <v>7</v>
      </c>
      <c r="BT19" s="280">
        <v>0</v>
      </c>
      <c r="BU19" s="281">
        <v>4</v>
      </c>
      <c r="BV19" s="281">
        <v>19</v>
      </c>
      <c r="BW19" s="281">
        <v>1</v>
      </c>
      <c r="BX19" s="281">
        <v>2</v>
      </c>
      <c r="BY19" s="281">
        <v>1</v>
      </c>
      <c r="BZ19" s="278">
        <v>27</v>
      </c>
      <c r="CA19" s="283">
        <v>34</v>
      </c>
      <c r="CB19" s="277">
        <v>0</v>
      </c>
      <c r="CC19" s="281">
        <v>1</v>
      </c>
      <c r="CD19" s="278">
        <v>1</v>
      </c>
      <c r="CE19" s="280">
        <v>0</v>
      </c>
      <c r="CF19" s="281">
        <v>5</v>
      </c>
      <c r="CG19" s="281">
        <v>5</v>
      </c>
      <c r="CH19" s="281">
        <v>8</v>
      </c>
      <c r="CI19" s="281">
        <v>3</v>
      </c>
      <c r="CJ19" s="281">
        <v>3</v>
      </c>
      <c r="CK19" s="278">
        <v>24</v>
      </c>
      <c r="CL19" s="283">
        <v>25</v>
      </c>
      <c r="CM19" s="277">
        <v>0</v>
      </c>
      <c r="CN19" s="281">
        <v>0</v>
      </c>
      <c r="CO19" s="278">
        <v>0</v>
      </c>
      <c r="CP19" s="280">
        <v>0</v>
      </c>
      <c r="CQ19" s="281">
        <v>2</v>
      </c>
      <c r="CR19" s="281">
        <v>3</v>
      </c>
      <c r="CS19" s="281">
        <v>0</v>
      </c>
      <c r="CT19" s="281">
        <v>2</v>
      </c>
      <c r="CU19" s="281">
        <v>0</v>
      </c>
      <c r="CV19" s="278">
        <v>7</v>
      </c>
      <c r="CW19" s="283">
        <v>7</v>
      </c>
      <c r="CX19" s="277">
        <v>0</v>
      </c>
      <c r="CY19" s="281">
        <v>0</v>
      </c>
      <c r="CZ19" s="278">
        <v>0</v>
      </c>
      <c r="DA19" s="280">
        <v>0</v>
      </c>
      <c r="DB19" s="281">
        <v>0</v>
      </c>
      <c r="DC19" s="281">
        <v>0</v>
      </c>
      <c r="DD19" s="281">
        <v>0</v>
      </c>
      <c r="DE19" s="281">
        <v>0</v>
      </c>
      <c r="DF19" s="281">
        <v>0</v>
      </c>
      <c r="DG19" s="278">
        <v>0</v>
      </c>
      <c r="DH19" s="283">
        <v>0</v>
      </c>
      <c r="DI19" s="277">
        <v>0</v>
      </c>
      <c r="DJ19" s="281">
        <v>0</v>
      </c>
      <c r="DK19" s="278">
        <v>0</v>
      </c>
      <c r="DL19" s="280">
        <v>0</v>
      </c>
      <c r="DM19" s="281">
        <v>0</v>
      </c>
      <c r="DN19" s="281">
        <v>0</v>
      </c>
      <c r="DO19" s="281">
        <v>0</v>
      </c>
      <c r="DP19" s="281">
        <v>0</v>
      </c>
      <c r="DQ19" s="281">
        <v>0</v>
      </c>
      <c r="DR19" s="278">
        <v>0</v>
      </c>
      <c r="DS19" s="283">
        <v>0</v>
      </c>
      <c r="DT19" s="277">
        <v>7</v>
      </c>
      <c r="DU19" s="281">
        <v>25</v>
      </c>
      <c r="DV19" s="278">
        <v>32</v>
      </c>
      <c r="DW19" s="280">
        <v>0</v>
      </c>
      <c r="DX19" s="281">
        <v>29</v>
      </c>
      <c r="DY19" s="281">
        <v>68</v>
      </c>
      <c r="DZ19" s="281">
        <v>40</v>
      </c>
      <c r="EA19" s="281">
        <v>15</v>
      </c>
      <c r="EB19" s="281">
        <v>22</v>
      </c>
      <c r="EC19" s="278">
        <v>174</v>
      </c>
      <c r="ED19" s="283">
        <v>206</v>
      </c>
      <c r="EE19" s="277">
        <v>3</v>
      </c>
      <c r="EF19" s="281">
        <v>2</v>
      </c>
      <c r="EG19" s="278">
        <v>5</v>
      </c>
      <c r="EH19" s="280">
        <v>0</v>
      </c>
      <c r="EI19" s="281">
        <v>7</v>
      </c>
      <c r="EJ19" s="281">
        <v>6</v>
      </c>
      <c r="EK19" s="281">
        <v>7</v>
      </c>
      <c r="EL19" s="281">
        <v>6</v>
      </c>
      <c r="EM19" s="281">
        <v>3</v>
      </c>
      <c r="EN19" s="278">
        <v>29</v>
      </c>
      <c r="EO19" s="283">
        <v>34</v>
      </c>
      <c r="EP19" s="277">
        <v>10</v>
      </c>
      <c r="EQ19" s="281">
        <v>29</v>
      </c>
      <c r="ER19" s="278">
        <v>39</v>
      </c>
      <c r="ES19" s="280">
        <v>0</v>
      </c>
      <c r="ET19" s="281">
        <v>71</v>
      </c>
      <c r="EU19" s="281">
        <v>88</v>
      </c>
      <c r="EV19" s="281">
        <v>42</v>
      </c>
      <c r="EW19" s="281">
        <v>17</v>
      </c>
      <c r="EX19" s="281">
        <v>24</v>
      </c>
      <c r="EY19" s="278">
        <v>242</v>
      </c>
      <c r="EZ19" s="283">
        <v>281</v>
      </c>
    </row>
    <row r="20" spans="2:156" ht="19.5" customHeight="1" x14ac:dyDescent="0.2">
      <c r="B20" s="262" t="s">
        <v>18</v>
      </c>
      <c r="C20" s="277">
        <v>0</v>
      </c>
      <c r="D20" s="281">
        <v>0</v>
      </c>
      <c r="E20" s="385">
        <v>0</v>
      </c>
      <c r="F20" s="280">
        <v>0</v>
      </c>
      <c r="G20" s="281">
        <v>21</v>
      </c>
      <c r="H20" s="281">
        <v>35</v>
      </c>
      <c r="I20" s="281">
        <v>14</v>
      </c>
      <c r="J20" s="281">
        <v>15</v>
      </c>
      <c r="K20" s="281">
        <v>5</v>
      </c>
      <c r="L20" s="282">
        <v>90</v>
      </c>
      <c r="M20" s="283">
        <v>90</v>
      </c>
      <c r="N20" s="277">
        <v>0</v>
      </c>
      <c r="O20" s="281">
        <v>0</v>
      </c>
      <c r="P20" s="278">
        <v>0</v>
      </c>
      <c r="Q20" s="280">
        <v>0</v>
      </c>
      <c r="R20" s="281">
        <v>0</v>
      </c>
      <c r="S20" s="281">
        <v>1</v>
      </c>
      <c r="T20" s="281">
        <v>2</v>
      </c>
      <c r="U20" s="281">
        <v>3</v>
      </c>
      <c r="V20" s="281">
        <v>1</v>
      </c>
      <c r="W20" s="278">
        <v>7</v>
      </c>
      <c r="X20" s="283">
        <v>7</v>
      </c>
      <c r="Y20" s="277">
        <v>4</v>
      </c>
      <c r="Z20" s="281">
        <v>7</v>
      </c>
      <c r="AA20" s="278">
        <v>11</v>
      </c>
      <c r="AB20" s="280">
        <v>0</v>
      </c>
      <c r="AC20" s="281">
        <v>23</v>
      </c>
      <c r="AD20" s="281">
        <v>24</v>
      </c>
      <c r="AE20" s="281">
        <v>11</v>
      </c>
      <c r="AF20" s="281">
        <v>14</v>
      </c>
      <c r="AG20" s="281">
        <v>2</v>
      </c>
      <c r="AH20" s="278">
        <v>74</v>
      </c>
      <c r="AI20" s="283">
        <v>85</v>
      </c>
      <c r="AJ20" s="277">
        <v>0</v>
      </c>
      <c r="AK20" s="281">
        <v>0</v>
      </c>
      <c r="AL20" s="278">
        <v>0</v>
      </c>
      <c r="AM20" s="280">
        <v>0</v>
      </c>
      <c r="AN20" s="281">
        <v>4</v>
      </c>
      <c r="AO20" s="281">
        <v>2</v>
      </c>
      <c r="AP20" s="281">
        <v>0</v>
      </c>
      <c r="AQ20" s="281">
        <v>1</v>
      </c>
      <c r="AR20" s="281">
        <v>1</v>
      </c>
      <c r="AS20" s="278">
        <v>8</v>
      </c>
      <c r="AT20" s="283">
        <v>8</v>
      </c>
      <c r="AU20" s="277">
        <v>1</v>
      </c>
      <c r="AV20" s="281">
        <v>8</v>
      </c>
      <c r="AW20" s="278">
        <v>9</v>
      </c>
      <c r="AX20" s="280">
        <v>0</v>
      </c>
      <c r="AY20" s="281">
        <v>34</v>
      </c>
      <c r="AZ20" s="281">
        <v>45</v>
      </c>
      <c r="BA20" s="281">
        <v>33</v>
      </c>
      <c r="BB20" s="281">
        <v>23</v>
      </c>
      <c r="BC20" s="281">
        <v>16</v>
      </c>
      <c r="BD20" s="282">
        <v>151</v>
      </c>
      <c r="BE20" s="283">
        <v>160</v>
      </c>
      <c r="BF20" s="277">
        <v>0</v>
      </c>
      <c r="BG20" s="281">
        <v>0</v>
      </c>
      <c r="BH20" s="278">
        <v>0</v>
      </c>
      <c r="BI20" s="280">
        <v>0</v>
      </c>
      <c r="BJ20" s="281">
        <v>36</v>
      </c>
      <c r="BK20" s="281">
        <v>35</v>
      </c>
      <c r="BL20" s="281">
        <v>25</v>
      </c>
      <c r="BM20" s="281">
        <v>9</v>
      </c>
      <c r="BN20" s="281">
        <v>1</v>
      </c>
      <c r="BO20" s="278">
        <v>106</v>
      </c>
      <c r="BP20" s="283">
        <v>106</v>
      </c>
      <c r="BQ20" s="277">
        <v>2</v>
      </c>
      <c r="BR20" s="281">
        <v>7</v>
      </c>
      <c r="BS20" s="278">
        <v>9</v>
      </c>
      <c r="BT20" s="280">
        <v>0</v>
      </c>
      <c r="BU20" s="281">
        <v>10</v>
      </c>
      <c r="BV20" s="281">
        <v>15</v>
      </c>
      <c r="BW20" s="281">
        <v>9</v>
      </c>
      <c r="BX20" s="281">
        <v>3</v>
      </c>
      <c r="BY20" s="281">
        <v>3</v>
      </c>
      <c r="BZ20" s="278">
        <v>40</v>
      </c>
      <c r="CA20" s="283">
        <v>49</v>
      </c>
      <c r="CB20" s="277">
        <v>0</v>
      </c>
      <c r="CC20" s="281">
        <v>0</v>
      </c>
      <c r="CD20" s="278">
        <v>0</v>
      </c>
      <c r="CE20" s="280">
        <v>0</v>
      </c>
      <c r="CF20" s="281">
        <v>1</v>
      </c>
      <c r="CG20" s="281">
        <v>9</v>
      </c>
      <c r="CH20" s="281">
        <v>10</v>
      </c>
      <c r="CI20" s="281">
        <v>3</v>
      </c>
      <c r="CJ20" s="281">
        <v>2</v>
      </c>
      <c r="CK20" s="278">
        <v>25</v>
      </c>
      <c r="CL20" s="283">
        <v>25</v>
      </c>
      <c r="CM20" s="277">
        <v>0</v>
      </c>
      <c r="CN20" s="281">
        <v>0</v>
      </c>
      <c r="CO20" s="278">
        <v>0</v>
      </c>
      <c r="CP20" s="280">
        <v>0</v>
      </c>
      <c r="CQ20" s="281">
        <v>0</v>
      </c>
      <c r="CR20" s="281">
        <v>0</v>
      </c>
      <c r="CS20" s="281">
        <v>0</v>
      </c>
      <c r="CT20" s="281">
        <v>0</v>
      </c>
      <c r="CU20" s="281">
        <v>1</v>
      </c>
      <c r="CV20" s="278">
        <v>1</v>
      </c>
      <c r="CW20" s="283">
        <v>1</v>
      </c>
      <c r="CX20" s="277">
        <v>0</v>
      </c>
      <c r="CY20" s="281">
        <v>0</v>
      </c>
      <c r="CZ20" s="278">
        <v>0</v>
      </c>
      <c r="DA20" s="280">
        <v>0</v>
      </c>
      <c r="DB20" s="281">
        <v>0</v>
      </c>
      <c r="DC20" s="281">
        <v>0</v>
      </c>
      <c r="DD20" s="281">
        <v>0</v>
      </c>
      <c r="DE20" s="281">
        <v>0</v>
      </c>
      <c r="DF20" s="281">
        <v>0</v>
      </c>
      <c r="DG20" s="278">
        <v>0</v>
      </c>
      <c r="DH20" s="283">
        <v>0</v>
      </c>
      <c r="DI20" s="277">
        <v>0</v>
      </c>
      <c r="DJ20" s="281">
        <v>0</v>
      </c>
      <c r="DK20" s="278">
        <v>0</v>
      </c>
      <c r="DL20" s="280">
        <v>0</v>
      </c>
      <c r="DM20" s="281">
        <v>0</v>
      </c>
      <c r="DN20" s="281">
        <v>0</v>
      </c>
      <c r="DO20" s="281">
        <v>0</v>
      </c>
      <c r="DP20" s="281">
        <v>0</v>
      </c>
      <c r="DQ20" s="281">
        <v>0</v>
      </c>
      <c r="DR20" s="278">
        <v>0</v>
      </c>
      <c r="DS20" s="283">
        <v>0</v>
      </c>
      <c r="DT20" s="277">
        <v>9</v>
      </c>
      <c r="DU20" s="281">
        <v>30</v>
      </c>
      <c r="DV20" s="278">
        <v>39</v>
      </c>
      <c r="DW20" s="280">
        <v>0</v>
      </c>
      <c r="DX20" s="281">
        <v>46</v>
      </c>
      <c r="DY20" s="281">
        <v>65</v>
      </c>
      <c r="DZ20" s="281">
        <v>46</v>
      </c>
      <c r="EA20" s="281">
        <v>28</v>
      </c>
      <c r="EB20" s="281">
        <v>11</v>
      </c>
      <c r="EC20" s="278">
        <v>196</v>
      </c>
      <c r="ED20" s="283">
        <v>235</v>
      </c>
      <c r="EE20" s="277">
        <v>1</v>
      </c>
      <c r="EF20" s="281">
        <v>2</v>
      </c>
      <c r="EG20" s="278">
        <v>3</v>
      </c>
      <c r="EH20" s="280">
        <v>0</v>
      </c>
      <c r="EI20" s="281">
        <v>12</v>
      </c>
      <c r="EJ20" s="281">
        <v>16</v>
      </c>
      <c r="EK20" s="281">
        <v>8</v>
      </c>
      <c r="EL20" s="281">
        <v>5</v>
      </c>
      <c r="EM20" s="281">
        <v>6</v>
      </c>
      <c r="EN20" s="278">
        <v>47</v>
      </c>
      <c r="EO20" s="283">
        <v>50</v>
      </c>
      <c r="EP20" s="277">
        <v>13</v>
      </c>
      <c r="EQ20" s="281">
        <v>38</v>
      </c>
      <c r="ER20" s="278">
        <v>51</v>
      </c>
      <c r="ES20" s="280">
        <v>0</v>
      </c>
      <c r="ET20" s="281">
        <v>100</v>
      </c>
      <c r="EU20" s="281">
        <v>103</v>
      </c>
      <c r="EV20" s="281">
        <v>57</v>
      </c>
      <c r="EW20" s="281">
        <v>28</v>
      </c>
      <c r="EX20" s="281">
        <v>9</v>
      </c>
      <c r="EY20" s="278">
        <v>297</v>
      </c>
      <c r="EZ20" s="283">
        <v>348</v>
      </c>
    </row>
    <row r="21" spans="2:156" ht="19.5" customHeight="1" x14ac:dyDescent="0.2">
      <c r="B21" s="262" t="s">
        <v>19</v>
      </c>
      <c r="C21" s="277">
        <v>0</v>
      </c>
      <c r="D21" s="281">
        <v>0</v>
      </c>
      <c r="E21" s="385">
        <v>0</v>
      </c>
      <c r="F21" s="280">
        <v>0</v>
      </c>
      <c r="G21" s="281">
        <v>14</v>
      </c>
      <c r="H21" s="281">
        <v>7</v>
      </c>
      <c r="I21" s="281">
        <v>5</v>
      </c>
      <c r="J21" s="281">
        <v>6</v>
      </c>
      <c r="K21" s="281">
        <v>2</v>
      </c>
      <c r="L21" s="282">
        <v>34</v>
      </c>
      <c r="M21" s="283">
        <v>34</v>
      </c>
      <c r="N21" s="277">
        <v>0</v>
      </c>
      <c r="O21" s="281">
        <v>0</v>
      </c>
      <c r="P21" s="278">
        <v>0</v>
      </c>
      <c r="Q21" s="280">
        <v>0</v>
      </c>
      <c r="R21" s="281">
        <v>0</v>
      </c>
      <c r="S21" s="281">
        <v>1</v>
      </c>
      <c r="T21" s="281">
        <v>1</v>
      </c>
      <c r="U21" s="281">
        <v>2</v>
      </c>
      <c r="V21" s="281">
        <v>2</v>
      </c>
      <c r="W21" s="278">
        <v>6</v>
      </c>
      <c r="X21" s="283">
        <v>6</v>
      </c>
      <c r="Y21" s="277">
        <v>1</v>
      </c>
      <c r="Z21" s="281">
        <v>1</v>
      </c>
      <c r="AA21" s="278">
        <v>2</v>
      </c>
      <c r="AB21" s="280">
        <v>0</v>
      </c>
      <c r="AC21" s="281">
        <v>12</v>
      </c>
      <c r="AD21" s="281">
        <v>11</v>
      </c>
      <c r="AE21" s="281">
        <v>6</v>
      </c>
      <c r="AF21" s="281">
        <v>4</v>
      </c>
      <c r="AG21" s="281">
        <v>5</v>
      </c>
      <c r="AH21" s="278">
        <v>38</v>
      </c>
      <c r="AI21" s="283">
        <v>40</v>
      </c>
      <c r="AJ21" s="277">
        <v>0</v>
      </c>
      <c r="AK21" s="281">
        <v>0</v>
      </c>
      <c r="AL21" s="278">
        <v>0</v>
      </c>
      <c r="AM21" s="280">
        <v>0</v>
      </c>
      <c r="AN21" s="281">
        <v>2</v>
      </c>
      <c r="AO21" s="281">
        <v>1</v>
      </c>
      <c r="AP21" s="281">
        <v>0</v>
      </c>
      <c r="AQ21" s="281">
        <v>1</v>
      </c>
      <c r="AR21" s="281">
        <v>0</v>
      </c>
      <c r="AS21" s="278">
        <v>4</v>
      </c>
      <c r="AT21" s="283">
        <v>4</v>
      </c>
      <c r="AU21" s="277">
        <v>5</v>
      </c>
      <c r="AV21" s="281">
        <v>2</v>
      </c>
      <c r="AW21" s="278">
        <v>7</v>
      </c>
      <c r="AX21" s="280">
        <v>0</v>
      </c>
      <c r="AY21" s="281">
        <v>22</v>
      </c>
      <c r="AZ21" s="281">
        <v>15</v>
      </c>
      <c r="BA21" s="281">
        <v>8</v>
      </c>
      <c r="BB21" s="281">
        <v>15</v>
      </c>
      <c r="BC21" s="281">
        <v>8</v>
      </c>
      <c r="BD21" s="282">
        <v>68</v>
      </c>
      <c r="BE21" s="283">
        <v>75</v>
      </c>
      <c r="BF21" s="277">
        <v>0</v>
      </c>
      <c r="BG21" s="281">
        <v>0</v>
      </c>
      <c r="BH21" s="278">
        <v>0</v>
      </c>
      <c r="BI21" s="280">
        <v>0</v>
      </c>
      <c r="BJ21" s="281">
        <v>19</v>
      </c>
      <c r="BK21" s="281">
        <v>19</v>
      </c>
      <c r="BL21" s="281">
        <v>7</v>
      </c>
      <c r="BM21" s="281">
        <v>3</v>
      </c>
      <c r="BN21" s="281">
        <v>0</v>
      </c>
      <c r="BO21" s="278">
        <v>48</v>
      </c>
      <c r="BP21" s="283">
        <v>48</v>
      </c>
      <c r="BQ21" s="277">
        <v>1</v>
      </c>
      <c r="BR21" s="281">
        <v>2</v>
      </c>
      <c r="BS21" s="278">
        <v>3</v>
      </c>
      <c r="BT21" s="280">
        <v>0</v>
      </c>
      <c r="BU21" s="281">
        <v>11</v>
      </c>
      <c r="BV21" s="281">
        <v>7</v>
      </c>
      <c r="BW21" s="281">
        <v>3</v>
      </c>
      <c r="BX21" s="281">
        <v>1</v>
      </c>
      <c r="BY21" s="281">
        <v>0</v>
      </c>
      <c r="BZ21" s="278">
        <v>22</v>
      </c>
      <c r="CA21" s="283">
        <v>25</v>
      </c>
      <c r="CB21" s="277">
        <v>0</v>
      </c>
      <c r="CC21" s="281">
        <v>0</v>
      </c>
      <c r="CD21" s="278">
        <v>0</v>
      </c>
      <c r="CE21" s="280">
        <v>0</v>
      </c>
      <c r="CF21" s="281">
        <v>1</v>
      </c>
      <c r="CG21" s="281">
        <v>2</v>
      </c>
      <c r="CH21" s="281">
        <v>3</v>
      </c>
      <c r="CI21" s="281">
        <v>0</v>
      </c>
      <c r="CJ21" s="281">
        <v>0</v>
      </c>
      <c r="CK21" s="278">
        <v>6</v>
      </c>
      <c r="CL21" s="283">
        <v>6</v>
      </c>
      <c r="CM21" s="277">
        <v>0</v>
      </c>
      <c r="CN21" s="281">
        <v>0</v>
      </c>
      <c r="CO21" s="278">
        <v>0</v>
      </c>
      <c r="CP21" s="280">
        <v>0</v>
      </c>
      <c r="CQ21" s="281">
        <v>0</v>
      </c>
      <c r="CR21" s="281">
        <v>0</v>
      </c>
      <c r="CS21" s="281">
        <v>2</v>
      </c>
      <c r="CT21" s="281">
        <v>1</v>
      </c>
      <c r="CU21" s="281">
        <v>0</v>
      </c>
      <c r="CV21" s="278">
        <v>3</v>
      </c>
      <c r="CW21" s="283">
        <v>3</v>
      </c>
      <c r="CX21" s="277">
        <v>0</v>
      </c>
      <c r="CY21" s="281">
        <v>0</v>
      </c>
      <c r="CZ21" s="278">
        <v>0</v>
      </c>
      <c r="DA21" s="280">
        <v>0</v>
      </c>
      <c r="DB21" s="281">
        <v>0</v>
      </c>
      <c r="DC21" s="281">
        <v>0</v>
      </c>
      <c r="DD21" s="281">
        <v>0</v>
      </c>
      <c r="DE21" s="281">
        <v>0</v>
      </c>
      <c r="DF21" s="281">
        <v>0</v>
      </c>
      <c r="DG21" s="278">
        <v>0</v>
      </c>
      <c r="DH21" s="283">
        <v>0</v>
      </c>
      <c r="DI21" s="277">
        <v>0</v>
      </c>
      <c r="DJ21" s="281">
        <v>0</v>
      </c>
      <c r="DK21" s="278">
        <v>0</v>
      </c>
      <c r="DL21" s="280">
        <v>0</v>
      </c>
      <c r="DM21" s="281">
        <v>0</v>
      </c>
      <c r="DN21" s="281">
        <v>0</v>
      </c>
      <c r="DO21" s="281">
        <v>0</v>
      </c>
      <c r="DP21" s="281">
        <v>0</v>
      </c>
      <c r="DQ21" s="281">
        <v>0</v>
      </c>
      <c r="DR21" s="278">
        <v>0</v>
      </c>
      <c r="DS21" s="283">
        <v>0</v>
      </c>
      <c r="DT21" s="277">
        <v>4</v>
      </c>
      <c r="DU21" s="281">
        <v>9</v>
      </c>
      <c r="DV21" s="278">
        <v>13</v>
      </c>
      <c r="DW21" s="280">
        <v>0</v>
      </c>
      <c r="DX21" s="281">
        <v>31</v>
      </c>
      <c r="DY21" s="281">
        <v>23</v>
      </c>
      <c r="DZ21" s="281">
        <v>12</v>
      </c>
      <c r="EA21" s="281">
        <v>12</v>
      </c>
      <c r="EB21" s="281">
        <v>9</v>
      </c>
      <c r="EC21" s="278">
        <v>87</v>
      </c>
      <c r="ED21" s="283">
        <v>100</v>
      </c>
      <c r="EE21" s="277">
        <v>0</v>
      </c>
      <c r="EF21" s="281">
        <v>2</v>
      </c>
      <c r="EG21" s="278">
        <v>2</v>
      </c>
      <c r="EH21" s="280">
        <v>0</v>
      </c>
      <c r="EI21" s="281">
        <v>8</v>
      </c>
      <c r="EJ21" s="281">
        <v>6</v>
      </c>
      <c r="EK21" s="281">
        <v>2</v>
      </c>
      <c r="EL21" s="281">
        <v>5</v>
      </c>
      <c r="EM21" s="281">
        <v>0</v>
      </c>
      <c r="EN21" s="278">
        <v>21</v>
      </c>
      <c r="EO21" s="283">
        <v>23</v>
      </c>
      <c r="EP21" s="277">
        <v>6</v>
      </c>
      <c r="EQ21" s="281">
        <v>11</v>
      </c>
      <c r="ER21" s="278">
        <v>17</v>
      </c>
      <c r="ES21" s="280">
        <v>0</v>
      </c>
      <c r="ET21" s="281">
        <v>52</v>
      </c>
      <c r="EU21" s="281">
        <v>37</v>
      </c>
      <c r="EV21" s="281">
        <v>16</v>
      </c>
      <c r="EW21" s="281">
        <v>14</v>
      </c>
      <c r="EX21" s="281">
        <v>6</v>
      </c>
      <c r="EY21" s="278">
        <v>125</v>
      </c>
      <c r="EZ21" s="283">
        <v>142</v>
      </c>
    </row>
    <row r="22" spans="2:156" ht="19.5" customHeight="1" x14ac:dyDescent="0.2">
      <c r="B22" s="262" t="s">
        <v>20</v>
      </c>
      <c r="C22" s="277">
        <v>0</v>
      </c>
      <c r="D22" s="281">
        <v>0</v>
      </c>
      <c r="E22" s="385">
        <v>0</v>
      </c>
      <c r="F22" s="280">
        <v>0</v>
      </c>
      <c r="G22" s="281">
        <v>17</v>
      </c>
      <c r="H22" s="281">
        <v>16</v>
      </c>
      <c r="I22" s="281">
        <v>11</v>
      </c>
      <c r="J22" s="281">
        <v>7</v>
      </c>
      <c r="K22" s="281">
        <v>2</v>
      </c>
      <c r="L22" s="282">
        <v>53</v>
      </c>
      <c r="M22" s="283">
        <v>53</v>
      </c>
      <c r="N22" s="277">
        <v>0</v>
      </c>
      <c r="O22" s="281">
        <v>0</v>
      </c>
      <c r="P22" s="278">
        <v>0</v>
      </c>
      <c r="Q22" s="280">
        <v>0</v>
      </c>
      <c r="R22" s="281">
        <v>0</v>
      </c>
      <c r="S22" s="281">
        <v>0</v>
      </c>
      <c r="T22" s="281">
        <v>1</v>
      </c>
      <c r="U22" s="281">
        <v>1</v>
      </c>
      <c r="V22" s="281">
        <v>3</v>
      </c>
      <c r="W22" s="278">
        <v>5</v>
      </c>
      <c r="X22" s="283">
        <v>5</v>
      </c>
      <c r="Y22" s="277">
        <v>3</v>
      </c>
      <c r="Z22" s="281">
        <v>6</v>
      </c>
      <c r="AA22" s="278">
        <v>9</v>
      </c>
      <c r="AB22" s="280">
        <v>0</v>
      </c>
      <c r="AC22" s="281">
        <v>24</v>
      </c>
      <c r="AD22" s="281">
        <v>17</v>
      </c>
      <c r="AE22" s="281">
        <v>10</v>
      </c>
      <c r="AF22" s="281">
        <v>4</v>
      </c>
      <c r="AG22" s="281">
        <v>2</v>
      </c>
      <c r="AH22" s="278">
        <v>57</v>
      </c>
      <c r="AI22" s="283">
        <v>66</v>
      </c>
      <c r="AJ22" s="277">
        <v>1</v>
      </c>
      <c r="AK22" s="281">
        <v>3</v>
      </c>
      <c r="AL22" s="278">
        <v>4</v>
      </c>
      <c r="AM22" s="280">
        <v>0</v>
      </c>
      <c r="AN22" s="281">
        <v>4</v>
      </c>
      <c r="AO22" s="281">
        <v>3</v>
      </c>
      <c r="AP22" s="281">
        <v>2</v>
      </c>
      <c r="AQ22" s="281">
        <v>2</v>
      </c>
      <c r="AR22" s="281">
        <v>0</v>
      </c>
      <c r="AS22" s="278">
        <v>11</v>
      </c>
      <c r="AT22" s="283">
        <v>15</v>
      </c>
      <c r="AU22" s="277">
        <v>3</v>
      </c>
      <c r="AV22" s="281">
        <v>7</v>
      </c>
      <c r="AW22" s="278">
        <v>10</v>
      </c>
      <c r="AX22" s="280">
        <v>0</v>
      </c>
      <c r="AY22" s="281">
        <v>18</v>
      </c>
      <c r="AZ22" s="281">
        <v>24</v>
      </c>
      <c r="BA22" s="281">
        <v>20</v>
      </c>
      <c r="BB22" s="281">
        <v>21</v>
      </c>
      <c r="BC22" s="281">
        <v>6</v>
      </c>
      <c r="BD22" s="282">
        <v>89</v>
      </c>
      <c r="BE22" s="283">
        <v>99</v>
      </c>
      <c r="BF22" s="277">
        <v>0</v>
      </c>
      <c r="BG22" s="281">
        <v>0</v>
      </c>
      <c r="BH22" s="278">
        <v>0</v>
      </c>
      <c r="BI22" s="280">
        <v>0</v>
      </c>
      <c r="BJ22" s="281">
        <v>23</v>
      </c>
      <c r="BK22" s="281">
        <v>18</v>
      </c>
      <c r="BL22" s="281">
        <v>9</v>
      </c>
      <c r="BM22" s="281">
        <v>4</v>
      </c>
      <c r="BN22" s="281">
        <v>0</v>
      </c>
      <c r="BO22" s="278">
        <v>54</v>
      </c>
      <c r="BP22" s="283">
        <v>54</v>
      </c>
      <c r="BQ22" s="277">
        <v>5</v>
      </c>
      <c r="BR22" s="281">
        <v>2</v>
      </c>
      <c r="BS22" s="278">
        <v>7</v>
      </c>
      <c r="BT22" s="280">
        <v>0</v>
      </c>
      <c r="BU22" s="281">
        <v>13</v>
      </c>
      <c r="BV22" s="281">
        <v>6</v>
      </c>
      <c r="BW22" s="281">
        <v>8</v>
      </c>
      <c r="BX22" s="281">
        <v>6</v>
      </c>
      <c r="BY22" s="281">
        <v>2</v>
      </c>
      <c r="BZ22" s="278">
        <v>35</v>
      </c>
      <c r="CA22" s="283">
        <v>42</v>
      </c>
      <c r="CB22" s="277">
        <v>0</v>
      </c>
      <c r="CC22" s="281">
        <v>1</v>
      </c>
      <c r="CD22" s="278">
        <v>1</v>
      </c>
      <c r="CE22" s="280">
        <v>0</v>
      </c>
      <c r="CF22" s="281">
        <v>2</v>
      </c>
      <c r="CG22" s="281">
        <v>3</v>
      </c>
      <c r="CH22" s="281">
        <v>5</v>
      </c>
      <c r="CI22" s="281">
        <v>8</v>
      </c>
      <c r="CJ22" s="281">
        <v>0</v>
      </c>
      <c r="CK22" s="278">
        <v>18</v>
      </c>
      <c r="CL22" s="283">
        <v>19</v>
      </c>
      <c r="CM22" s="277">
        <v>0</v>
      </c>
      <c r="CN22" s="281">
        <v>0</v>
      </c>
      <c r="CO22" s="278">
        <v>0</v>
      </c>
      <c r="CP22" s="280">
        <v>0</v>
      </c>
      <c r="CQ22" s="281">
        <v>0</v>
      </c>
      <c r="CR22" s="281">
        <v>0</v>
      </c>
      <c r="CS22" s="281">
        <v>0</v>
      </c>
      <c r="CT22" s="281">
        <v>2</v>
      </c>
      <c r="CU22" s="281">
        <v>0</v>
      </c>
      <c r="CV22" s="278">
        <v>2</v>
      </c>
      <c r="CW22" s="283">
        <v>2</v>
      </c>
      <c r="CX22" s="277">
        <v>0</v>
      </c>
      <c r="CY22" s="281">
        <v>0</v>
      </c>
      <c r="CZ22" s="278">
        <v>0</v>
      </c>
      <c r="DA22" s="280">
        <v>0</v>
      </c>
      <c r="DB22" s="281">
        <v>0</v>
      </c>
      <c r="DC22" s="281">
        <v>0</v>
      </c>
      <c r="DD22" s="281">
        <v>0</v>
      </c>
      <c r="DE22" s="281">
        <v>0</v>
      </c>
      <c r="DF22" s="281">
        <v>0</v>
      </c>
      <c r="DG22" s="278">
        <v>0</v>
      </c>
      <c r="DH22" s="283">
        <v>0</v>
      </c>
      <c r="DI22" s="277">
        <v>0</v>
      </c>
      <c r="DJ22" s="281">
        <v>0</v>
      </c>
      <c r="DK22" s="278">
        <v>0</v>
      </c>
      <c r="DL22" s="280">
        <v>0</v>
      </c>
      <c r="DM22" s="281">
        <v>0</v>
      </c>
      <c r="DN22" s="281">
        <v>0</v>
      </c>
      <c r="DO22" s="281">
        <v>0</v>
      </c>
      <c r="DP22" s="281">
        <v>0</v>
      </c>
      <c r="DQ22" s="281">
        <v>0</v>
      </c>
      <c r="DR22" s="278">
        <v>0</v>
      </c>
      <c r="DS22" s="283">
        <v>0</v>
      </c>
      <c r="DT22" s="277">
        <v>11</v>
      </c>
      <c r="DU22" s="281">
        <v>19</v>
      </c>
      <c r="DV22" s="278">
        <v>30</v>
      </c>
      <c r="DW22" s="280">
        <v>0</v>
      </c>
      <c r="DX22" s="281">
        <v>42</v>
      </c>
      <c r="DY22" s="281">
        <v>37</v>
      </c>
      <c r="DZ22" s="281">
        <v>24</v>
      </c>
      <c r="EA22" s="281">
        <v>16</v>
      </c>
      <c r="EB22" s="281">
        <v>4</v>
      </c>
      <c r="EC22" s="278">
        <v>123</v>
      </c>
      <c r="ED22" s="283">
        <v>153</v>
      </c>
      <c r="EE22" s="277">
        <v>3</v>
      </c>
      <c r="EF22" s="281">
        <v>4</v>
      </c>
      <c r="EG22" s="278">
        <v>7</v>
      </c>
      <c r="EH22" s="280">
        <v>0</v>
      </c>
      <c r="EI22" s="281">
        <v>5</v>
      </c>
      <c r="EJ22" s="281">
        <v>11</v>
      </c>
      <c r="EK22" s="281">
        <v>7</v>
      </c>
      <c r="EL22" s="281">
        <v>9</v>
      </c>
      <c r="EM22" s="281">
        <v>2</v>
      </c>
      <c r="EN22" s="278">
        <v>34</v>
      </c>
      <c r="EO22" s="283">
        <v>41</v>
      </c>
      <c r="EP22" s="277">
        <v>20</v>
      </c>
      <c r="EQ22" s="281">
        <v>30</v>
      </c>
      <c r="ER22" s="278">
        <v>50</v>
      </c>
      <c r="ES22" s="280">
        <v>0</v>
      </c>
      <c r="ET22" s="281">
        <v>79</v>
      </c>
      <c r="EU22" s="281">
        <v>53</v>
      </c>
      <c r="EV22" s="281">
        <v>32</v>
      </c>
      <c r="EW22" s="281">
        <v>23</v>
      </c>
      <c r="EX22" s="281">
        <v>4</v>
      </c>
      <c r="EY22" s="278">
        <v>191</v>
      </c>
      <c r="EZ22" s="283">
        <v>241</v>
      </c>
    </row>
    <row r="23" spans="2:156" ht="19.5" customHeight="1" x14ac:dyDescent="0.2">
      <c r="B23" s="262" t="s">
        <v>21</v>
      </c>
      <c r="C23" s="277">
        <v>0</v>
      </c>
      <c r="D23" s="281">
        <v>0</v>
      </c>
      <c r="E23" s="385">
        <v>0</v>
      </c>
      <c r="F23" s="280">
        <v>0</v>
      </c>
      <c r="G23" s="281">
        <v>18</v>
      </c>
      <c r="H23" s="281">
        <v>7</v>
      </c>
      <c r="I23" s="281">
        <v>6</v>
      </c>
      <c r="J23" s="281">
        <v>8</v>
      </c>
      <c r="K23" s="281">
        <v>7</v>
      </c>
      <c r="L23" s="282">
        <v>46</v>
      </c>
      <c r="M23" s="283">
        <v>46</v>
      </c>
      <c r="N23" s="277">
        <v>0</v>
      </c>
      <c r="O23" s="281">
        <v>0</v>
      </c>
      <c r="P23" s="278">
        <v>0</v>
      </c>
      <c r="Q23" s="280">
        <v>0</v>
      </c>
      <c r="R23" s="281">
        <v>0</v>
      </c>
      <c r="S23" s="281">
        <v>0</v>
      </c>
      <c r="T23" s="281">
        <v>1</v>
      </c>
      <c r="U23" s="281">
        <v>3</v>
      </c>
      <c r="V23" s="281">
        <v>4</v>
      </c>
      <c r="W23" s="278">
        <v>8</v>
      </c>
      <c r="X23" s="283">
        <v>8</v>
      </c>
      <c r="Y23" s="277">
        <v>4</v>
      </c>
      <c r="Z23" s="281">
        <v>2</v>
      </c>
      <c r="AA23" s="278">
        <v>6</v>
      </c>
      <c r="AB23" s="280">
        <v>0</v>
      </c>
      <c r="AC23" s="281">
        <v>19</v>
      </c>
      <c r="AD23" s="281">
        <v>15</v>
      </c>
      <c r="AE23" s="281">
        <v>8</v>
      </c>
      <c r="AF23" s="281">
        <v>8</v>
      </c>
      <c r="AG23" s="281">
        <v>7</v>
      </c>
      <c r="AH23" s="278">
        <v>57</v>
      </c>
      <c r="AI23" s="283">
        <v>63</v>
      </c>
      <c r="AJ23" s="277">
        <v>0</v>
      </c>
      <c r="AK23" s="281">
        <v>1</v>
      </c>
      <c r="AL23" s="278">
        <v>1</v>
      </c>
      <c r="AM23" s="280">
        <v>0</v>
      </c>
      <c r="AN23" s="281">
        <v>1</v>
      </c>
      <c r="AO23" s="281">
        <v>3</v>
      </c>
      <c r="AP23" s="281">
        <v>1</v>
      </c>
      <c r="AQ23" s="281">
        <v>1</v>
      </c>
      <c r="AR23" s="281">
        <v>0</v>
      </c>
      <c r="AS23" s="278">
        <v>6</v>
      </c>
      <c r="AT23" s="283">
        <v>7</v>
      </c>
      <c r="AU23" s="277">
        <v>6</v>
      </c>
      <c r="AV23" s="281">
        <v>3</v>
      </c>
      <c r="AW23" s="278">
        <v>9</v>
      </c>
      <c r="AX23" s="280">
        <v>0</v>
      </c>
      <c r="AY23" s="281">
        <v>16</v>
      </c>
      <c r="AZ23" s="281">
        <v>13</v>
      </c>
      <c r="BA23" s="281">
        <v>18</v>
      </c>
      <c r="BB23" s="281">
        <v>19</v>
      </c>
      <c r="BC23" s="281">
        <v>14</v>
      </c>
      <c r="BD23" s="282">
        <v>80</v>
      </c>
      <c r="BE23" s="283">
        <v>89</v>
      </c>
      <c r="BF23" s="277">
        <v>0</v>
      </c>
      <c r="BG23" s="281">
        <v>0</v>
      </c>
      <c r="BH23" s="278">
        <v>0</v>
      </c>
      <c r="BI23" s="280">
        <v>0</v>
      </c>
      <c r="BJ23" s="281">
        <v>18</v>
      </c>
      <c r="BK23" s="281">
        <v>21</v>
      </c>
      <c r="BL23" s="281">
        <v>11</v>
      </c>
      <c r="BM23" s="281">
        <v>4</v>
      </c>
      <c r="BN23" s="281">
        <v>4</v>
      </c>
      <c r="BO23" s="278">
        <v>58</v>
      </c>
      <c r="BP23" s="283">
        <v>58</v>
      </c>
      <c r="BQ23" s="277">
        <v>1</v>
      </c>
      <c r="BR23" s="281">
        <v>1</v>
      </c>
      <c r="BS23" s="278">
        <v>2</v>
      </c>
      <c r="BT23" s="280">
        <v>0</v>
      </c>
      <c r="BU23" s="281">
        <v>5</v>
      </c>
      <c r="BV23" s="281">
        <v>10</v>
      </c>
      <c r="BW23" s="281">
        <v>2</v>
      </c>
      <c r="BX23" s="281">
        <v>1</v>
      </c>
      <c r="BY23" s="281">
        <v>0</v>
      </c>
      <c r="BZ23" s="278">
        <v>18</v>
      </c>
      <c r="CA23" s="283">
        <v>20</v>
      </c>
      <c r="CB23" s="277">
        <v>0</v>
      </c>
      <c r="CC23" s="281">
        <v>0</v>
      </c>
      <c r="CD23" s="278">
        <v>0</v>
      </c>
      <c r="CE23" s="280">
        <v>0</v>
      </c>
      <c r="CF23" s="281">
        <v>2</v>
      </c>
      <c r="CG23" s="281">
        <v>2</v>
      </c>
      <c r="CH23" s="281">
        <v>9</v>
      </c>
      <c r="CI23" s="281">
        <v>4</v>
      </c>
      <c r="CJ23" s="281">
        <v>5</v>
      </c>
      <c r="CK23" s="278">
        <v>22</v>
      </c>
      <c r="CL23" s="283">
        <v>22</v>
      </c>
      <c r="CM23" s="277">
        <v>0</v>
      </c>
      <c r="CN23" s="281">
        <v>0</v>
      </c>
      <c r="CO23" s="278">
        <v>0</v>
      </c>
      <c r="CP23" s="280">
        <v>0</v>
      </c>
      <c r="CQ23" s="281">
        <v>0</v>
      </c>
      <c r="CR23" s="281">
        <v>0</v>
      </c>
      <c r="CS23" s="281">
        <v>0</v>
      </c>
      <c r="CT23" s="281">
        <v>0</v>
      </c>
      <c r="CU23" s="281">
        <v>0</v>
      </c>
      <c r="CV23" s="278">
        <v>0</v>
      </c>
      <c r="CW23" s="283">
        <v>0</v>
      </c>
      <c r="CX23" s="277">
        <v>0</v>
      </c>
      <c r="CY23" s="281">
        <v>0</v>
      </c>
      <c r="CZ23" s="278">
        <v>0</v>
      </c>
      <c r="DA23" s="280">
        <v>0</v>
      </c>
      <c r="DB23" s="281">
        <v>0</v>
      </c>
      <c r="DC23" s="281">
        <v>0</v>
      </c>
      <c r="DD23" s="281">
        <v>0</v>
      </c>
      <c r="DE23" s="281">
        <v>0</v>
      </c>
      <c r="DF23" s="281">
        <v>0</v>
      </c>
      <c r="DG23" s="278">
        <v>0</v>
      </c>
      <c r="DH23" s="283">
        <v>0</v>
      </c>
      <c r="DI23" s="277">
        <v>0</v>
      </c>
      <c r="DJ23" s="281">
        <v>0</v>
      </c>
      <c r="DK23" s="278">
        <v>0</v>
      </c>
      <c r="DL23" s="280">
        <v>0</v>
      </c>
      <c r="DM23" s="281">
        <v>0</v>
      </c>
      <c r="DN23" s="281">
        <v>0</v>
      </c>
      <c r="DO23" s="281">
        <v>0</v>
      </c>
      <c r="DP23" s="281">
        <v>0</v>
      </c>
      <c r="DQ23" s="281">
        <v>0</v>
      </c>
      <c r="DR23" s="278">
        <v>0</v>
      </c>
      <c r="DS23" s="283">
        <v>0</v>
      </c>
      <c r="DT23" s="277">
        <v>4</v>
      </c>
      <c r="DU23" s="281">
        <v>15</v>
      </c>
      <c r="DV23" s="278">
        <v>19</v>
      </c>
      <c r="DW23" s="280">
        <v>0</v>
      </c>
      <c r="DX23" s="281">
        <v>22</v>
      </c>
      <c r="DY23" s="281">
        <v>36</v>
      </c>
      <c r="DZ23" s="281">
        <v>23</v>
      </c>
      <c r="EA23" s="281">
        <v>19</v>
      </c>
      <c r="EB23" s="281">
        <v>10</v>
      </c>
      <c r="EC23" s="278">
        <v>110</v>
      </c>
      <c r="ED23" s="283">
        <v>129</v>
      </c>
      <c r="EE23" s="277">
        <v>2</v>
      </c>
      <c r="EF23" s="281">
        <v>1</v>
      </c>
      <c r="EG23" s="278">
        <v>3</v>
      </c>
      <c r="EH23" s="280">
        <v>0</v>
      </c>
      <c r="EI23" s="281">
        <v>8</v>
      </c>
      <c r="EJ23" s="281">
        <v>4</v>
      </c>
      <c r="EK23" s="281">
        <v>7</v>
      </c>
      <c r="EL23" s="281">
        <v>3</v>
      </c>
      <c r="EM23" s="281">
        <v>4</v>
      </c>
      <c r="EN23" s="278">
        <v>26</v>
      </c>
      <c r="EO23" s="283">
        <v>29</v>
      </c>
      <c r="EP23" s="277">
        <v>9</v>
      </c>
      <c r="EQ23" s="281">
        <v>15</v>
      </c>
      <c r="ER23" s="278">
        <v>24</v>
      </c>
      <c r="ES23" s="280">
        <v>0</v>
      </c>
      <c r="ET23" s="281">
        <v>51</v>
      </c>
      <c r="EU23" s="281">
        <v>50</v>
      </c>
      <c r="EV23" s="281">
        <v>30</v>
      </c>
      <c r="EW23" s="281">
        <v>21</v>
      </c>
      <c r="EX23" s="281">
        <v>13</v>
      </c>
      <c r="EY23" s="278">
        <v>165</v>
      </c>
      <c r="EZ23" s="283">
        <v>189</v>
      </c>
    </row>
    <row r="24" spans="2:156" ht="19.5" customHeight="1" x14ac:dyDescent="0.2">
      <c r="B24" s="262" t="s">
        <v>22</v>
      </c>
      <c r="C24" s="277">
        <v>0</v>
      </c>
      <c r="D24" s="281">
        <v>0</v>
      </c>
      <c r="E24" s="385">
        <v>0</v>
      </c>
      <c r="F24" s="280">
        <v>0</v>
      </c>
      <c r="G24" s="281">
        <v>6</v>
      </c>
      <c r="H24" s="281">
        <v>8</v>
      </c>
      <c r="I24" s="281">
        <v>2</v>
      </c>
      <c r="J24" s="281">
        <v>4</v>
      </c>
      <c r="K24" s="281">
        <v>4</v>
      </c>
      <c r="L24" s="282">
        <v>24</v>
      </c>
      <c r="M24" s="283">
        <v>24</v>
      </c>
      <c r="N24" s="277">
        <v>0</v>
      </c>
      <c r="O24" s="281">
        <v>0</v>
      </c>
      <c r="P24" s="278">
        <v>0</v>
      </c>
      <c r="Q24" s="280">
        <v>0</v>
      </c>
      <c r="R24" s="281">
        <v>0</v>
      </c>
      <c r="S24" s="281">
        <v>0</v>
      </c>
      <c r="T24" s="281">
        <v>0</v>
      </c>
      <c r="U24" s="281">
        <v>1</v>
      </c>
      <c r="V24" s="281">
        <v>0</v>
      </c>
      <c r="W24" s="278">
        <v>1</v>
      </c>
      <c r="X24" s="283">
        <v>1</v>
      </c>
      <c r="Y24" s="277">
        <v>0</v>
      </c>
      <c r="Z24" s="281">
        <v>1</v>
      </c>
      <c r="AA24" s="278">
        <v>1</v>
      </c>
      <c r="AB24" s="280">
        <v>0</v>
      </c>
      <c r="AC24" s="281">
        <v>2</v>
      </c>
      <c r="AD24" s="281">
        <v>3</v>
      </c>
      <c r="AE24" s="281">
        <v>2</v>
      </c>
      <c r="AF24" s="281">
        <v>3</v>
      </c>
      <c r="AG24" s="281">
        <v>1</v>
      </c>
      <c r="AH24" s="278">
        <v>11</v>
      </c>
      <c r="AI24" s="283">
        <v>12</v>
      </c>
      <c r="AJ24" s="277">
        <v>0</v>
      </c>
      <c r="AK24" s="281">
        <v>0</v>
      </c>
      <c r="AL24" s="278">
        <v>0</v>
      </c>
      <c r="AM24" s="280">
        <v>0</v>
      </c>
      <c r="AN24" s="281">
        <v>1</v>
      </c>
      <c r="AO24" s="281">
        <v>1</v>
      </c>
      <c r="AP24" s="281">
        <v>0</v>
      </c>
      <c r="AQ24" s="281">
        <v>1</v>
      </c>
      <c r="AR24" s="281">
        <v>1</v>
      </c>
      <c r="AS24" s="278">
        <v>4</v>
      </c>
      <c r="AT24" s="283">
        <v>4</v>
      </c>
      <c r="AU24" s="277">
        <v>0</v>
      </c>
      <c r="AV24" s="281">
        <v>0</v>
      </c>
      <c r="AW24" s="278">
        <v>0</v>
      </c>
      <c r="AX24" s="280">
        <v>0</v>
      </c>
      <c r="AY24" s="281">
        <v>4</v>
      </c>
      <c r="AZ24" s="281">
        <v>7</v>
      </c>
      <c r="BA24" s="281">
        <v>4</v>
      </c>
      <c r="BB24" s="281">
        <v>3</v>
      </c>
      <c r="BC24" s="281">
        <v>3</v>
      </c>
      <c r="BD24" s="282">
        <v>21</v>
      </c>
      <c r="BE24" s="283">
        <v>21</v>
      </c>
      <c r="BF24" s="277">
        <v>0</v>
      </c>
      <c r="BG24" s="281">
        <v>0</v>
      </c>
      <c r="BH24" s="278">
        <v>0</v>
      </c>
      <c r="BI24" s="280">
        <v>0</v>
      </c>
      <c r="BJ24" s="281">
        <v>7</v>
      </c>
      <c r="BK24" s="281">
        <v>14</v>
      </c>
      <c r="BL24" s="281">
        <v>6</v>
      </c>
      <c r="BM24" s="281">
        <v>2</v>
      </c>
      <c r="BN24" s="281">
        <v>4</v>
      </c>
      <c r="BO24" s="278">
        <v>33</v>
      </c>
      <c r="BP24" s="283">
        <v>33</v>
      </c>
      <c r="BQ24" s="277">
        <v>0</v>
      </c>
      <c r="BR24" s="281">
        <v>0</v>
      </c>
      <c r="BS24" s="278">
        <v>0</v>
      </c>
      <c r="BT24" s="280">
        <v>0</v>
      </c>
      <c r="BU24" s="281">
        <v>4</v>
      </c>
      <c r="BV24" s="281">
        <v>1</v>
      </c>
      <c r="BW24" s="281">
        <v>1</v>
      </c>
      <c r="BX24" s="281">
        <v>1</v>
      </c>
      <c r="BY24" s="281">
        <v>2</v>
      </c>
      <c r="BZ24" s="278">
        <v>9</v>
      </c>
      <c r="CA24" s="283">
        <v>9</v>
      </c>
      <c r="CB24" s="277">
        <v>0</v>
      </c>
      <c r="CC24" s="281">
        <v>0</v>
      </c>
      <c r="CD24" s="278">
        <v>0</v>
      </c>
      <c r="CE24" s="280">
        <v>0</v>
      </c>
      <c r="CF24" s="281">
        <v>1</v>
      </c>
      <c r="CG24" s="281">
        <v>0</v>
      </c>
      <c r="CH24" s="281">
        <v>5</v>
      </c>
      <c r="CI24" s="281">
        <v>3</v>
      </c>
      <c r="CJ24" s="281">
        <v>1</v>
      </c>
      <c r="CK24" s="278">
        <v>10</v>
      </c>
      <c r="CL24" s="283">
        <v>10</v>
      </c>
      <c r="CM24" s="277">
        <v>0</v>
      </c>
      <c r="CN24" s="281">
        <v>0</v>
      </c>
      <c r="CO24" s="278">
        <v>0</v>
      </c>
      <c r="CP24" s="280">
        <v>0</v>
      </c>
      <c r="CQ24" s="281">
        <v>0</v>
      </c>
      <c r="CR24" s="281">
        <v>1</v>
      </c>
      <c r="CS24" s="281">
        <v>1</v>
      </c>
      <c r="CT24" s="281">
        <v>0</v>
      </c>
      <c r="CU24" s="281">
        <v>0</v>
      </c>
      <c r="CV24" s="278">
        <v>2</v>
      </c>
      <c r="CW24" s="283">
        <v>2</v>
      </c>
      <c r="CX24" s="277">
        <v>0</v>
      </c>
      <c r="CY24" s="281">
        <v>0</v>
      </c>
      <c r="CZ24" s="278">
        <v>0</v>
      </c>
      <c r="DA24" s="280">
        <v>0</v>
      </c>
      <c r="DB24" s="281">
        <v>0</v>
      </c>
      <c r="DC24" s="281">
        <v>0</v>
      </c>
      <c r="DD24" s="281">
        <v>0</v>
      </c>
      <c r="DE24" s="281">
        <v>0</v>
      </c>
      <c r="DF24" s="281">
        <v>0</v>
      </c>
      <c r="DG24" s="278">
        <v>0</v>
      </c>
      <c r="DH24" s="283">
        <v>0</v>
      </c>
      <c r="DI24" s="277">
        <v>0</v>
      </c>
      <c r="DJ24" s="281">
        <v>0</v>
      </c>
      <c r="DK24" s="278">
        <v>0</v>
      </c>
      <c r="DL24" s="280">
        <v>0</v>
      </c>
      <c r="DM24" s="281">
        <v>0</v>
      </c>
      <c r="DN24" s="281">
        <v>0</v>
      </c>
      <c r="DO24" s="281">
        <v>0</v>
      </c>
      <c r="DP24" s="281">
        <v>0</v>
      </c>
      <c r="DQ24" s="281">
        <v>0</v>
      </c>
      <c r="DR24" s="278">
        <v>0</v>
      </c>
      <c r="DS24" s="283">
        <v>0</v>
      </c>
      <c r="DT24" s="277">
        <v>2</v>
      </c>
      <c r="DU24" s="281">
        <v>7</v>
      </c>
      <c r="DV24" s="278">
        <v>9</v>
      </c>
      <c r="DW24" s="280">
        <v>0</v>
      </c>
      <c r="DX24" s="281">
        <v>13</v>
      </c>
      <c r="DY24" s="281">
        <v>19</v>
      </c>
      <c r="DZ24" s="281">
        <v>9</v>
      </c>
      <c r="EA24" s="281">
        <v>9</v>
      </c>
      <c r="EB24" s="281">
        <v>8</v>
      </c>
      <c r="EC24" s="278">
        <v>58</v>
      </c>
      <c r="ED24" s="283">
        <v>67</v>
      </c>
      <c r="EE24" s="277">
        <v>0</v>
      </c>
      <c r="EF24" s="281">
        <v>0</v>
      </c>
      <c r="EG24" s="278">
        <v>0</v>
      </c>
      <c r="EH24" s="280">
        <v>0</v>
      </c>
      <c r="EI24" s="281">
        <v>2</v>
      </c>
      <c r="EJ24" s="281">
        <v>2</v>
      </c>
      <c r="EK24" s="281">
        <v>1</v>
      </c>
      <c r="EL24" s="281">
        <v>2</v>
      </c>
      <c r="EM24" s="281">
        <v>1</v>
      </c>
      <c r="EN24" s="278">
        <v>8</v>
      </c>
      <c r="EO24" s="283">
        <v>8</v>
      </c>
      <c r="EP24" s="277">
        <v>2</v>
      </c>
      <c r="EQ24" s="281">
        <v>8</v>
      </c>
      <c r="ER24" s="278">
        <v>10</v>
      </c>
      <c r="ES24" s="280">
        <v>0</v>
      </c>
      <c r="ET24" s="281">
        <v>28</v>
      </c>
      <c r="EU24" s="281">
        <v>28</v>
      </c>
      <c r="EV24" s="281">
        <v>11</v>
      </c>
      <c r="EW24" s="281">
        <v>9</v>
      </c>
      <c r="EX24" s="281">
        <v>9</v>
      </c>
      <c r="EY24" s="278">
        <v>85</v>
      </c>
      <c r="EZ24" s="283">
        <v>95</v>
      </c>
    </row>
    <row r="25" spans="2:156" ht="19.5" customHeight="1" x14ac:dyDescent="0.2">
      <c r="B25" s="262" t="s">
        <v>23</v>
      </c>
      <c r="C25" s="277">
        <v>0</v>
      </c>
      <c r="D25" s="281">
        <v>0</v>
      </c>
      <c r="E25" s="385">
        <v>0</v>
      </c>
      <c r="F25" s="280">
        <v>0</v>
      </c>
      <c r="G25" s="281">
        <v>6</v>
      </c>
      <c r="H25" s="281">
        <v>7</v>
      </c>
      <c r="I25" s="281">
        <v>4</v>
      </c>
      <c r="J25" s="281">
        <v>3</v>
      </c>
      <c r="K25" s="281">
        <v>0</v>
      </c>
      <c r="L25" s="282">
        <v>20</v>
      </c>
      <c r="M25" s="283">
        <v>20</v>
      </c>
      <c r="N25" s="277">
        <v>0</v>
      </c>
      <c r="O25" s="281">
        <v>0</v>
      </c>
      <c r="P25" s="278">
        <v>0</v>
      </c>
      <c r="Q25" s="280">
        <v>0</v>
      </c>
      <c r="R25" s="281">
        <v>0</v>
      </c>
      <c r="S25" s="281">
        <v>0</v>
      </c>
      <c r="T25" s="281">
        <v>0</v>
      </c>
      <c r="U25" s="281">
        <v>1</v>
      </c>
      <c r="V25" s="281">
        <v>0</v>
      </c>
      <c r="W25" s="278">
        <v>1</v>
      </c>
      <c r="X25" s="283">
        <v>1</v>
      </c>
      <c r="Y25" s="277">
        <v>3</v>
      </c>
      <c r="Z25" s="281">
        <v>4</v>
      </c>
      <c r="AA25" s="278">
        <v>7</v>
      </c>
      <c r="AB25" s="280">
        <v>0</v>
      </c>
      <c r="AC25" s="281">
        <v>5</v>
      </c>
      <c r="AD25" s="281">
        <v>11</v>
      </c>
      <c r="AE25" s="281">
        <v>2</v>
      </c>
      <c r="AF25" s="281">
        <v>3</v>
      </c>
      <c r="AG25" s="281">
        <v>1</v>
      </c>
      <c r="AH25" s="278">
        <v>22</v>
      </c>
      <c r="AI25" s="283">
        <v>29</v>
      </c>
      <c r="AJ25" s="277">
        <v>0</v>
      </c>
      <c r="AK25" s="281">
        <v>0</v>
      </c>
      <c r="AL25" s="278">
        <v>0</v>
      </c>
      <c r="AM25" s="280">
        <v>0</v>
      </c>
      <c r="AN25" s="281">
        <v>1</v>
      </c>
      <c r="AO25" s="281">
        <v>1</v>
      </c>
      <c r="AP25" s="281">
        <v>0</v>
      </c>
      <c r="AQ25" s="281">
        <v>0</v>
      </c>
      <c r="AR25" s="281">
        <v>0</v>
      </c>
      <c r="AS25" s="278">
        <v>2</v>
      </c>
      <c r="AT25" s="283">
        <v>2</v>
      </c>
      <c r="AU25" s="277">
        <v>3</v>
      </c>
      <c r="AV25" s="281">
        <v>1</v>
      </c>
      <c r="AW25" s="278">
        <v>4</v>
      </c>
      <c r="AX25" s="280">
        <v>0</v>
      </c>
      <c r="AY25" s="281">
        <v>12</v>
      </c>
      <c r="AZ25" s="281">
        <v>8</v>
      </c>
      <c r="BA25" s="281">
        <v>9</v>
      </c>
      <c r="BB25" s="281">
        <v>7</v>
      </c>
      <c r="BC25" s="281">
        <v>4</v>
      </c>
      <c r="BD25" s="282">
        <v>40</v>
      </c>
      <c r="BE25" s="283">
        <v>44</v>
      </c>
      <c r="BF25" s="277">
        <v>0</v>
      </c>
      <c r="BG25" s="281">
        <v>0</v>
      </c>
      <c r="BH25" s="278">
        <v>0</v>
      </c>
      <c r="BI25" s="280">
        <v>0</v>
      </c>
      <c r="BJ25" s="281">
        <v>15</v>
      </c>
      <c r="BK25" s="281">
        <v>14</v>
      </c>
      <c r="BL25" s="281">
        <v>8</v>
      </c>
      <c r="BM25" s="281">
        <v>5</v>
      </c>
      <c r="BN25" s="281">
        <v>1</v>
      </c>
      <c r="BO25" s="278">
        <v>43</v>
      </c>
      <c r="BP25" s="283">
        <v>43</v>
      </c>
      <c r="BQ25" s="277">
        <v>0</v>
      </c>
      <c r="BR25" s="281">
        <v>0</v>
      </c>
      <c r="BS25" s="278">
        <v>0</v>
      </c>
      <c r="BT25" s="280">
        <v>0</v>
      </c>
      <c r="BU25" s="281">
        <v>2</v>
      </c>
      <c r="BV25" s="281">
        <v>3</v>
      </c>
      <c r="BW25" s="281">
        <v>1</v>
      </c>
      <c r="BX25" s="281">
        <v>1</v>
      </c>
      <c r="BY25" s="281">
        <v>0</v>
      </c>
      <c r="BZ25" s="278">
        <v>7</v>
      </c>
      <c r="CA25" s="283">
        <v>7</v>
      </c>
      <c r="CB25" s="277">
        <v>0</v>
      </c>
      <c r="CC25" s="281">
        <v>0</v>
      </c>
      <c r="CD25" s="278">
        <v>0</v>
      </c>
      <c r="CE25" s="280">
        <v>0</v>
      </c>
      <c r="CF25" s="281">
        <v>0</v>
      </c>
      <c r="CG25" s="281">
        <v>1</v>
      </c>
      <c r="CH25" s="281">
        <v>2</v>
      </c>
      <c r="CI25" s="281">
        <v>3</v>
      </c>
      <c r="CJ25" s="281">
        <v>0</v>
      </c>
      <c r="CK25" s="278">
        <v>6</v>
      </c>
      <c r="CL25" s="283">
        <v>6</v>
      </c>
      <c r="CM25" s="277">
        <v>0</v>
      </c>
      <c r="CN25" s="281">
        <v>0</v>
      </c>
      <c r="CO25" s="278">
        <v>0</v>
      </c>
      <c r="CP25" s="280">
        <v>0</v>
      </c>
      <c r="CQ25" s="281">
        <v>1</v>
      </c>
      <c r="CR25" s="281">
        <v>0</v>
      </c>
      <c r="CS25" s="281">
        <v>0</v>
      </c>
      <c r="CT25" s="281">
        <v>0</v>
      </c>
      <c r="CU25" s="281">
        <v>0</v>
      </c>
      <c r="CV25" s="278">
        <v>1</v>
      </c>
      <c r="CW25" s="283">
        <v>1</v>
      </c>
      <c r="CX25" s="277">
        <v>0</v>
      </c>
      <c r="CY25" s="281">
        <v>0</v>
      </c>
      <c r="CZ25" s="278">
        <v>0</v>
      </c>
      <c r="DA25" s="280">
        <v>0</v>
      </c>
      <c r="DB25" s="281">
        <v>0</v>
      </c>
      <c r="DC25" s="281">
        <v>0</v>
      </c>
      <c r="DD25" s="281">
        <v>0</v>
      </c>
      <c r="DE25" s="281">
        <v>0</v>
      </c>
      <c r="DF25" s="281">
        <v>0</v>
      </c>
      <c r="DG25" s="278">
        <v>0</v>
      </c>
      <c r="DH25" s="283">
        <v>0</v>
      </c>
      <c r="DI25" s="277">
        <v>0</v>
      </c>
      <c r="DJ25" s="281">
        <v>0</v>
      </c>
      <c r="DK25" s="278">
        <v>0</v>
      </c>
      <c r="DL25" s="280">
        <v>0</v>
      </c>
      <c r="DM25" s="281">
        <v>0</v>
      </c>
      <c r="DN25" s="281">
        <v>0</v>
      </c>
      <c r="DO25" s="281">
        <v>0</v>
      </c>
      <c r="DP25" s="281">
        <v>0</v>
      </c>
      <c r="DQ25" s="281">
        <v>0</v>
      </c>
      <c r="DR25" s="278">
        <v>0</v>
      </c>
      <c r="DS25" s="283">
        <v>0</v>
      </c>
      <c r="DT25" s="277">
        <v>3</v>
      </c>
      <c r="DU25" s="281">
        <v>7</v>
      </c>
      <c r="DV25" s="278">
        <v>10</v>
      </c>
      <c r="DW25" s="280">
        <v>0</v>
      </c>
      <c r="DX25" s="281">
        <v>9</v>
      </c>
      <c r="DY25" s="281">
        <v>23</v>
      </c>
      <c r="DZ25" s="281">
        <v>9</v>
      </c>
      <c r="EA25" s="281">
        <v>7</v>
      </c>
      <c r="EB25" s="281">
        <v>2</v>
      </c>
      <c r="EC25" s="278">
        <v>50</v>
      </c>
      <c r="ED25" s="283">
        <v>60</v>
      </c>
      <c r="EE25" s="277">
        <v>2</v>
      </c>
      <c r="EF25" s="281">
        <v>1</v>
      </c>
      <c r="EG25" s="278">
        <v>3</v>
      </c>
      <c r="EH25" s="280">
        <v>0</v>
      </c>
      <c r="EI25" s="281">
        <v>6</v>
      </c>
      <c r="EJ25" s="281">
        <v>2</v>
      </c>
      <c r="EK25" s="281">
        <v>4</v>
      </c>
      <c r="EL25" s="281">
        <v>1</v>
      </c>
      <c r="EM25" s="281">
        <v>3</v>
      </c>
      <c r="EN25" s="278">
        <v>16</v>
      </c>
      <c r="EO25" s="283">
        <v>19</v>
      </c>
      <c r="EP25" s="277">
        <v>6</v>
      </c>
      <c r="EQ25" s="281">
        <v>9</v>
      </c>
      <c r="ER25" s="278">
        <v>15</v>
      </c>
      <c r="ES25" s="280">
        <v>0</v>
      </c>
      <c r="ET25" s="281">
        <v>27</v>
      </c>
      <c r="EU25" s="281">
        <v>28</v>
      </c>
      <c r="EV25" s="281">
        <v>13</v>
      </c>
      <c r="EW25" s="281">
        <v>10</v>
      </c>
      <c r="EX25" s="281">
        <v>2</v>
      </c>
      <c r="EY25" s="278">
        <v>80</v>
      </c>
      <c r="EZ25" s="283">
        <v>95</v>
      </c>
    </row>
    <row r="26" spans="2:156" ht="19.5" customHeight="1" x14ac:dyDescent="0.2">
      <c r="B26" s="262" t="s">
        <v>24</v>
      </c>
      <c r="C26" s="277">
        <v>0</v>
      </c>
      <c r="D26" s="281">
        <v>0</v>
      </c>
      <c r="E26" s="385">
        <v>0</v>
      </c>
      <c r="F26" s="280">
        <v>0</v>
      </c>
      <c r="G26" s="281">
        <v>11</v>
      </c>
      <c r="H26" s="281">
        <v>8</v>
      </c>
      <c r="I26" s="281">
        <v>3</v>
      </c>
      <c r="J26" s="281">
        <v>2</v>
      </c>
      <c r="K26" s="281">
        <v>3</v>
      </c>
      <c r="L26" s="282">
        <v>27</v>
      </c>
      <c r="M26" s="283">
        <v>27</v>
      </c>
      <c r="N26" s="277">
        <v>0</v>
      </c>
      <c r="O26" s="281">
        <v>0</v>
      </c>
      <c r="P26" s="278">
        <v>0</v>
      </c>
      <c r="Q26" s="280">
        <v>0</v>
      </c>
      <c r="R26" s="281">
        <v>0</v>
      </c>
      <c r="S26" s="281">
        <v>0</v>
      </c>
      <c r="T26" s="281">
        <v>0</v>
      </c>
      <c r="U26" s="281">
        <v>1</v>
      </c>
      <c r="V26" s="281">
        <v>3</v>
      </c>
      <c r="W26" s="278">
        <v>4</v>
      </c>
      <c r="X26" s="283">
        <v>4</v>
      </c>
      <c r="Y26" s="277">
        <v>3</v>
      </c>
      <c r="Z26" s="281">
        <v>2</v>
      </c>
      <c r="AA26" s="278">
        <v>5</v>
      </c>
      <c r="AB26" s="280">
        <v>0</v>
      </c>
      <c r="AC26" s="281">
        <v>10</v>
      </c>
      <c r="AD26" s="281">
        <v>7</v>
      </c>
      <c r="AE26" s="281">
        <v>6</v>
      </c>
      <c r="AF26" s="281">
        <v>2</v>
      </c>
      <c r="AG26" s="281">
        <v>3</v>
      </c>
      <c r="AH26" s="278">
        <v>28</v>
      </c>
      <c r="AI26" s="283">
        <v>33</v>
      </c>
      <c r="AJ26" s="277">
        <v>0</v>
      </c>
      <c r="AK26" s="281">
        <v>1</v>
      </c>
      <c r="AL26" s="278">
        <v>1</v>
      </c>
      <c r="AM26" s="280">
        <v>0</v>
      </c>
      <c r="AN26" s="281">
        <v>2</v>
      </c>
      <c r="AO26" s="281">
        <v>1</v>
      </c>
      <c r="AP26" s="281">
        <v>0</v>
      </c>
      <c r="AQ26" s="281">
        <v>2</v>
      </c>
      <c r="AR26" s="281">
        <v>0</v>
      </c>
      <c r="AS26" s="278">
        <v>5</v>
      </c>
      <c r="AT26" s="283">
        <v>6</v>
      </c>
      <c r="AU26" s="277">
        <v>2</v>
      </c>
      <c r="AV26" s="281">
        <v>2</v>
      </c>
      <c r="AW26" s="278">
        <v>4</v>
      </c>
      <c r="AX26" s="280">
        <v>0</v>
      </c>
      <c r="AY26" s="281">
        <v>14</v>
      </c>
      <c r="AZ26" s="281">
        <v>7</v>
      </c>
      <c r="BA26" s="281">
        <v>11</v>
      </c>
      <c r="BB26" s="281">
        <v>5</v>
      </c>
      <c r="BC26" s="281">
        <v>4</v>
      </c>
      <c r="BD26" s="282">
        <v>41</v>
      </c>
      <c r="BE26" s="283">
        <v>45</v>
      </c>
      <c r="BF26" s="277">
        <v>0</v>
      </c>
      <c r="BG26" s="281">
        <v>0</v>
      </c>
      <c r="BH26" s="278">
        <v>0</v>
      </c>
      <c r="BI26" s="280">
        <v>0</v>
      </c>
      <c r="BJ26" s="281">
        <v>11</v>
      </c>
      <c r="BK26" s="281">
        <v>9</v>
      </c>
      <c r="BL26" s="281">
        <v>5</v>
      </c>
      <c r="BM26" s="281">
        <v>1</v>
      </c>
      <c r="BN26" s="281">
        <v>0</v>
      </c>
      <c r="BO26" s="278">
        <v>26</v>
      </c>
      <c r="BP26" s="283">
        <v>26</v>
      </c>
      <c r="BQ26" s="277">
        <v>3</v>
      </c>
      <c r="BR26" s="281">
        <v>3</v>
      </c>
      <c r="BS26" s="278">
        <v>6</v>
      </c>
      <c r="BT26" s="280">
        <v>0</v>
      </c>
      <c r="BU26" s="281">
        <v>2</v>
      </c>
      <c r="BV26" s="281">
        <v>6</v>
      </c>
      <c r="BW26" s="281">
        <v>1</v>
      </c>
      <c r="BX26" s="281">
        <v>0</v>
      </c>
      <c r="BY26" s="281">
        <v>0</v>
      </c>
      <c r="BZ26" s="278">
        <v>9</v>
      </c>
      <c r="CA26" s="283">
        <v>15</v>
      </c>
      <c r="CB26" s="277">
        <v>0</v>
      </c>
      <c r="CC26" s="281">
        <v>0</v>
      </c>
      <c r="CD26" s="278">
        <v>0</v>
      </c>
      <c r="CE26" s="280">
        <v>0</v>
      </c>
      <c r="CF26" s="281">
        <v>1</v>
      </c>
      <c r="CG26" s="281">
        <v>0</v>
      </c>
      <c r="CH26" s="281">
        <v>2</v>
      </c>
      <c r="CI26" s="281">
        <v>1</v>
      </c>
      <c r="CJ26" s="281">
        <v>1</v>
      </c>
      <c r="CK26" s="278">
        <v>5</v>
      </c>
      <c r="CL26" s="283">
        <v>5</v>
      </c>
      <c r="CM26" s="277">
        <v>0</v>
      </c>
      <c r="CN26" s="281">
        <v>0</v>
      </c>
      <c r="CO26" s="278">
        <v>0</v>
      </c>
      <c r="CP26" s="280">
        <v>0</v>
      </c>
      <c r="CQ26" s="281">
        <v>0</v>
      </c>
      <c r="CR26" s="281">
        <v>0</v>
      </c>
      <c r="CS26" s="281">
        <v>0</v>
      </c>
      <c r="CT26" s="281">
        <v>0</v>
      </c>
      <c r="CU26" s="281">
        <v>0</v>
      </c>
      <c r="CV26" s="278">
        <v>0</v>
      </c>
      <c r="CW26" s="283">
        <v>0</v>
      </c>
      <c r="CX26" s="277">
        <v>0</v>
      </c>
      <c r="CY26" s="281">
        <v>0</v>
      </c>
      <c r="CZ26" s="278">
        <v>0</v>
      </c>
      <c r="DA26" s="280">
        <v>0</v>
      </c>
      <c r="DB26" s="281">
        <v>0</v>
      </c>
      <c r="DC26" s="281">
        <v>0</v>
      </c>
      <c r="DD26" s="281">
        <v>0</v>
      </c>
      <c r="DE26" s="281">
        <v>0</v>
      </c>
      <c r="DF26" s="281">
        <v>0</v>
      </c>
      <c r="DG26" s="278">
        <v>0</v>
      </c>
      <c r="DH26" s="283">
        <v>0</v>
      </c>
      <c r="DI26" s="277">
        <v>0</v>
      </c>
      <c r="DJ26" s="281">
        <v>0</v>
      </c>
      <c r="DK26" s="278">
        <v>0</v>
      </c>
      <c r="DL26" s="280">
        <v>0</v>
      </c>
      <c r="DM26" s="281">
        <v>0</v>
      </c>
      <c r="DN26" s="281">
        <v>0</v>
      </c>
      <c r="DO26" s="281">
        <v>0</v>
      </c>
      <c r="DP26" s="281">
        <v>0</v>
      </c>
      <c r="DQ26" s="281">
        <v>0</v>
      </c>
      <c r="DR26" s="278">
        <v>0</v>
      </c>
      <c r="DS26" s="283">
        <v>0</v>
      </c>
      <c r="DT26" s="277">
        <v>14</v>
      </c>
      <c r="DU26" s="281">
        <v>6</v>
      </c>
      <c r="DV26" s="278">
        <v>20</v>
      </c>
      <c r="DW26" s="280">
        <v>0</v>
      </c>
      <c r="DX26" s="281">
        <v>18</v>
      </c>
      <c r="DY26" s="281">
        <v>19</v>
      </c>
      <c r="DZ26" s="281">
        <v>13</v>
      </c>
      <c r="EA26" s="281">
        <v>6</v>
      </c>
      <c r="EB26" s="281">
        <v>4</v>
      </c>
      <c r="EC26" s="278">
        <v>60</v>
      </c>
      <c r="ED26" s="283">
        <v>80</v>
      </c>
      <c r="EE26" s="277">
        <v>3</v>
      </c>
      <c r="EF26" s="281">
        <v>1</v>
      </c>
      <c r="EG26" s="278">
        <v>4</v>
      </c>
      <c r="EH26" s="280">
        <v>0</v>
      </c>
      <c r="EI26" s="281">
        <v>7</v>
      </c>
      <c r="EJ26" s="281">
        <v>3</v>
      </c>
      <c r="EK26" s="281">
        <v>2</v>
      </c>
      <c r="EL26" s="281">
        <v>1</v>
      </c>
      <c r="EM26" s="281">
        <v>1</v>
      </c>
      <c r="EN26" s="278">
        <v>14</v>
      </c>
      <c r="EO26" s="283">
        <v>18</v>
      </c>
      <c r="EP26" s="277">
        <v>18</v>
      </c>
      <c r="EQ26" s="281">
        <v>8</v>
      </c>
      <c r="ER26" s="278">
        <v>26</v>
      </c>
      <c r="ES26" s="280">
        <v>0</v>
      </c>
      <c r="ET26" s="281">
        <v>32</v>
      </c>
      <c r="EU26" s="281">
        <v>26</v>
      </c>
      <c r="EV26" s="281">
        <v>16</v>
      </c>
      <c r="EW26" s="281">
        <v>6</v>
      </c>
      <c r="EX26" s="281">
        <v>5</v>
      </c>
      <c r="EY26" s="278">
        <v>85</v>
      </c>
      <c r="EZ26" s="283">
        <v>111</v>
      </c>
    </row>
    <row r="27" spans="2:156" ht="19.5" customHeight="1" x14ac:dyDescent="0.2">
      <c r="B27" s="262" t="s">
        <v>25</v>
      </c>
      <c r="C27" s="277">
        <v>0</v>
      </c>
      <c r="D27" s="281">
        <v>0</v>
      </c>
      <c r="E27" s="385">
        <v>0</v>
      </c>
      <c r="F27" s="280">
        <v>0</v>
      </c>
      <c r="G27" s="281">
        <v>4</v>
      </c>
      <c r="H27" s="281">
        <v>3</v>
      </c>
      <c r="I27" s="281">
        <v>3</v>
      </c>
      <c r="J27" s="281">
        <v>1</v>
      </c>
      <c r="K27" s="281">
        <v>0</v>
      </c>
      <c r="L27" s="282">
        <v>11</v>
      </c>
      <c r="M27" s="283">
        <v>11</v>
      </c>
      <c r="N27" s="277">
        <v>0</v>
      </c>
      <c r="O27" s="281">
        <v>0</v>
      </c>
      <c r="P27" s="278">
        <v>0</v>
      </c>
      <c r="Q27" s="280">
        <v>0</v>
      </c>
      <c r="R27" s="281">
        <v>0</v>
      </c>
      <c r="S27" s="281">
        <v>0</v>
      </c>
      <c r="T27" s="281">
        <v>1</v>
      </c>
      <c r="U27" s="281">
        <v>1</v>
      </c>
      <c r="V27" s="281">
        <v>1</v>
      </c>
      <c r="W27" s="278">
        <v>3</v>
      </c>
      <c r="X27" s="283">
        <v>3</v>
      </c>
      <c r="Y27" s="277">
        <v>1</v>
      </c>
      <c r="Z27" s="281">
        <v>2</v>
      </c>
      <c r="AA27" s="278">
        <v>3</v>
      </c>
      <c r="AB27" s="280">
        <v>0</v>
      </c>
      <c r="AC27" s="281">
        <v>4</v>
      </c>
      <c r="AD27" s="281">
        <v>4</v>
      </c>
      <c r="AE27" s="281">
        <v>4</v>
      </c>
      <c r="AF27" s="281">
        <v>2</v>
      </c>
      <c r="AG27" s="281">
        <v>1</v>
      </c>
      <c r="AH27" s="278">
        <v>15</v>
      </c>
      <c r="AI27" s="283">
        <v>18</v>
      </c>
      <c r="AJ27" s="277">
        <v>0</v>
      </c>
      <c r="AK27" s="281">
        <v>1</v>
      </c>
      <c r="AL27" s="278">
        <v>1</v>
      </c>
      <c r="AM27" s="280">
        <v>0</v>
      </c>
      <c r="AN27" s="281">
        <v>0</v>
      </c>
      <c r="AO27" s="281">
        <v>0</v>
      </c>
      <c r="AP27" s="281">
        <v>1</v>
      </c>
      <c r="AQ27" s="281">
        <v>0</v>
      </c>
      <c r="AR27" s="281">
        <v>1</v>
      </c>
      <c r="AS27" s="278">
        <v>2</v>
      </c>
      <c r="AT27" s="283">
        <v>3</v>
      </c>
      <c r="AU27" s="277">
        <v>1</v>
      </c>
      <c r="AV27" s="281">
        <v>1</v>
      </c>
      <c r="AW27" s="278">
        <v>2</v>
      </c>
      <c r="AX27" s="280">
        <v>0</v>
      </c>
      <c r="AY27" s="281">
        <v>8</v>
      </c>
      <c r="AZ27" s="281">
        <v>1</v>
      </c>
      <c r="BA27" s="281">
        <v>3</v>
      </c>
      <c r="BB27" s="281">
        <v>5</v>
      </c>
      <c r="BC27" s="281">
        <v>1</v>
      </c>
      <c r="BD27" s="282">
        <v>18</v>
      </c>
      <c r="BE27" s="283">
        <v>20</v>
      </c>
      <c r="BF27" s="277">
        <v>0</v>
      </c>
      <c r="BG27" s="281">
        <v>0</v>
      </c>
      <c r="BH27" s="278">
        <v>0</v>
      </c>
      <c r="BI27" s="280">
        <v>0</v>
      </c>
      <c r="BJ27" s="281">
        <v>10</v>
      </c>
      <c r="BK27" s="281">
        <v>2</v>
      </c>
      <c r="BL27" s="281">
        <v>3</v>
      </c>
      <c r="BM27" s="281">
        <v>3</v>
      </c>
      <c r="BN27" s="281">
        <v>0</v>
      </c>
      <c r="BO27" s="278">
        <v>18</v>
      </c>
      <c r="BP27" s="283">
        <v>18</v>
      </c>
      <c r="BQ27" s="277">
        <v>3</v>
      </c>
      <c r="BR27" s="281">
        <v>0</v>
      </c>
      <c r="BS27" s="278">
        <v>3</v>
      </c>
      <c r="BT27" s="280">
        <v>0</v>
      </c>
      <c r="BU27" s="281">
        <v>3</v>
      </c>
      <c r="BV27" s="281">
        <v>2</v>
      </c>
      <c r="BW27" s="281">
        <v>1</v>
      </c>
      <c r="BX27" s="281">
        <v>1</v>
      </c>
      <c r="BY27" s="281">
        <v>0</v>
      </c>
      <c r="BZ27" s="278">
        <v>7</v>
      </c>
      <c r="CA27" s="283">
        <v>10</v>
      </c>
      <c r="CB27" s="277">
        <v>0</v>
      </c>
      <c r="CC27" s="281">
        <v>0</v>
      </c>
      <c r="CD27" s="278">
        <v>0</v>
      </c>
      <c r="CE27" s="280">
        <v>0</v>
      </c>
      <c r="CF27" s="281">
        <v>1</v>
      </c>
      <c r="CG27" s="281">
        <v>1</v>
      </c>
      <c r="CH27" s="281">
        <v>2</v>
      </c>
      <c r="CI27" s="281">
        <v>0</v>
      </c>
      <c r="CJ27" s="281">
        <v>0</v>
      </c>
      <c r="CK27" s="278">
        <v>4</v>
      </c>
      <c r="CL27" s="283">
        <v>4</v>
      </c>
      <c r="CM27" s="277">
        <v>0</v>
      </c>
      <c r="CN27" s="281">
        <v>0</v>
      </c>
      <c r="CO27" s="278">
        <v>0</v>
      </c>
      <c r="CP27" s="280">
        <v>0</v>
      </c>
      <c r="CQ27" s="281">
        <v>1</v>
      </c>
      <c r="CR27" s="281">
        <v>0</v>
      </c>
      <c r="CS27" s="281">
        <v>1</v>
      </c>
      <c r="CT27" s="281">
        <v>0</v>
      </c>
      <c r="CU27" s="281">
        <v>0</v>
      </c>
      <c r="CV27" s="278">
        <v>2</v>
      </c>
      <c r="CW27" s="283">
        <v>2</v>
      </c>
      <c r="CX27" s="277">
        <v>0</v>
      </c>
      <c r="CY27" s="281">
        <v>0</v>
      </c>
      <c r="CZ27" s="278">
        <v>0</v>
      </c>
      <c r="DA27" s="280">
        <v>0</v>
      </c>
      <c r="DB27" s="281">
        <v>0</v>
      </c>
      <c r="DC27" s="281">
        <v>0</v>
      </c>
      <c r="DD27" s="281">
        <v>0</v>
      </c>
      <c r="DE27" s="281">
        <v>0</v>
      </c>
      <c r="DF27" s="281">
        <v>0</v>
      </c>
      <c r="DG27" s="278">
        <v>0</v>
      </c>
      <c r="DH27" s="283">
        <v>0</v>
      </c>
      <c r="DI27" s="277">
        <v>0</v>
      </c>
      <c r="DJ27" s="281">
        <v>0</v>
      </c>
      <c r="DK27" s="278">
        <v>0</v>
      </c>
      <c r="DL27" s="280">
        <v>0</v>
      </c>
      <c r="DM27" s="281">
        <v>0</v>
      </c>
      <c r="DN27" s="281">
        <v>0</v>
      </c>
      <c r="DO27" s="281">
        <v>0</v>
      </c>
      <c r="DP27" s="281">
        <v>0</v>
      </c>
      <c r="DQ27" s="281">
        <v>0</v>
      </c>
      <c r="DR27" s="278">
        <v>0</v>
      </c>
      <c r="DS27" s="283">
        <v>0</v>
      </c>
      <c r="DT27" s="277">
        <v>4</v>
      </c>
      <c r="DU27" s="281">
        <v>4</v>
      </c>
      <c r="DV27" s="278">
        <v>8</v>
      </c>
      <c r="DW27" s="280">
        <v>0</v>
      </c>
      <c r="DX27" s="281">
        <v>8</v>
      </c>
      <c r="DY27" s="281">
        <v>5</v>
      </c>
      <c r="DZ27" s="281">
        <v>8</v>
      </c>
      <c r="EA27" s="281">
        <v>5</v>
      </c>
      <c r="EB27" s="281">
        <v>1</v>
      </c>
      <c r="EC27" s="278">
        <v>27</v>
      </c>
      <c r="ED27" s="283">
        <v>35</v>
      </c>
      <c r="EE27" s="277">
        <v>0</v>
      </c>
      <c r="EF27" s="281">
        <v>1</v>
      </c>
      <c r="EG27" s="278">
        <v>1</v>
      </c>
      <c r="EH27" s="280">
        <v>0</v>
      </c>
      <c r="EI27" s="281">
        <v>5</v>
      </c>
      <c r="EJ27" s="281">
        <v>0</v>
      </c>
      <c r="EK27" s="281">
        <v>1</v>
      </c>
      <c r="EL27" s="281">
        <v>3</v>
      </c>
      <c r="EM27" s="281">
        <v>0</v>
      </c>
      <c r="EN27" s="278">
        <v>9</v>
      </c>
      <c r="EO27" s="283">
        <v>10</v>
      </c>
      <c r="EP27" s="277">
        <v>7</v>
      </c>
      <c r="EQ27" s="281">
        <v>7</v>
      </c>
      <c r="ER27" s="278">
        <v>14</v>
      </c>
      <c r="ES27" s="280">
        <v>0</v>
      </c>
      <c r="ET27" s="281">
        <v>25</v>
      </c>
      <c r="EU27" s="281">
        <v>7</v>
      </c>
      <c r="EV27" s="281">
        <v>7</v>
      </c>
      <c r="EW27" s="281">
        <v>5</v>
      </c>
      <c r="EX27" s="281">
        <v>1</v>
      </c>
      <c r="EY27" s="278">
        <v>45</v>
      </c>
      <c r="EZ27" s="283">
        <v>59</v>
      </c>
    </row>
    <row r="28" spans="2:156" ht="19.5" customHeight="1" x14ac:dyDescent="0.2">
      <c r="B28" s="262" t="s">
        <v>26</v>
      </c>
      <c r="C28" s="277">
        <v>0</v>
      </c>
      <c r="D28" s="281">
        <v>0</v>
      </c>
      <c r="E28" s="385">
        <v>0</v>
      </c>
      <c r="F28" s="280">
        <v>0</v>
      </c>
      <c r="G28" s="281">
        <v>4</v>
      </c>
      <c r="H28" s="281">
        <v>9</v>
      </c>
      <c r="I28" s="281">
        <v>6</v>
      </c>
      <c r="J28" s="281">
        <v>1</v>
      </c>
      <c r="K28" s="281">
        <v>2</v>
      </c>
      <c r="L28" s="282">
        <v>22</v>
      </c>
      <c r="M28" s="283">
        <v>22</v>
      </c>
      <c r="N28" s="277">
        <v>0</v>
      </c>
      <c r="O28" s="281">
        <v>0</v>
      </c>
      <c r="P28" s="278">
        <v>0</v>
      </c>
      <c r="Q28" s="280">
        <v>0</v>
      </c>
      <c r="R28" s="281">
        <v>0</v>
      </c>
      <c r="S28" s="281">
        <v>0</v>
      </c>
      <c r="T28" s="281">
        <v>1</v>
      </c>
      <c r="U28" s="281">
        <v>1</v>
      </c>
      <c r="V28" s="281">
        <v>1</v>
      </c>
      <c r="W28" s="278">
        <v>3</v>
      </c>
      <c r="X28" s="283">
        <v>3</v>
      </c>
      <c r="Y28" s="277">
        <v>0</v>
      </c>
      <c r="Z28" s="281">
        <v>0</v>
      </c>
      <c r="AA28" s="278">
        <v>0</v>
      </c>
      <c r="AB28" s="280">
        <v>0</v>
      </c>
      <c r="AC28" s="281">
        <v>2</v>
      </c>
      <c r="AD28" s="281">
        <v>6</v>
      </c>
      <c r="AE28" s="281">
        <v>6</v>
      </c>
      <c r="AF28" s="281">
        <v>2</v>
      </c>
      <c r="AG28" s="281">
        <v>2</v>
      </c>
      <c r="AH28" s="278">
        <v>18</v>
      </c>
      <c r="AI28" s="283">
        <v>18</v>
      </c>
      <c r="AJ28" s="277">
        <v>0</v>
      </c>
      <c r="AK28" s="281">
        <v>0</v>
      </c>
      <c r="AL28" s="278">
        <v>0</v>
      </c>
      <c r="AM28" s="280">
        <v>0</v>
      </c>
      <c r="AN28" s="281">
        <v>0</v>
      </c>
      <c r="AO28" s="281">
        <v>0</v>
      </c>
      <c r="AP28" s="281">
        <v>0</v>
      </c>
      <c r="AQ28" s="281">
        <v>0</v>
      </c>
      <c r="AR28" s="281">
        <v>0</v>
      </c>
      <c r="AS28" s="278">
        <v>0</v>
      </c>
      <c r="AT28" s="283">
        <v>0</v>
      </c>
      <c r="AU28" s="277">
        <v>2</v>
      </c>
      <c r="AV28" s="281">
        <v>0</v>
      </c>
      <c r="AW28" s="278">
        <v>2</v>
      </c>
      <c r="AX28" s="280">
        <v>0</v>
      </c>
      <c r="AY28" s="281">
        <v>2</v>
      </c>
      <c r="AZ28" s="281">
        <v>7</v>
      </c>
      <c r="BA28" s="281">
        <v>5</v>
      </c>
      <c r="BB28" s="281">
        <v>2</v>
      </c>
      <c r="BC28" s="281">
        <v>3</v>
      </c>
      <c r="BD28" s="282">
        <v>19</v>
      </c>
      <c r="BE28" s="283">
        <v>21</v>
      </c>
      <c r="BF28" s="277">
        <v>0</v>
      </c>
      <c r="BG28" s="281">
        <v>0</v>
      </c>
      <c r="BH28" s="278">
        <v>0</v>
      </c>
      <c r="BI28" s="280">
        <v>0</v>
      </c>
      <c r="BJ28" s="281">
        <v>4</v>
      </c>
      <c r="BK28" s="281">
        <v>10</v>
      </c>
      <c r="BL28" s="281">
        <v>5</v>
      </c>
      <c r="BM28" s="281">
        <v>1</v>
      </c>
      <c r="BN28" s="281">
        <v>1</v>
      </c>
      <c r="BO28" s="278">
        <v>21</v>
      </c>
      <c r="BP28" s="283">
        <v>21</v>
      </c>
      <c r="BQ28" s="277">
        <v>1</v>
      </c>
      <c r="BR28" s="281">
        <v>0</v>
      </c>
      <c r="BS28" s="278">
        <v>1</v>
      </c>
      <c r="BT28" s="280">
        <v>0</v>
      </c>
      <c r="BU28" s="281">
        <v>1</v>
      </c>
      <c r="BV28" s="281">
        <v>3</v>
      </c>
      <c r="BW28" s="281">
        <v>2</v>
      </c>
      <c r="BX28" s="281">
        <v>1</v>
      </c>
      <c r="BY28" s="281">
        <v>0</v>
      </c>
      <c r="BZ28" s="278">
        <v>7</v>
      </c>
      <c r="CA28" s="283">
        <v>8</v>
      </c>
      <c r="CB28" s="277">
        <v>0</v>
      </c>
      <c r="CC28" s="281">
        <v>0</v>
      </c>
      <c r="CD28" s="278">
        <v>0</v>
      </c>
      <c r="CE28" s="280">
        <v>0</v>
      </c>
      <c r="CF28" s="281">
        <v>0</v>
      </c>
      <c r="CG28" s="281">
        <v>4</v>
      </c>
      <c r="CH28" s="281">
        <v>1</v>
      </c>
      <c r="CI28" s="281">
        <v>2</v>
      </c>
      <c r="CJ28" s="281">
        <v>0</v>
      </c>
      <c r="CK28" s="278">
        <v>7</v>
      </c>
      <c r="CL28" s="283">
        <v>7</v>
      </c>
      <c r="CM28" s="277">
        <v>0</v>
      </c>
      <c r="CN28" s="281">
        <v>0</v>
      </c>
      <c r="CO28" s="278">
        <v>0</v>
      </c>
      <c r="CP28" s="280">
        <v>0</v>
      </c>
      <c r="CQ28" s="281">
        <v>0</v>
      </c>
      <c r="CR28" s="281">
        <v>0</v>
      </c>
      <c r="CS28" s="281">
        <v>0</v>
      </c>
      <c r="CT28" s="281">
        <v>0</v>
      </c>
      <c r="CU28" s="281">
        <v>0</v>
      </c>
      <c r="CV28" s="278">
        <v>0</v>
      </c>
      <c r="CW28" s="283">
        <v>0</v>
      </c>
      <c r="CX28" s="277">
        <v>0</v>
      </c>
      <c r="CY28" s="281">
        <v>0</v>
      </c>
      <c r="CZ28" s="278">
        <v>0</v>
      </c>
      <c r="DA28" s="280">
        <v>0</v>
      </c>
      <c r="DB28" s="281">
        <v>0</v>
      </c>
      <c r="DC28" s="281">
        <v>0</v>
      </c>
      <c r="DD28" s="281">
        <v>0</v>
      </c>
      <c r="DE28" s="281">
        <v>0</v>
      </c>
      <c r="DF28" s="281">
        <v>0</v>
      </c>
      <c r="DG28" s="278">
        <v>0</v>
      </c>
      <c r="DH28" s="283">
        <v>0</v>
      </c>
      <c r="DI28" s="277">
        <v>0</v>
      </c>
      <c r="DJ28" s="281">
        <v>0</v>
      </c>
      <c r="DK28" s="278">
        <v>0</v>
      </c>
      <c r="DL28" s="280">
        <v>0</v>
      </c>
      <c r="DM28" s="281">
        <v>0</v>
      </c>
      <c r="DN28" s="281">
        <v>0</v>
      </c>
      <c r="DO28" s="281">
        <v>0</v>
      </c>
      <c r="DP28" s="281">
        <v>0</v>
      </c>
      <c r="DQ28" s="281">
        <v>0</v>
      </c>
      <c r="DR28" s="278">
        <v>0</v>
      </c>
      <c r="DS28" s="283">
        <v>0</v>
      </c>
      <c r="DT28" s="277">
        <v>4</v>
      </c>
      <c r="DU28" s="281">
        <v>4</v>
      </c>
      <c r="DV28" s="278">
        <v>8</v>
      </c>
      <c r="DW28" s="280">
        <v>0</v>
      </c>
      <c r="DX28" s="281">
        <v>15</v>
      </c>
      <c r="DY28" s="281">
        <v>16</v>
      </c>
      <c r="DZ28" s="281">
        <v>15</v>
      </c>
      <c r="EA28" s="281">
        <v>6</v>
      </c>
      <c r="EB28" s="281">
        <v>3</v>
      </c>
      <c r="EC28" s="278">
        <v>55</v>
      </c>
      <c r="ED28" s="283">
        <v>63</v>
      </c>
      <c r="EE28" s="277">
        <v>0</v>
      </c>
      <c r="EF28" s="281">
        <v>0</v>
      </c>
      <c r="EG28" s="278">
        <v>0</v>
      </c>
      <c r="EH28" s="280">
        <v>0</v>
      </c>
      <c r="EI28" s="281">
        <v>2</v>
      </c>
      <c r="EJ28" s="281">
        <v>2</v>
      </c>
      <c r="EK28" s="281">
        <v>0</v>
      </c>
      <c r="EL28" s="281">
        <v>1</v>
      </c>
      <c r="EM28" s="281">
        <v>0</v>
      </c>
      <c r="EN28" s="278">
        <v>5</v>
      </c>
      <c r="EO28" s="283">
        <v>5</v>
      </c>
      <c r="EP28" s="277">
        <v>5</v>
      </c>
      <c r="EQ28" s="281">
        <v>4</v>
      </c>
      <c r="ER28" s="278">
        <v>9</v>
      </c>
      <c r="ES28" s="280">
        <v>0</v>
      </c>
      <c r="ET28" s="281">
        <v>18</v>
      </c>
      <c r="EU28" s="281">
        <v>24</v>
      </c>
      <c r="EV28" s="281">
        <v>15</v>
      </c>
      <c r="EW28" s="281">
        <v>6</v>
      </c>
      <c r="EX28" s="281">
        <v>4</v>
      </c>
      <c r="EY28" s="278">
        <v>67</v>
      </c>
      <c r="EZ28" s="283">
        <v>76</v>
      </c>
    </row>
    <row r="29" spans="2:156" ht="19.5" customHeight="1" x14ac:dyDescent="0.2">
      <c r="B29" s="262" t="s">
        <v>27</v>
      </c>
      <c r="C29" s="277">
        <v>0</v>
      </c>
      <c r="D29" s="281">
        <v>0</v>
      </c>
      <c r="E29" s="385">
        <v>0</v>
      </c>
      <c r="F29" s="280">
        <v>0</v>
      </c>
      <c r="G29" s="281">
        <v>3</v>
      </c>
      <c r="H29" s="281">
        <v>1</v>
      </c>
      <c r="I29" s="281">
        <v>5</v>
      </c>
      <c r="J29" s="281">
        <v>4</v>
      </c>
      <c r="K29" s="281">
        <v>0</v>
      </c>
      <c r="L29" s="282">
        <v>13</v>
      </c>
      <c r="M29" s="283">
        <v>13</v>
      </c>
      <c r="N29" s="277">
        <v>0</v>
      </c>
      <c r="O29" s="281">
        <v>0</v>
      </c>
      <c r="P29" s="278">
        <v>0</v>
      </c>
      <c r="Q29" s="280">
        <v>0</v>
      </c>
      <c r="R29" s="281">
        <v>0</v>
      </c>
      <c r="S29" s="281">
        <v>0</v>
      </c>
      <c r="T29" s="281">
        <v>0</v>
      </c>
      <c r="U29" s="281">
        <v>1</v>
      </c>
      <c r="V29" s="281">
        <v>2</v>
      </c>
      <c r="W29" s="278">
        <v>3</v>
      </c>
      <c r="X29" s="283">
        <v>3</v>
      </c>
      <c r="Y29" s="277">
        <v>1</v>
      </c>
      <c r="Z29" s="281">
        <v>3</v>
      </c>
      <c r="AA29" s="278">
        <v>4</v>
      </c>
      <c r="AB29" s="280">
        <v>0</v>
      </c>
      <c r="AC29" s="281">
        <v>5</v>
      </c>
      <c r="AD29" s="281">
        <v>5</v>
      </c>
      <c r="AE29" s="281">
        <v>4</v>
      </c>
      <c r="AF29" s="281">
        <v>3</v>
      </c>
      <c r="AG29" s="281">
        <v>3</v>
      </c>
      <c r="AH29" s="278">
        <v>20</v>
      </c>
      <c r="AI29" s="283">
        <v>24</v>
      </c>
      <c r="AJ29" s="277">
        <v>0</v>
      </c>
      <c r="AK29" s="281">
        <v>0</v>
      </c>
      <c r="AL29" s="278">
        <v>0</v>
      </c>
      <c r="AM29" s="280">
        <v>0</v>
      </c>
      <c r="AN29" s="281">
        <v>0</v>
      </c>
      <c r="AO29" s="281">
        <v>1</v>
      </c>
      <c r="AP29" s="281">
        <v>0</v>
      </c>
      <c r="AQ29" s="281">
        <v>0</v>
      </c>
      <c r="AR29" s="281">
        <v>0</v>
      </c>
      <c r="AS29" s="278">
        <v>1</v>
      </c>
      <c r="AT29" s="283">
        <v>1</v>
      </c>
      <c r="AU29" s="277">
        <v>0</v>
      </c>
      <c r="AV29" s="281">
        <v>1</v>
      </c>
      <c r="AW29" s="278">
        <v>1</v>
      </c>
      <c r="AX29" s="280">
        <v>0</v>
      </c>
      <c r="AY29" s="281">
        <v>2</v>
      </c>
      <c r="AZ29" s="281">
        <v>5</v>
      </c>
      <c r="BA29" s="281">
        <v>10</v>
      </c>
      <c r="BB29" s="281">
        <v>5</v>
      </c>
      <c r="BC29" s="281">
        <v>3</v>
      </c>
      <c r="BD29" s="282">
        <v>25</v>
      </c>
      <c r="BE29" s="283">
        <v>26</v>
      </c>
      <c r="BF29" s="277">
        <v>0</v>
      </c>
      <c r="BG29" s="281">
        <v>0</v>
      </c>
      <c r="BH29" s="278">
        <v>0</v>
      </c>
      <c r="BI29" s="280">
        <v>0</v>
      </c>
      <c r="BJ29" s="281">
        <v>8</v>
      </c>
      <c r="BK29" s="281">
        <v>5</v>
      </c>
      <c r="BL29" s="281">
        <v>6</v>
      </c>
      <c r="BM29" s="281">
        <v>3</v>
      </c>
      <c r="BN29" s="281">
        <v>2</v>
      </c>
      <c r="BO29" s="278">
        <v>24</v>
      </c>
      <c r="BP29" s="283">
        <v>24</v>
      </c>
      <c r="BQ29" s="277">
        <v>0</v>
      </c>
      <c r="BR29" s="281">
        <v>3</v>
      </c>
      <c r="BS29" s="278">
        <v>3</v>
      </c>
      <c r="BT29" s="280">
        <v>0</v>
      </c>
      <c r="BU29" s="281">
        <v>2</v>
      </c>
      <c r="BV29" s="281">
        <v>4</v>
      </c>
      <c r="BW29" s="281">
        <v>1</v>
      </c>
      <c r="BX29" s="281">
        <v>0</v>
      </c>
      <c r="BY29" s="281">
        <v>0</v>
      </c>
      <c r="BZ29" s="278">
        <v>7</v>
      </c>
      <c r="CA29" s="283">
        <v>10</v>
      </c>
      <c r="CB29" s="277">
        <v>0</v>
      </c>
      <c r="CC29" s="281">
        <v>0</v>
      </c>
      <c r="CD29" s="278">
        <v>0</v>
      </c>
      <c r="CE29" s="280">
        <v>0</v>
      </c>
      <c r="CF29" s="281">
        <v>0</v>
      </c>
      <c r="CG29" s="281">
        <v>0</v>
      </c>
      <c r="CH29" s="281">
        <v>2</v>
      </c>
      <c r="CI29" s="281">
        <v>0</v>
      </c>
      <c r="CJ29" s="281">
        <v>1</v>
      </c>
      <c r="CK29" s="278">
        <v>3</v>
      </c>
      <c r="CL29" s="283">
        <v>3</v>
      </c>
      <c r="CM29" s="277">
        <v>0</v>
      </c>
      <c r="CN29" s="281">
        <v>0</v>
      </c>
      <c r="CO29" s="278">
        <v>0</v>
      </c>
      <c r="CP29" s="280">
        <v>0</v>
      </c>
      <c r="CQ29" s="281">
        <v>1</v>
      </c>
      <c r="CR29" s="281">
        <v>0</v>
      </c>
      <c r="CS29" s="281">
        <v>0</v>
      </c>
      <c r="CT29" s="281">
        <v>0</v>
      </c>
      <c r="CU29" s="281">
        <v>0</v>
      </c>
      <c r="CV29" s="278">
        <v>1</v>
      </c>
      <c r="CW29" s="283">
        <v>1</v>
      </c>
      <c r="CX29" s="277">
        <v>0</v>
      </c>
      <c r="CY29" s="281">
        <v>0</v>
      </c>
      <c r="CZ29" s="278">
        <v>0</v>
      </c>
      <c r="DA29" s="280">
        <v>0</v>
      </c>
      <c r="DB29" s="281">
        <v>0</v>
      </c>
      <c r="DC29" s="281">
        <v>0</v>
      </c>
      <c r="DD29" s="281">
        <v>0</v>
      </c>
      <c r="DE29" s="281">
        <v>0</v>
      </c>
      <c r="DF29" s="281">
        <v>0</v>
      </c>
      <c r="DG29" s="278">
        <v>0</v>
      </c>
      <c r="DH29" s="283">
        <v>0</v>
      </c>
      <c r="DI29" s="277">
        <v>0</v>
      </c>
      <c r="DJ29" s="281">
        <v>0</v>
      </c>
      <c r="DK29" s="278">
        <v>0</v>
      </c>
      <c r="DL29" s="280">
        <v>0</v>
      </c>
      <c r="DM29" s="281">
        <v>0</v>
      </c>
      <c r="DN29" s="281">
        <v>0</v>
      </c>
      <c r="DO29" s="281">
        <v>0</v>
      </c>
      <c r="DP29" s="281">
        <v>0</v>
      </c>
      <c r="DQ29" s="281">
        <v>0</v>
      </c>
      <c r="DR29" s="278">
        <v>0</v>
      </c>
      <c r="DS29" s="283">
        <v>0</v>
      </c>
      <c r="DT29" s="277">
        <v>4</v>
      </c>
      <c r="DU29" s="281">
        <v>11</v>
      </c>
      <c r="DV29" s="278">
        <v>15</v>
      </c>
      <c r="DW29" s="280">
        <v>0</v>
      </c>
      <c r="DX29" s="281">
        <v>6</v>
      </c>
      <c r="DY29" s="281">
        <v>12</v>
      </c>
      <c r="DZ29" s="281">
        <v>12</v>
      </c>
      <c r="EA29" s="281">
        <v>4</v>
      </c>
      <c r="EB29" s="281">
        <v>4</v>
      </c>
      <c r="EC29" s="278">
        <v>38</v>
      </c>
      <c r="ED29" s="283">
        <v>53</v>
      </c>
      <c r="EE29" s="277">
        <v>0</v>
      </c>
      <c r="EF29" s="281">
        <v>1</v>
      </c>
      <c r="EG29" s="278">
        <v>1</v>
      </c>
      <c r="EH29" s="280">
        <v>0</v>
      </c>
      <c r="EI29" s="281">
        <v>1</v>
      </c>
      <c r="EJ29" s="281">
        <v>2</v>
      </c>
      <c r="EK29" s="281">
        <v>2</v>
      </c>
      <c r="EL29" s="281">
        <v>3</v>
      </c>
      <c r="EM29" s="281">
        <v>1</v>
      </c>
      <c r="EN29" s="278">
        <v>9</v>
      </c>
      <c r="EO29" s="283">
        <v>10</v>
      </c>
      <c r="EP29" s="277">
        <v>4</v>
      </c>
      <c r="EQ29" s="281">
        <v>16</v>
      </c>
      <c r="ER29" s="278">
        <v>20</v>
      </c>
      <c r="ES29" s="280">
        <v>0</v>
      </c>
      <c r="ET29" s="281">
        <v>17</v>
      </c>
      <c r="EU29" s="281">
        <v>15</v>
      </c>
      <c r="EV29" s="281">
        <v>12</v>
      </c>
      <c r="EW29" s="281">
        <v>5</v>
      </c>
      <c r="EX29" s="281">
        <v>4</v>
      </c>
      <c r="EY29" s="278">
        <v>53</v>
      </c>
      <c r="EZ29" s="283">
        <v>73</v>
      </c>
    </row>
    <row r="30" spans="2:156" ht="19.5" customHeight="1" x14ac:dyDescent="0.2">
      <c r="B30" s="262" t="s">
        <v>28</v>
      </c>
      <c r="C30" s="277">
        <v>0</v>
      </c>
      <c r="D30" s="281">
        <v>0</v>
      </c>
      <c r="E30" s="385">
        <v>0</v>
      </c>
      <c r="F30" s="280">
        <v>0</v>
      </c>
      <c r="G30" s="281">
        <v>0</v>
      </c>
      <c r="H30" s="281">
        <v>1</v>
      </c>
      <c r="I30" s="281">
        <v>0</v>
      </c>
      <c r="J30" s="281">
        <v>0</v>
      </c>
      <c r="K30" s="281">
        <v>0</v>
      </c>
      <c r="L30" s="282">
        <v>1</v>
      </c>
      <c r="M30" s="283">
        <v>1</v>
      </c>
      <c r="N30" s="277">
        <v>0</v>
      </c>
      <c r="O30" s="281">
        <v>0</v>
      </c>
      <c r="P30" s="278">
        <v>0</v>
      </c>
      <c r="Q30" s="280">
        <v>0</v>
      </c>
      <c r="R30" s="281">
        <v>0</v>
      </c>
      <c r="S30" s="281">
        <v>0</v>
      </c>
      <c r="T30" s="281">
        <v>0</v>
      </c>
      <c r="U30" s="281">
        <v>0</v>
      </c>
      <c r="V30" s="281">
        <v>0</v>
      </c>
      <c r="W30" s="278">
        <v>0</v>
      </c>
      <c r="X30" s="283">
        <v>0</v>
      </c>
      <c r="Y30" s="277">
        <v>0</v>
      </c>
      <c r="Z30" s="281">
        <v>0</v>
      </c>
      <c r="AA30" s="278">
        <v>0</v>
      </c>
      <c r="AB30" s="280">
        <v>0</v>
      </c>
      <c r="AC30" s="281">
        <v>0</v>
      </c>
      <c r="AD30" s="281">
        <v>2</v>
      </c>
      <c r="AE30" s="281">
        <v>0</v>
      </c>
      <c r="AF30" s="281">
        <v>0</v>
      </c>
      <c r="AG30" s="281">
        <v>0</v>
      </c>
      <c r="AH30" s="278">
        <v>2</v>
      </c>
      <c r="AI30" s="283">
        <v>2</v>
      </c>
      <c r="AJ30" s="277">
        <v>0</v>
      </c>
      <c r="AK30" s="281">
        <v>0</v>
      </c>
      <c r="AL30" s="278">
        <v>0</v>
      </c>
      <c r="AM30" s="280">
        <v>0</v>
      </c>
      <c r="AN30" s="281">
        <v>0</v>
      </c>
      <c r="AO30" s="281">
        <v>0</v>
      </c>
      <c r="AP30" s="281">
        <v>0</v>
      </c>
      <c r="AQ30" s="281">
        <v>0</v>
      </c>
      <c r="AR30" s="281">
        <v>0</v>
      </c>
      <c r="AS30" s="278">
        <v>0</v>
      </c>
      <c r="AT30" s="283">
        <v>0</v>
      </c>
      <c r="AU30" s="277">
        <v>0</v>
      </c>
      <c r="AV30" s="281">
        <v>0</v>
      </c>
      <c r="AW30" s="278">
        <v>0</v>
      </c>
      <c r="AX30" s="280">
        <v>0</v>
      </c>
      <c r="AY30" s="281">
        <v>1</v>
      </c>
      <c r="AZ30" s="281">
        <v>0</v>
      </c>
      <c r="BA30" s="281">
        <v>1</v>
      </c>
      <c r="BB30" s="281">
        <v>0</v>
      </c>
      <c r="BC30" s="281">
        <v>0</v>
      </c>
      <c r="BD30" s="282">
        <v>2</v>
      </c>
      <c r="BE30" s="283">
        <v>2</v>
      </c>
      <c r="BF30" s="277">
        <v>0</v>
      </c>
      <c r="BG30" s="281">
        <v>0</v>
      </c>
      <c r="BH30" s="278">
        <v>0</v>
      </c>
      <c r="BI30" s="280">
        <v>0</v>
      </c>
      <c r="BJ30" s="281">
        <v>2</v>
      </c>
      <c r="BK30" s="281">
        <v>0</v>
      </c>
      <c r="BL30" s="281">
        <v>0</v>
      </c>
      <c r="BM30" s="281">
        <v>0</v>
      </c>
      <c r="BN30" s="281">
        <v>0</v>
      </c>
      <c r="BO30" s="278">
        <v>2</v>
      </c>
      <c r="BP30" s="283">
        <v>2</v>
      </c>
      <c r="BQ30" s="277">
        <v>0</v>
      </c>
      <c r="BR30" s="281">
        <v>0</v>
      </c>
      <c r="BS30" s="278">
        <v>0</v>
      </c>
      <c r="BT30" s="280">
        <v>0</v>
      </c>
      <c r="BU30" s="281">
        <v>0</v>
      </c>
      <c r="BV30" s="281">
        <v>1</v>
      </c>
      <c r="BW30" s="281">
        <v>0</v>
      </c>
      <c r="BX30" s="281">
        <v>0</v>
      </c>
      <c r="BY30" s="281">
        <v>0</v>
      </c>
      <c r="BZ30" s="278">
        <v>1</v>
      </c>
      <c r="CA30" s="283">
        <v>1</v>
      </c>
      <c r="CB30" s="277">
        <v>0</v>
      </c>
      <c r="CC30" s="281">
        <v>0</v>
      </c>
      <c r="CD30" s="278">
        <v>0</v>
      </c>
      <c r="CE30" s="280">
        <v>0</v>
      </c>
      <c r="CF30" s="281">
        <v>0</v>
      </c>
      <c r="CG30" s="281">
        <v>0</v>
      </c>
      <c r="CH30" s="281">
        <v>0</v>
      </c>
      <c r="CI30" s="281">
        <v>0</v>
      </c>
      <c r="CJ30" s="281">
        <v>1</v>
      </c>
      <c r="CK30" s="278">
        <v>1</v>
      </c>
      <c r="CL30" s="283">
        <v>1</v>
      </c>
      <c r="CM30" s="277">
        <v>0</v>
      </c>
      <c r="CN30" s="281">
        <v>0</v>
      </c>
      <c r="CO30" s="278">
        <v>0</v>
      </c>
      <c r="CP30" s="280">
        <v>0</v>
      </c>
      <c r="CQ30" s="281">
        <v>0</v>
      </c>
      <c r="CR30" s="281">
        <v>0</v>
      </c>
      <c r="CS30" s="281">
        <v>0</v>
      </c>
      <c r="CT30" s="281">
        <v>0</v>
      </c>
      <c r="CU30" s="281">
        <v>0</v>
      </c>
      <c r="CV30" s="278">
        <v>0</v>
      </c>
      <c r="CW30" s="283">
        <v>0</v>
      </c>
      <c r="CX30" s="277">
        <v>0</v>
      </c>
      <c r="CY30" s="281">
        <v>0</v>
      </c>
      <c r="CZ30" s="278">
        <v>0</v>
      </c>
      <c r="DA30" s="280">
        <v>0</v>
      </c>
      <c r="DB30" s="281">
        <v>0</v>
      </c>
      <c r="DC30" s="281">
        <v>0</v>
      </c>
      <c r="DD30" s="281">
        <v>0</v>
      </c>
      <c r="DE30" s="281">
        <v>0</v>
      </c>
      <c r="DF30" s="281">
        <v>0</v>
      </c>
      <c r="DG30" s="278">
        <v>0</v>
      </c>
      <c r="DH30" s="283">
        <v>0</v>
      </c>
      <c r="DI30" s="277">
        <v>0</v>
      </c>
      <c r="DJ30" s="281">
        <v>0</v>
      </c>
      <c r="DK30" s="278">
        <v>0</v>
      </c>
      <c r="DL30" s="280">
        <v>0</v>
      </c>
      <c r="DM30" s="281">
        <v>0</v>
      </c>
      <c r="DN30" s="281">
        <v>0</v>
      </c>
      <c r="DO30" s="281">
        <v>0</v>
      </c>
      <c r="DP30" s="281">
        <v>0</v>
      </c>
      <c r="DQ30" s="281">
        <v>0</v>
      </c>
      <c r="DR30" s="278">
        <v>0</v>
      </c>
      <c r="DS30" s="283">
        <v>0</v>
      </c>
      <c r="DT30" s="277">
        <v>0</v>
      </c>
      <c r="DU30" s="281">
        <v>1</v>
      </c>
      <c r="DV30" s="278">
        <v>1</v>
      </c>
      <c r="DW30" s="280">
        <v>0</v>
      </c>
      <c r="DX30" s="281">
        <v>3</v>
      </c>
      <c r="DY30" s="281">
        <v>5</v>
      </c>
      <c r="DZ30" s="281">
        <v>0</v>
      </c>
      <c r="EA30" s="281">
        <v>0</v>
      </c>
      <c r="EB30" s="281">
        <v>0</v>
      </c>
      <c r="EC30" s="278">
        <v>8</v>
      </c>
      <c r="ED30" s="283">
        <v>9</v>
      </c>
      <c r="EE30" s="277">
        <v>0</v>
      </c>
      <c r="EF30" s="281">
        <v>0</v>
      </c>
      <c r="EG30" s="278">
        <v>0</v>
      </c>
      <c r="EH30" s="280">
        <v>0</v>
      </c>
      <c r="EI30" s="281">
        <v>1</v>
      </c>
      <c r="EJ30" s="281">
        <v>0</v>
      </c>
      <c r="EK30" s="281">
        <v>1</v>
      </c>
      <c r="EL30" s="281">
        <v>0</v>
      </c>
      <c r="EM30" s="281">
        <v>0</v>
      </c>
      <c r="EN30" s="278">
        <v>2</v>
      </c>
      <c r="EO30" s="283">
        <v>2</v>
      </c>
      <c r="EP30" s="277">
        <v>0</v>
      </c>
      <c r="EQ30" s="281">
        <v>1</v>
      </c>
      <c r="ER30" s="278">
        <v>1</v>
      </c>
      <c r="ES30" s="280">
        <v>0</v>
      </c>
      <c r="ET30" s="281">
        <v>7</v>
      </c>
      <c r="EU30" s="281">
        <v>6</v>
      </c>
      <c r="EV30" s="281">
        <v>0</v>
      </c>
      <c r="EW30" s="281">
        <v>0</v>
      </c>
      <c r="EX30" s="281">
        <v>1</v>
      </c>
      <c r="EY30" s="278">
        <v>14</v>
      </c>
      <c r="EZ30" s="283">
        <v>15</v>
      </c>
    </row>
    <row r="31" spans="2:156" ht="19.5" customHeight="1" x14ac:dyDescent="0.2">
      <c r="B31" s="262" t="s">
        <v>29</v>
      </c>
      <c r="C31" s="277">
        <v>0</v>
      </c>
      <c r="D31" s="281">
        <v>0</v>
      </c>
      <c r="E31" s="385">
        <v>0</v>
      </c>
      <c r="F31" s="280">
        <v>0</v>
      </c>
      <c r="G31" s="281">
        <v>2</v>
      </c>
      <c r="H31" s="281">
        <v>0</v>
      </c>
      <c r="I31" s="281">
        <v>0</v>
      </c>
      <c r="J31" s="281">
        <v>1</v>
      </c>
      <c r="K31" s="281">
        <v>0</v>
      </c>
      <c r="L31" s="282">
        <v>3</v>
      </c>
      <c r="M31" s="283">
        <v>3</v>
      </c>
      <c r="N31" s="277">
        <v>0</v>
      </c>
      <c r="O31" s="281">
        <v>0</v>
      </c>
      <c r="P31" s="278">
        <v>0</v>
      </c>
      <c r="Q31" s="280">
        <v>0</v>
      </c>
      <c r="R31" s="281">
        <v>0</v>
      </c>
      <c r="S31" s="281">
        <v>0</v>
      </c>
      <c r="T31" s="281">
        <v>0</v>
      </c>
      <c r="U31" s="281">
        <v>0</v>
      </c>
      <c r="V31" s="281">
        <v>1</v>
      </c>
      <c r="W31" s="278">
        <v>1</v>
      </c>
      <c r="X31" s="283">
        <v>1</v>
      </c>
      <c r="Y31" s="277">
        <v>0</v>
      </c>
      <c r="Z31" s="281">
        <v>1</v>
      </c>
      <c r="AA31" s="278">
        <v>1</v>
      </c>
      <c r="AB31" s="280">
        <v>0</v>
      </c>
      <c r="AC31" s="281">
        <v>0</v>
      </c>
      <c r="AD31" s="281">
        <v>0</v>
      </c>
      <c r="AE31" s="281">
        <v>1</v>
      </c>
      <c r="AF31" s="281">
        <v>1</v>
      </c>
      <c r="AG31" s="281">
        <v>1</v>
      </c>
      <c r="AH31" s="278">
        <v>3</v>
      </c>
      <c r="AI31" s="283">
        <v>4</v>
      </c>
      <c r="AJ31" s="277">
        <v>0</v>
      </c>
      <c r="AK31" s="281">
        <v>0</v>
      </c>
      <c r="AL31" s="278">
        <v>0</v>
      </c>
      <c r="AM31" s="280">
        <v>0</v>
      </c>
      <c r="AN31" s="281">
        <v>1</v>
      </c>
      <c r="AO31" s="281">
        <v>0</v>
      </c>
      <c r="AP31" s="281">
        <v>0</v>
      </c>
      <c r="AQ31" s="281">
        <v>0</v>
      </c>
      <c r="AR31" s="281">
        <v>0</v>
      </c>
      <c r="AS31" s="278">
        <v>1</v>
      </c>
      <c r="AT31" s="283">
        <v>1</v>
      </c>
      <c r="AU31" s="277">
        <v>0</v>
      </c>
      <c r="AV31" s="281">
        <v>0</v>
      </c>
      <c r="AW31" s="278">
        <v>0</v>
      </c>
      <c r="AX31" s="280">
        <v>0</v>
      </c>
      <c r="AY31" s="281">
        <v>0</v>
      </c>
      <c r="AZ31" s="281">
        <v>2</v>
      </c>
      <c r="BA31" s="281">
        <v>1</v>
      </c>
      <c r="BB31" s="281">
        <v>0</v>
      </c>
      <c r="BC31" s="281">
        <v>1</v>
      </c>
      <c r="BD31" s="282">
        <v>4</v>
      </c>
      <c r="BE31" s="283">
        <v>4</v>
      </c>
      <c r="BF31" s="277">
        <v>0</v>
      </c>
      <c r="BG31" s="281">
        <v>0</v>
      </c>
      <c r="BH31" s="278">
        <v>0</v>
      </c>
      <c r="BI31" s="280">
        <v>0</v>
      </c>
      <c r="BJ31" s="281">
        <v>4</v>
      </c>
      <c r="BK31" s="281">
        <v>3</v>
      </c>
      <c r="BL31" s="281">
        <v>1</v>
      </c>
      <c r="BM31" s="281">
        <v>0</v>
      </c>
      <c r="BN31" s="281">
        <v>1</v>
      </c>
      <c r="BO31" s="278">
        <v>9</v>
      </c>
      <c r="BP31" s="283">
        <v>9</v>
      </c>
      <c r="BQ31" s="277">
        <v>0</v>
      </c>
      <c r="BR31" s="281">
        <v>0</v>
      </c>
      <c r="BS31" s="278">
        <v>0</v>
      </c>
      <c r="BT31" s="280">
        <v>0</v>
      </c>
      <c r="BU31" s="281">
        <v>1</v>
      </c>
      <c r="BV31" s="281">
        <v>0</v>
      </c>
      <c r="BW31" s="281">
        <v>1</v>
      </c>
      <c r="BX31" s="281">
        <v>1</v>
      </c>
      <c r="BY31" s="281">
        <v>0</v>
      </c>
      <c r="BZ31" s="278">
        <v>3</v>
      </c>
      <c r="CA31" s="283">
        <v>3</v>
      </c>
      <c r="CB31" s="277">
        <v>0</v>
      </c>
      <c r="CC31" s="281">
        <v>0</v>
      </c>
      <c r="CD31" s="278">
        <v>0</v>
      </c>
      <c r="CE31" s="280">
        <v>0</v>
      </c>
      <c r="CF31" s="281">
        <v>0</v>
      </c>
      <c r="CG31" s="281">
        <v>0</v>
      </c>
      <c r="CH31" s="281">
        <v>1</v>
      </c>
      <c r="CI31" s="281">
        <v>0</v>
      </c>
      <c r="CJ31" s="281">
        <v>1</v>
      </c>
      <c r="CK31" s="278">
        <v>2</v>
      </c>
      <c r="CL31" s="283">
        <v>2</v>
      </c>
      <c r="CM31" s="277">
        <v>0</v>
      </c>
      <c r="CN31" s="281">
        <v>0</v>
      </c>
      <c r="CO31" s="278">
        <v>0</v>
      </c>
      <c r="CP31" s="280">
        <v>0</v>
      </c>
      <c r="CQ31" s="281">
        <v>0</v>
      </c>
      <c r="CR31" s="281">
        <v>0</v>
      </c>
      <c r="CS31" s="281">
        <v>0</v>
      </c>
      <c r="CT31" s="281">
        <v>0</v>
      </c>
      <c r="CU31" s="281">
        <v>0</v>
      </c>
      <c r="CV31" s="278">
        <v>0</v>
      </c>
      <c r="CW31" s="283">
        <v>0</v>
      </c>
      <c r="CX31" s="277">
        <v>0</v>
      </c>
      <c r="CY31" s="281">
        <v>0</v>
      </c>
      <c r="CZ31" s="278">
        <v>0</v>
      </c>
      <c r="DA31" s="280">
        <v>0</v>
      </c>
      <c r="DB31" s="281">
        <v>0</v>
      </c>
      <c r="DC31" s="281">
        <v>0</v>
      </c>
      <c r="DD31" s="281">
        <v>0</v>
      </c>
      <c r="DE31" s="281">
        <v>0</v>
      </c>
      <c r="DF31" s="281">
        <v>0</v>
      </c>
      <c r="DG31" s="278">
        <v>0</v>
      </c>
      <c r="DH31" s="283">
        <v>0</v>
      </c>
      <c r="DI31" s="277">
        <v>0</v>
      </c>
      <c r="DJ31" s="281">
        <v>0</v>
      </c>
      <c r="DK31" s="278">
        <v>0</v>
      </c>
      <c r="DL31" s="280">
        <v>0</v>
      </c>
      <c r="DM31" s="281">
        <v>0</v>
      </c>
      <c r="DN31" s="281">
        <v>0</v>
      </c>
      <c r="DO31" s="281">
        <v>0</v>
      </c>
      <c r="DP31" s="281">
        <v>0</v>
      </c>
      <c r="DQ31" s="281">
        <v>0</v>
      </c>
      <c r="DR31" s="278">
        <v>0</v>
      </c>
      <c r="DS31" s="283">
        <v>0</v>
      </c>
      <c r="DT31" s="277">
        <v>2</v>
      </c>
      <c r="DU31" s="281">
        <v>0</v>
      </c>
      <c r="DV31" s="278">
        <v>2</v>
      </c>
      <c r="DW31" s="280">
        <v>0</v>
      </c>
      <c r="DX31" s="281">
        <v>2</v>
      </c>
      <c r="DY31" s="281">
        <v>2</v>
      </c>
      <c r="DZ31" s="281">
        <v>2</v>
      </c>
      <c r="EA31" s="281">
        <v>2</v>
      </c>
      <c r="EB31" s="281">
        <v>2</v>
      </c>
      <c r="EC31" s="278">
        <v>10</v>
      </c>
      <c r="ED31" s="283">
        <v>12</v>
      </c>
      <c r="EE31" s="277">
        <v>0</v>
      </c>
      <c r="EF31" s="281">
        <v>0</v>
      </c>
      <c r="EG31" s="278">
        <v>0</v>
      </c>
      <c r="EH31" s="280">
        <v>0</v>
      </c>
      <c r="EI31" s="281">
        <v>0</v>
      </c>
      <c r="EJ31" s="281">
        <v>2</v>
      </c>
      <c r="EK31" s="281">
        <v>0</v>
      </c>
      <c r="EL31" s="281">
        <v>0</v>
      </c>
      <c r="EM31" s="281">
        <v>0</v>
      </c>
      <c r="EN31" s="278">
        <v>2</v>
      </c>
      <c r="EO31" s="283">
        <v>2</v>
      </c>
      <c r="EP31" s="277">
        <v>2</v>
      </c>
      <c r="EQ31" s="281">
        <v>1</v>
      </c>
      <c r="ER31" s="278">
        <v>3</v>
      </c>
      <c r="ES31" s="280">
        <v>0</v>
      </c>
      <c r="ET31" s="281">
        <v>8</v>
      </c>
      <c r="EU31" s="281">
        <v>4</v>
      </c>
      <c r="EV31" s="281">
        <v>2</v>
      </c>
      <c r="EW31" s="281">
        <v>2</v>
      </c>
      <c r="EX31" s="281">
        <v>2</v>
      </c>
      <c r="EY31" s="278">
        <v>18</v>
      </c>
      <c r="EZ31" s="283">
        <v>21</v>
      </c>
    </row>
    <row r="32" spans="2:156" ht="19.5" customHeight="1" x14ac:dyDescent="0.2">
      <c r="B32" s="262" t="s">
        <v>30</v>
      </c>
      <c r="C32" s="277">
        <v>0</v>
      </c>
      <c r="D32" s="281">
        <v>0</v>
      </c>
      <c r="E32" s="385">
        <v>0</v>
      </c>
      <c r="F32" s="280">
        <v>0</v>
      </c>
      <c r="G32" s="281">
        <v>1</v>
      </c>
      <c r="H32" s="281">
        <v>2</v>
      </c>
      <c r="I32" s="281">
        <v>1</v>
      </c>
      <c r="J32" s="281">
        <v>2</v>
      </c>
      <c r="K32" s="281">
        <v>1</v>
      </c>
      <c r="L32" s="282">
        <v>7</v>
      </c>
      <c r="M32" s="283">
        <v>7</v>
      </c>
      <c r="N32" s="277">
        <v>0</v>
      </c>
      <c r="O32" s="281">
        <v>0</v>
      </c>
      <c r="P32" s="278">
        <v>0</v>
      </c>
      <c r="Q32" s="280">
        <v>0</v>
      </c>
      <c r="R32" s="281">
        <v>0</v>
      </c>
      <c r="S32" s="281">
        <v>0</v>
      </c>
      <c r="T32" s="281">
        <v>0</v>
      </c>
      <c r="U32" s="281">
        <v>1</v>
      </c>
      <c r="V32" s="281">
        <v>1</v>
      </c>
      <c r="W32" s="278">
        <v>2</v>
      </c>
      <c r="X32" s="283">
        <v>2</v>
      </c>
      <c r="Y32" s="277">
        <v>0</v>
      </c>
      <c r="Z32" s="281">
        <v>0</v>
      </c>
      <c r="AA32" s="278">
        <v>0</v>
      </c>
      <c r="AB32" s="280">
        <v>0</v>
      </c>
      <c r="AC32" s="281">
        <v>1</v>
      </c>
      <c r="AD32" s="281">
        <v>0</v>
      </c>
      <c r="AE32" s="281">
        <v>0</v>
      </c>
      <c r="AF32" s="281">
        <v>2</v>
      </c>
      <c r="AG32" s="281">
        <v>1</v>
      </c>
      <c r="AH32" s="278">
        <v>4</v>
      </c>
      <c r="AI32" s="283">
        <v>4</v>
      </c>
      <c r="AJ32" s="277">
        <v>0</v>
      </c>
      <c r="AK32" s="281">
        <v>0</v>
      </c>
      <c r="AL32" s="278">
        <v>0</v>
      </c>
      <c r="AM32" s="280">
        <v>0</v>
      </c>
      <c r="AN32" s="281">
        <v>0</v>
      </c>
      <c r="AO32" s="281">
        <v>0</v>
      </c>
      <c r="AP32" s="281">
        <v>0</v>
      </c>
      <c r="AQ32" s="281">
        <v>0</v>
      </c>
      <c r="AR32" s="281">
        <v>0</v>
      </c>
      <c r="AS32" s="278">
        <v>0</v>
      </c>
      <c r="AT32" s="283">
        <v>0</v>
      </c>
      <c r="AU32" s="277">
        <v>0</v>
      </c>
      <c r="AV32" s="281">
        <v>0</v>
      </c>
      <c r="AW32" s="278">
        <v>0</v>
      </c>
      <c r="AX32" s="280">
        <v>0</v>
      </c>
      <c r="AY32" s="281">
        <v>1</v>
      </c>
      <c r="AZ32" s="281">
        <v>1</v>
      </c>
      <c r="BA32" s="281">
        <v>0</v>
      </c>
      <c r="BB32" s="281">
        <v>2</v>
      </c>
      <c r="BC32" s="281">
        <v>0</v>
      </c>
      <c r="BD32" s="282">
        <v>4</v>
      </c>
      <c r="BE32" s="283">
        <v>4</v>
      </c>
      <c r="BF32" s="277">
        <v>0</v>
      </c>
      <c r="BG32" s="281">
        <v>0</v>
      </c>
      <c r="BH32" s="278">
        <v>0</v>
      </c>
      <c r="BI32" s="280">
        <v>0</v>
      </c>
      <c r="BJ32" s="281">
        <v>2</v>
      </c>
      <c r="BK32" s="281">
        <v>0</v>
      </c>
      <c r="BL32" s="281">
        <v>0</v>
      </c>
      <c r="BM32" s="281">
        <v>2</v>
      </c>
      <c r="BN32" s="281">
        <v>0</v>
      </c>
      <c r="BO32" s="278">
        <v>4</v>
      </c>
      <c r="BP32" s="283">
        <v>4</v>
      </c>
      <c r="BQ32" s="277">
        <v>0</v>
      </c>
      <c r="BR32" s="281">
        <v>0</v>
      </c>
      <c r="BS32" s="278">
        <v>0</v>
      </c>
      <c r="BT32" s="280">
        <v>0</v>
      </c>
      <c r="BU32" s="281">
        <v>1</v>
      </c>
      <c r="BV32" s="281">
        <v>0</v>
      </c>
      <c r="BW32" s="281">
        <v>0</v>
      </c>
      <c r="BX32" s="281">
        <v>0</v>
      </c>
      <c r="BY32" s="281">
        <v>0</v>
      </c>
      <c r="BZ32" s="278">
        <v>1</v>
      </c>
      <c r="CA32" s="283">
        <v>1</v>
      </c>
      <c r="CB32" s="277">
        <v>0</v>
      </c>
      <c r="CC32" s="281">
        <v>0</v>
      </c>
      <c r="CD32" s="278">
        <v>0</v>
      </c>
      <c r="CE32" s="280">
        <v>0</v>
      </c>
      <c r="CF32" s="281">
        <v>1</v>
      </c>
      <c r="CG32" s="281">
        <v>0</v>
      </c>
      <c r="CH32" s="281">
        <v>0</v>
      </c>
      <c r="CI32" s="281">
        <v>1</v>
      </c>
      <c r="CJ32" s="281">
        <v>0</v>
      </c>
      <c r="CK32" s="278">
        <v>2</v>
      </c>
      <c r="CL32" s="283">
        <v>2</v>
      </c>
      <c r="CM32" s="277">
        <v>0</v>
      </c>
      <c r="CN32" s="281">
        <v>0</v>
      </c>
      <c r="CO32" s="278">
        <v>0</v>
      </c>
      <c r="CP32" s="280">
        <v>0</v>
      </c>
      <c r="CQ32" s="281">
        <v>0</v>
      </c>
      <c r="CR32" s="281">
        <v>0</v>
      </c>
      <c r="CS32" s="281">
        <v>0</v>
      </c>
      <c r="CT32" s="281">
        <v>0</v>
      </c>
      <c r="CU32" s="281">
        <v>0</v>
      </c>
      <c r="CV32" s="278">
        <v>0</v>
      </c>
      <c r="CW32" s="283">
        <v>0</v>
      </c>
      <c r="CX32" s="277">
        <v>0</v>
      </c>
      <c r="CY32" s="281">
        <v>0</v>
      </c>
      <c r="CZ32" s="278">
        <v>0</v>
      </c>
      <c r="DA32" s="280">
        <v>0</v>
      </c>
      <c r="DB32" s="281">
        <v>0</v>
      </c>
      <c r="DC32" s="281">
        <v>0</v>
      </c>
      <c r="DD32" s="281">
        <v>0</v>
      </c>
      <c r="DE32" s="281">
        <v>0</v>
      </c>
      <c r="DF32" s="281">
        <v>0</v>
      </c>
      <c r="DG32" s="278">
        <v>0</v>
      </c>
      <c r="DH32" s="283">
        <v>0</v>
      </c>
      <c r="DI32" s="277">
        <v>0</v>
      </c>
      <c r="DJ32" s="281">
        <v>0</v>
      </c>
      <c r="DK32" s="278">
        <v>0</v>
      </c>
      <c r="DL32" s="280">
        <v>0</v>
      </c>
      <c r="DM32" s="281">
        <v>0</v>
      </c>
      <c r="DN32" s="281">
        <v>0</v>
      </c>
      <c r="DO32" s="281">
        <v>0</v>
      </c>
      <c r="DP32" s="281">
        <v>0</v>
      </c>
      <c r="DQ32" s="281">
        <v>0</v>
      </c>
      <c r="DR32" s="278">
        <v>0</v>
      </c>
      <c r="DS32" s="283">
        <v>0</v>
      </c>
      <c r="DT32" s="277">
        <v>1</v>
      </c>
      <c r="DU32" s="281">
        <v>1</v>
      </c>
      <c r="DV32" s="278">
        <v>2</v>
      </c>
      <c r="DW32" s="280">
        <v>0</v>
      </c>
      <c r="DX32" s="281">
        <v>1</v>
      </c>
      <c r="DY32" s="281">
        <v>2</v>
      </c>
      <c r="DZ32" s="281">
        <v>3</v>
      </c>
      <c r="EA32" s="281">
        <v>4</v>
      </c>
      <c r="EB32" s="281">
        <v>1</v>
      </c>
      <c r="EC32" s="278">
        <v>11</v>
      </c>
      <c r="ED32" s="283">
        <v>13</v>
      </c>
      <c r="EE32" s="277">
        <v>0</v>
      </c>
      <c r="EF32" s="281">
        <v>0</v>
      </c>
      <c r="EG32" s="278">
        <v>0</v>
      </c>
      <c r="EH32" s="280">
        <v>0</v>
      </c>
      <c r="EI32" s="281">
        <v>1</v>
      </c>
      <c r="EJ32" s="281">
        <v>0</v>
      </c>
      <c r="EK32" s="281">
        <v>0</v>
      </c>
      <c r="EL32" s="281">
        <v>0</v>
      </c>
      <c r="EM32" s="281">
        <v>0</v>
      </c>
      <c r="EN32" s="278">
        <v>1</v>
      </c>
      <c r="EO32" s="283">
        <v>1</v>
      </c>
      <c r="EP32" s="277">
        <v>2</v>
      </c>
      <c r="EQ32" s="281">
        <v>1</v>
      </c>
      <c r="ER32" s="278">
        <v>3</v>
      </c>
      <c r="ES32" s="280">
        <v>0</v>
      </c>
      <c r="ET32" s="281">
        <v>6</v>
      </c>
      <c r="EU32" s="281">
        <v>3</v>
      </c>
      <c r="EV32" s="281">
        <v>3</v>
      </c>
      <c r="EW32" s="281">
        <v>4</v>
      </c>
      <c r="EX32" s="281">
        <v>1</v>
      </c>
      <c r="EY32" s="278">
        <v>17</v>
      </c>
      <c r="EZ32" s="283">
        <v>20</v>
      </c>
    </row>
    <row r="33" spans="2:156" ht="19.5" customHeight="1" x14ac:dyDescent="0.2">
      <c r="B33" s="262" t="s">
        <v>31</v>
      </c>
      <c r="C33" s="277">
        <v>0</v>
      </c>
      <c r="D33" s="281">
        <v>0</v>
      </c>
      <c r="E33" s="385">
        <v>0</v>
      </c>
      <c r="F33" s="280">
        <v>0</v>
      </c>
      <c r="G33" s="281">
        <v>3</v>
      </c>
      <c r="H33" s="281">
        <v>2</v>
      </c>
      <c r="I33" s="281">
        <v>0</v>
      </c>
      <c r="J33" s="281">
        <v>0</v>
      </c>
      <c r="K33" s="281">
        <v>0</v>
      </c>
      <c r="L33" s="282">
        <v>5</v>
      </c>
      <c r="M33" s="283">
        <v>5</v>
      </c>
      <c r="N33" s="277">
        <v>0</v>
      </c>
      <c r="O33" s="281">
        <v>0</v>
      </c>
      <c r="P33" s="278">
        <v>0</v>
      </c>
      <c r="Q33" s="280">
        <v>0</v>
      </c>
      <c r="R33" s="281">
        <v>0</v>
      </c>
      <c r="S33" s="281">
        <v>1</v>
      </c>
      <c r="T33" s="281">
        <v>1</v>
      </c>
      <c r="U33" s="281">
        <v>0</v>
      </c>
      <c r="V33" s="281">
        <v>0</v>
      </c>
      <c r="W33" s="278">
        <v>2</v>
      </c>
      <c r="X33" s="283">
        <v>2</v>
      </c>
      <c r="Y33" s="277">
        <v>0</v>
      </c>
      <c r="Z33" s="281">
        <v>0</v>
      </c>
      <c r="AA33" s="278">
        <v>0</v>
      </c>
      <c r="AB33" s="280">
        <v>0</v>
      </c>
      <c r="AC33" s="281">
        <v>2</v>
      </c>
      <c r="AD33" s="281">
        <v>0</v>
      </c>
      <c r="AE33" s="281">
        <v>1</v>
      </c>
      <c r="AF33" s="281">
        <v>1</v>
      </c>
      <c r="AG33" s="281">
        <v>0</v>
      </c>
      <c r="AH33" s="278">
        <v>4</v>
      </c>
      <c r="AI33" s="283">
        <v>4</v>
      </c>
      <c r="AJ33" s="277">
        <v>0</v>
      </c>
      <c r="AK33" s="281">
        <v>0</v>
      </c>
      <c r="AL33" s="278">
        <v>0</v>
      </c>
      <c r="AM33" s="280">
        <v>0</v>
      </c>
      <c r="AN33" s="281">
        <v>1</v>
      </c>
      <c r="AO33" s="281">
        <v>1</v>
      </c>
      <c r="AP33" s="281">
        <v>0</v>
      </c>
      <c r="AQ33" s="281">
        <v>1</v>
      </c>
      <c r="AR33" s="281">
        <v>0</v>
      </c>
      <c r="AS33" s="278">
        <v>3</v>
      </c>
      <c r="AT33" s="283">
        <v>3</v>
      </c>
      <c r="AU33" s="277">
        <v>0</v>
      </c>
      <c r="AV33" s="281">
        <v>0</v>
      </c>
      <c r="AW33" s="278">
        <v>0</v>
      </c>
      <c r="AX33" s="280">
        <v>0</v>
      </c>
      <c r="AY33" s="281">
        <v>0</v>
      </c>
      <c r="AZ33" s="281">
        <v>1</v>
      </c>
      <c r="BA33" s="281">
        <v>1</v>
      </c>
      <c r="BB33" s="281">
        <v>1</v>
      </c>
      <c r="BC33" s="281">
        <v>0</v>
      </c>
      <c r="BD33" s="282">
        <v>3</v>
      </c>
      <c r="BE33" s="283">
        <v>3</v>
      </c>
      <c r="BF33" s="277">
        <v>0</v>
      </c>
      <c r="BG33" s="281">
        <v>0</v>
      </c>
      <c r="BH33" s="278">
        <v>0</v>
      </c>
      <c r="BI33" s="280">
        <v>0</v>
      </c>
      <c r="BJ33" s="281">
        <v>3</v>
      </c>
      <c r="BK33" s="281">
        <v>4</v>
      </c>
      <c r="BL33" s="281">
        <v>0</v>
      </c>
      <c r="BM33" s="281">
        <v>0</v>
      </c>
      <c r="BN33" s="281">
        <v>0</v>
      </c>
      <c r="BO33" s="278">
        <v>7</v>
      </c>
      <c r="BP33" s="283">
        <v>7</v>
      </c>
      <c r="BQ33" s="277">
        <v>0</v>
      </c>
      <c r="BR33" s="281">
        <v>0</v>
      </c>
      <c r="BS33" s="278">
        <v>0</v>
      </c>
      <c r="BT33" s="280">
        <v>0</v>
      </c>
      <c r="BU33" s="281">
        <v>0</v>
      </c>
      <c r="BV33" s="281">
        <v>3</v>
      </c>
      <c r="BW33" s="281">
        <v>0</v>
      </c>
      <c r="BX33" s="281">
        <v>1</v>
      </c>
      <c r="BY33" s="281">
        <v>0</v>
      </c>
      <c r="BZ33" s="278">
        <v>4</v>
      </c>
      <c r="CA33" s="283">
        <v>4</v>
      </c>
      <c r="CB33" s="277">
        <v>0</v>
      </c>
      <c r="CC33" s="281">
        <v>0</v>
      </c>
      <c r="CD33" s="278">
        <v>0</v>
      </c>
      <c r="CE33" s="280">
        <v>0</v>
      </c>
      <c r="CF33" s="281">
        <v>1</v>
      </c>
      <c r="CG33" s="281">
        <v>3</v>
      </c>
      <c r="CH33" s="281">
        <v>0</v>
      </c>
      <c r="CI33" s="281">
        <v>0</v>
      </c>
      <c r="CJ33" s="281">
        <v>0</v>
      </c>
      <c r="CK33" s="278">
        <v>4</v>
      </c>
      <c r="CL33" s="283">
        <v>4</v>
      </c>
      <c r="CM33" s="277">
        <v>0</v>
      </c>
      <c r="CN33" s="281">
        <v>0</v>
      </c>
      <c r="CO33" s="278">
        <v>0</v>
      </c>
      <c r="CP33" s="280">
        <v>0</v>
      </c>
      <c r="CQ33" s="281">
        <v>0</v>
      </c>
      <c r="CR33" s="281">
        <v>0</v>
      </c>
      <c r="CS33" s="281">
        <v>0</v>
      </c>
      <c r="CT33" s="281">
        <v>0</v>
      </c>
      <c r="CU33" s="281">
        <v>0</v>
      </c>
      <c r="CV33" s="278">
        <v>0</v>
      </c>
      <c r="CW33" s="283">
        <v>0</v>
      </c>
      <c r="CX33" s="277">
        <v>0</v>
      </c>
      <c r="CY33" s="281">
        <v>0</v>
      </c>
      <c r="CZ33" s="278">
        <v>0</v>
      </c>
      <c r="DA33" s="280">
        <v>0</v>
      </c>
      <c r="DB33" s="281">
        <v>0</v>
      </c>
      <c r="DC33" s="281">
        <v>0</v>
      </c>
      <c r="DD33" s="281">
        <v>0</v>
      </c>
      <c r="DE33" s="281">
        <v>0</v>
      </c>
      <c r="DF33" s="281">
        <v>0</v>
      </c>
      <c r="DG33" s="278">
        <v>0</v>
      </c>
      <c r="DH33" s="283">
        <v>0</v>
      </c>
      <c r="DI33" s="277">
        <v>0</v>
      </c>
      <c r="DJ33" s="281">
        <v>0</v>
      </c>
      <c r="DK33" s="278">
        <v>0</v>
      </c>
      <c r="DL33" s="280">
        <v>0</v>
      </c>
      <c r="DM33" s="281">
        <v>0</v>
      </c>
      <c r="DN33" s="281">
        <v>0</v>
      </c>
      <c r="DO33" s="281">
        <v>0</v>
      </c>
      <c r="DP33" s="281">
        <v>0</v>
      </c>
      <c r="DQ33" s="281">
        <v>0</v>
      </c>
      <c r="DR33" s="278">
        <v>0</v>
      </c>
      <c r="DS33" s="283">
        <v>0</v>
      </c>
      <c r="DT33" s="277">
        <v>3</v>
      </c>
      <c r="DU33" s="281">
        <v>1</v>
      </c>
      <c r="DV33" s="278">
        <v>4</v>
      </c>
      <c r="DW33" s="280">
        <v>0</v>
      </c>
      <c r="DX33" s="281">
        <v>4</v>
      </c>
      <c r="DY33" s="281">
        <v>9</v>
      </c>
      <c r="DZ33" s="281">
        <v>2</v>
      </c>
      <c r="EA33" s="281">
        <v>1</v>
      </c>
      <c r="EB33" s="281">
        <v>0</v>
      </c>
      <c r="EC33" s="278">
        <v>16</v>
      </c>
      <c r="ED33" s="283">
        <v>20</v>
      </c>
      <c r="EE33" s="277">
        <v>0</v>
      </c>
      <c r="EF33" s="281">
        <v>0</v>
      </c>
      <c r="EG33" s="278">
        <v>0</v>
      </c>
      <c r="EH33" s="280">
        <v>0</v>
      </c>
      <c r="EI33" s="281">
        <v>0</v>
      </c>
      <c r="EJ33" s="281">
        <v>0</v>
      </c>
      <c r="EK33" s="281">
        <v>0</v>
      </c>
      <c r="EL33" s="281">
        <v>0</v>
      </c>
      <c r="EM33" s="281">
        <v>0</v>
      </c>
      <c r="EN33" s="278">
        <v>0</v>
      </c>
      <c r="EO33" s="283">
        <v>0</v>
      </c>
      <c r="EP33" s="277">
        <v>3</v>
      </c>
      <c r="EQ33" s="281">
        <v>1</v>
      </c>
      <c r="ER33" s="278">
        <v>4</v>
      </c>
      <c r="ES33" s="280">
        <v>0</v>
      </c>
      <c r="ET33" s="281">
        <v>9</v>
      </c>
      <c r="EU33" s="281">
        <v>11</v>
      </c>
      <c r="EV33" s="281">
        <v>2</v>
      </c>
      <c r="EW33" s="281">
        <v>1</v>
      </c>
      <c r="EX33" s="281">
        <v>0</v>
      </c>
      <c r="EY33" s="278">
        <v>23</v>
      </c>
      <c r="EZ33" s="283">
        <v>27</v>
      </c>
    </row>
    <row r="34" spans="2:156" ht="19.5" customHeight="1" x14ac:dyDescent="0.2">
      <c r="B34" s="262" t="s">
        <v>32</v>
      </c>
      <c r="C34" s="277">
        <v>0</v>
      </c>
      <c r="D34" s="281">
        <v>0</v>
      </c>
      <c r="E34" s="385">
        <v>0</v>
      </c>
      <c r="F34" s="280">
        <v>0</v>
      </c>
      <c r="G34" s="281">
        <v>1</v>
      </c>
      <c r="H34" s="281">
        <v>2</v>
      </c>
      <c r="I34" s="281">
        <v>1</v>
      </c>
      <c r="J34" s="281">
        <v>1</v>
      </c>
      <c r="K34" s="281">
        <v>0</v>
      </c>
      <c r="L34" s="282">
        <v>5</v>
      </c>
      <c r="M34" s="283">
        <v>5</v>
      </c>
      <c r="N34" s="277">
        <v>0</v>
      </c>
      <c r="O34" s="281">
        <v>0</v>
      </c>
      <c r="P34" s="278">
        <v>0</v>
      </c>
      <c r="Q34" s="280">
        <v>0</v>
      </c>
      <c r="R34" s="281">
        <v>0</v>
      </c>
      <c r="S34" s="281">
        <v>0</v>
      </c>
      <c r="T34" s="281">
        <v>0</v>
      </c>
      <c r="U34" s="281">
        <v>0</v>
      </c>
      <c r="V34" s="281">
        <v>0</v>
      </c>
      <c r="W34" s="278">
        <v>0</v>
      </c>
      <c r="X34" s="283">
        <v>0</v>
      </c>
      <c r="Y34" s="277">
        <v>0</v>
      </c>
      <c r="Z34" s="281">
        <v>1</v>
      </c>
      <c r="AA34" s="278">
        <v>1</v>
      </c>
      <c r="AB34" s="280">
        <v>0</v>
      </c>
      <c r="AC34" s="281">
        <v>2</v>
      </c>
      <c r="AD34" s="281">
        <v>0</v>
      </c>
      <c r="AE34" s="281">
        <v>1</v>
      </c>
      <c r="AF34" s="281">
        <v>1</v>
      </c>
      <c r="AG34" s="281">
        <v>0</v>
      </c>
      <c r="AH34" s="278">
        <v>4</v>
      </c>
      <c r="AI34" s="283">
        <v>5</v>
      </c>
      <c r="AJ34" s="277">
        <v>0</v>
      </c>
      <c r="AK34" s="281">
        <v>0</v>
      </c>
      <c r="AL34" s="278">
        <v>0</v>
      </c>
      <c r="AM34" s="280">
        <v>0</v>
      </c>
      <c r="AN34" s="281">
        <v>0</v>
      </c>
      <c r="AO34" s="281">
        <v>1</v>
      </c>
      <c r="AP34" s="281">
        <v>0</v>
      </c>
      <c r="AQ34" s="281">
        <v>0</v>
      </c>
      <c r="AR34" s="281">
        <v>0</v>
      </c>
      <c r="AS34" s="278">
        <v>1</v>
      </c>
      <c r="AT34" s="283">
        <v>1</v>
      </c>
      <c r="AU34" s="277">
        <v>0</v>
      </c>
      <c r="AV34" s="281">
        <v>1</v>
      </c>
      <c r="AW34" s="278">
        <v>1</v>
      </c>
      <c r="AX34" s="280">
        <v>0</v>
      </c>
      <c r="AY34" s="281">
        <v>0</v>
      </c>
      <c r="AZ34" s="281">
        <v>1</v>
      </c>
      <c r="BA34" s="281">
        <v>4</v>
      </c>
      <c r="BB34" s="281">
        <v>3</v>
      </c>
      <c r="BC34" s="281">
        <v>0</v>
      </c>
      <c r="BD34" s="282">
        <v>8</v>
      </c>
      <c r="BE34" s="283">
        <v>9</v>
      </c>
      <c r="BF34" s="277">
        <v>0</v>
      </c>
      <c r="BG34" s="281">
        <v>0</v>
      </c>
      <c r="BH34" s="278">
        <v>0</v>
      </c>
      <c r="BI34" s="280">
        <v>0</v>
      </c>
      <c r="BJ34" s="281">
        <v>3</v>
      </c>
      <c r="BK34" s="281">
        <v>1</v>
      </c>
      <c r="BL34" s="281">
        <v>1</v>
      </c>
      <c r="BM34" s="281">
        <v>0</v>
      </c>
      <c r="BN34" s="281">
        <v>1</v>
      </c>
      <c r="BO34" s="278">
        <v>6</v>
      </c>
      <c r="BP34" s="283">
        <v>6</v>
      </c>
      <c r="BQ34" s="277">
        <v>0</v>
      </c>
      <c r="BR34" s="281">
        <v>0</v>
      </c>
      <c r="BS34" s="278">
        <v>0</v>
      </c>
      <c r="BT34" s="280">
        <v>0</v>
      </c>
      <c r="BU34" s="281">
        <v>2</v>
      </c>
      <c r="BV34" s="281">
        <v>0</v>
      </c>
      <c r="BW34" s="281">
        <v>0</v>
      </c>
      <c r="BX34" s="281">
        <v>0</v>
      </c>
      <c r="BY34" s="281">
        <v>1</v>
      </c>
      <c r="BZ34" s="278">
        <v>3</v>
      </c>
      <c r="CA34" s="283">
        <v>3</v>
      </c>
      <c r="CB34" s="277">
        <v>0</v>
      </c>
      <c r="CC34" s="281">
        <v>0</v>
      </c>
      <c r="CD34" s="278">
        <v>0</v>
      </c>
      <c r="CE34" s="280">
        <v>0</v>
      </c>
      <c r="CF34" s="281">
        <v>1</v>
      </c>
      <c r="CG34" s="281">
        <v>0</v>
      </c>
      <c r="CH34" s="281">
        <v>1</v>
      </c>
      <c r="CI34" s="281">
        <v>0</v>
      </c>
      <c r="CJ34" s="281">
        <v>1</v>
      </c>
      <c r="CK34" s="278">
        <v>3</v>
      </c>
      <c r="CL34" s="283">
        <v>3</v>
      </c>
      <c r="CM34" s="277">
        <v>0</v>
      </c>
      <c r="CN34" s="281">
        <v>0</v>
      </c>
      <c r="CO34" s="278">
        <v>0</v>
      </c>
      <c r="CP34" s="280">
        <v>0</v>
      </c>
      <c r="CQ34" s="281">
        <v>1</v>
      </c>
      <c r="CR34" s="281">
        <v>0</v>
      </c>
      <c r="CS34" s="281">
        <v>0</v>
      </c>
      <c r="CT34" s="281">
        <v>0</v>
      </c>
      <c r="CU34" s="281">
        <v>0</v>
      </c>
      <c r="CV34" s="278">
        <v>1</v>
      </c>
      <c r="CW34" s="283">
        <v>1</v>
      </c>
      <c r="CX34" s="277">
        <v>0</v>
      </c>
      <c r="CY34" s="281">
        <v>0</v>
      </c>
      <c r="CZ34" s="278">
        <v>0</v>
      </c>
      <c r="DA34" s="280">
        <v>0</v>
      </c>
      <c r="DB34" s="281">
        <v>0</v>
      </c>
      <c r="DC34" s="281">
        <v>0</v>
      </c>
      <c r="DD34" s="281">
        <v>0</v>
      </c>
      <c r="DE34" s="281">
        <v>0</v>
      </c>
      <c r="DF34" s="281">
        <v>0</v>
      </c>
      <c r="DG34" s="278">
        <v>0</v>
      </c>
      <c r="DH34" s="283">
        <v>0</v>
      </c>
      <c r="DI34" s="277">
        <v>0</v>
      </c>
      <c r="DJ34" s="281">
        <v>0</v>
      </c>
      <c r="DK34" s="278">
        <v>0</v>
      </c>
      <c r="DL34" s="280">
        <v>0</v>
      </c>
      <c r="DM34" s="281">
        <v>0</v>
      </c>
      <c r="DN34" s="281">
        <v>0</v>
      </c>
      <c r="DO34" s="281">
        <v>0</v>
      </c>
      <c r="DP34" s="281">
        <v>0</v>
      </c>
      <c r="DQ34" s="281">
        <v>0</v>
      </c>
      <c r="DR34" s="278">
        <v>0</v>
      </c>
      <c r="DS34" s="283">
        <v>0</v>
      </c>
      <c r="DT34" s="277">
        <v>0</v>
      </c>
      <c r="DU34" s="281">
        <v>3</v>
      </c>
      <c r="DV34" s="278">
        <v>3</v>
      </c>
      <c r="DW34" s="280">
        <v>0</v>
      </c>
      <c r="DX34" s="281">
        <v>6</v>
      </c>
      <c r="DY34" s="281">
        <v>6</v>
      </c>
      <c r="DZ34" s="281">
        <v>2</v>
      </c>
      <c r="EA34" s="281">
        <v>2</v>
      </c>
      <c r="EB34" s="281">
        <v>1</v>
      </c>
      <c r="EC34" s="278">
        <v>17</v>
      </c>
      <c r="ED34" s="283">
        <v>20</v>
      </c>
      <c r="EE34" s="277">
        <v>0</v>
      </c>
      <c r="EF34" s="281">
        <v>1</v>
      </c>
      <c r="EG34" s="278">
        <v>1</v>
      </c>
      <c r="EH34" s="280">
        <v>0</v>
      </c>
      <c r="EI34" s="281">
        <v>0</v>
      </c>
      <c r="EJ34" s="281">
        <v>1</v>
      </c>
      <c r="EK34" s="281">
        <v>1</v>
      </c>
      <c r="EL34" s="281">
        <v>2</v>
      </c>
      <c r="EM34" s="281">
        <v>0</v>
      </c>
      <c r="EN34" s="278">
        <v>4</v>
      </c>
      <c r="EO34" s="283">
        <v>5</v>
      </c>
      <c r="EP34" s="277">
        <v>0</v>
      </c>
      <c r="EQ34" s="281">
        <v>3</v>
      </c>
      <c r="ER34" s="278">
        <v>3</v>
      </c>
      <c r="ES34" s="280">
        <v>0</v>
      </c>
      <c r="ET34" s="281">
        <v>10</v>
      </c>
      <c r="EU34" s="281">
        <v>7</v>
      </c>
      <c r="EV34" s="281">
        <v>2</v>
      </c>
      <c r="EW34" s="281">
        <v>2</v>
      </c>
      <c r="EX34" s="281">
        <v>1</v>
      </c>
      <c r="EY34" s="278">
        <v>22</v>
      </c>
      <c r="EZ34" s="283">
        <v>25</v>
      </c>
    </row>
    <row r="35" spans="2:156" ht="19.5" customHeight="1" x14ac:dyDescent="0.2">
      <c r="B35" s="262" t="s">
        <v>33</v>
      </c>
      <c r="C35" s="277">
        <v>0</v>
      </c>
      <c r="D35" s="281">
        <v>0</v>
      </c>
      <c r="E35" s="385">
        <v>0</v>
      </c>
      <c r="F35" s="280">
        <v>0</v>
      </c>
      <c r="G35" s="281">
        <v>2</v>
      </c>
      <c r="H35" s="281">
        <v>0</v>
      </c>
      <c r="I35" s="281">
        <v>0</v>
      </c>
      <c r="J35" s="281">
        <v>0</v>
      </c>
      <c r="K35" s="281">
        <v>0</v>
      </c>
      <c r="L35" s="282">
        <v>2</v>
      </c>
      <c r="M35" s="283">
        <v>2</v>
      </c>
      <c r="N35" s="277">
        <v>0</v>
      </c>
      <c r="O35" s="281">
        <v>0</v>
      </c>
      <c r="P35" s="278">
        <v>0</v>
      </c>
      <c r="Q35" s="280">
        <v>0</v>
      </c>
      <c r="R35" s="281">
        <v>0</v>
      </c>
      <c r="S35" s="281">
        <v>0</v>
      </c>
      <c r="T35" s="281">
        <v>0</v>
      </c>
      <c r="U35" s="281">
        <v>0</v>
      </c>
      <c r="V35" s="281">
        <v>0</v>
      </c>
      <c r="W35" s="278">
        <v>0</v>
      </c>
      <c r="X35" s="283">
        <v>0</v>
      </c>
      <c r="Y35" s="277">
        <v>0</v>
      </c>
      <c r="Z35" s="281">
        <v>0</v>
      </c>
      <c r="AA35" s="278">
        <v>0</v>
      </c>
      <c r="AB35" s="280">
        <v>0</v>
      </c>
      <c r="AC35" s="281">
        <v>2</v>
      </c>
      <c r="AD35" s="281">
        <v>0</v>
      </c>
      <c r="AE35" s="281">
        <v>0</v>
      </c>
      <c r="AF35" s="281">
        <v>0</v>
      </c>
      <c r="AG35" s="281">
        <v>0</v>
      </c>
      <c r="AH35" s="278">
        <v>2</v>
      </c>
      <c r="AI35" s="283">
        <v>2</v>
      </c>
      <c r="AJ35" s="277">
        <v>2</v>
      </c>
      <c r="AK35" s="281">
        <v>2</v>
      </c>
      <c r="AL35" s="278">
        <v>4</v>
      </c>
      <c r="AM35" s="280">
        <v>0</v>
      </c>
      <c r="AN35" s="281">
        <v>1</v>
      </c>
      <c r="AO35" s="281">
        <v>0</v>
      </c>
      <c r="AP35" s="281">
        <v>0</v>
      </c>
      <c r="AQ35" s="281">
        <v>0</v>
      </c>
      <c r="AR35" s="281">
        <v>0</v>
      </c>
      <c r="AS35" s="278">
        <v>1</v>
      </c>
      <c r="AT35" s="283">
        <v>5</v>
      </c>
      <c r="AU35" s="277">
        <v>0</v>
      </c>
      <c r="AV35" s="281">
        <v>0</v>
      </c>
      <c r="AW35" s="278">
        <v>0</v>
      </c>
      <c r="AX35" s="280">
        <v>0</v>
      </c>
      <c r="AY35" s="281">
        <v>1</v>
      </c>
      <c r="AZ35" s="281">
        <v>0</v>
      </c>
      <c r="BA35" s="281">
        <v>1</v>
      </c>
      <c r="BB35" s="281">
        <v>0</v>
      </c>
      <c r="BC35" s="281">
        <v>0</v>
      </c>
      <c r="BD35" s="282">
        <v>2</v>
      </c>
      <c r="BE35" s="283">
        <v>2</v>
      </c>
      <c r="BF35" s="277">
        <v>0</v>
      </c>
      <c r="BG35" s="281">
        <v>0</v>
      </c>
      <c r="BH35" s="278">
        <v>0</v>
      </c>
      <c r="BI35" s="280">
        <v>0</v>
      </c>
      <c r="BJ35" s="281">
        <v>1</v>
      </c>
      <c r="BK35" s="281">
        <v>0</v>
      </c>
      <c r="BL35" s="281">
        <v>0</v>
      </c>
      <c r="BM35" s="281">
        <v>0</v>
      </c>
      <c r="BN35" s="281">
        <v>0</v>
      </c>
      <c r="BO35" s="278">
        <v>1</v>
      </c>
      <c r="BP35" s="283">
        <v>1</v>
      </c>
      <c r="BQ35" s="277">
        <v>1</v>
      </c>
      <c r="BR35" s="281">
        <v>1</v>
      </c>
      <c r="BS35" s="278">
        <v>2</v>
      </c>
      <c r="BT35" s="280">
        <v>0</v>
      </c>
      <c r="BU35" s="281">
        <v>1</v>
      </c>
      <c r="BV35" s="281">
        <v>1</v>
      </c>
      <c r="BW35" s="281">
        <v>0</v>
      </c>
      <c r="BX35" s="281">
        <v>0</v>
      </c>
      <c r="BY35" s="281">
        <v>0</v>
      </c>
      <c r="BZ35" s="278">
        <v>2</v>
      </c>
      <c r="CA35" s="283">
        <v>4</v>
      </c>
      <c r="CB35" s="277">
        <v>0</v>
      </c>
      <c r="CC35" s="281">
        <v>0</v>
      </c>
      <c r="CD35" s="278">
        <v>0</v>
      </c>
      <c r="CE35" s="280">
        <v>0</v>
      </c>
      <c r="CF35" s="281">
        <v>0</v>
      </c>
      <c r="CG35" s="281">
        <v>0</v>
      </c>
      <c r="CH35" s="281">
        <v>0</v>
      </c>
      <c r="CI35" s="281">
        <v>0</v>
      </c>
      <c r="CJ35" s="281">
        <v>0</v>
      </c>
      <c r="CK35" s="278">
        <v>0</v>
      </c>
      <c r="CL35" s="283">
        <v>0</v>
      </c>
      <c r="CM35" s="277">
        <v>0</v>
      </c>
      <c r="CN35" s="281">
        <v>0</v>
      </c>
      <c r="CO35" s="278">
        <v>0</v>
      </c>
      <c r="CP35" s="280">
        <v>0</v>
      </c>
      <c r="CQ35" s="281">
        <v>0</v>
      </c>
      <c r="CR35" s="281">
        <v>0</v>
      </c>
      <c r="CS35" s="281">
        <v>1</v>
      </c>
      <c r="CT35" s="281">
        <v>0</v>
      </c>
      <c r="CU35" s="281">
        <v>0</v>
      </c>
      <c r="CV35" s="278">
        <v>1</v>
      </c>
      <c r="CW35" s="283">
        <v>1</v>
      </c>
      <c r="CX35" s="277">
        <v>0</v>
      </c>
      <c r="CY35" s="281">
        <v>0</v>
      </c>
      <c r="CZ35" s="278">
        <v>0</v>
      </c>
      <c r="DA35" s="280">
        <v>0</v>
      </c>
      <c r="DB35" s="281">
        <v>0</v>
      </c>
      <c r="DC35" s="281">
        <v>0</v>
      </c>
      <c r="DD35" s="281">
        <v>0</v>
      </c>
      <c r="DE35" s="281">
        <v>0</v>
      </c>
      <c r="DF35" s="281">
        <v>0</v>
      </c>
      <c r="DG35" s="278">
        <v>0</v>
      </c>
      <c r="DH35" s="283">
        <v>0</v>
      </c>
      <c r="DI35" s="277">
        <v>0</v>
      </c>
      <c r="DJ35" s="281">
        <v>0</v>
      </c>
      <c r="DK35" s="278">
        <v>0</v>
      </c>
      <c r="DL35" s="280">
        <v>0</v>
      </c>
      <c r="DM35" s="281">
        <v>0</v>
      </c>
      <c r="DN35" s="281">
        <v>0</v>
      </c>
      <c r="DO35" s="281">
        <v>0</v>
      </c>
      <c r="DP35" s="281">
        <v>0</v>
      </c>
      <c r="DQ35" s="281">
        <v>0</v>
      </c>
      <c r="DR35" s="278">
        <v>0</v>
      </c>
      <c r="DS35" s="283">
        <v>0</v>
      </c>
      <c r="DT35" s="277">
        <v>1</v>
      </c>
      <c r="DU35" s="281">
        <v>0</v>
      </c>
      <c r="DV35" s="278">
        <v>1</v>
      </c>
      <c r="DW35" s="280">
        <v>0</v>
      </c>
      <c r="DX35" s="281">
        <v>4</v>
      </c>
      <c r="DY35" s="281">
        <v>1</v>
      </c>
      <c r="DZ35" s="281">
        <v>2</v>
      </c>
      <c r="EA35" s="281">
        <v>0</v>
      </c>
      <c r="EB35" s="281">
        <v>0</v>
      </c>
      <c r="EC35" s="278">
        <v>7</v>
      </c>
      <c r="ED35" s="283">
        <v>8</v>
      </c>
      <c r="EE35" s="277">
        <v>0</v>
      </c>
      <c r="EF35" s="281">
        <v>0</v>
      </c>
      <c r="EG35" s="278">
        <v>0</v>
      </c>
      <c r="EH35" s="280">
        <v>0</v>
      </c>
      <c r="EI35" s="281">
        <v>0</v>
      </c>
      <c r="EJ35" s="281">
        <v>0</v>
      </c>
      <c r="EK35" s="281">
        <v>0</v>
      </c>
      <c r="EL35" s="281">
        <v>0</v>
      </c>
      <c r="EM35" s="281">
        <v>0</v>
      </c>
      <c r="EN35" s="278">
        <v>0</v>
      </c>
      <c r="EO35" s="283">
        <v>0</v>
      </c>
      <c r="EP35" s="277">
        <v>3</v>
      </c>
      <c r="EQ35" s="281">
        <v>2</v>
      </c>
      <c r="ER35" s="278">
        <v>5</v>
      </c>
      <c r="ES35" s="280">
        <v>0</v>
      </c>
      <c r="ET35" s="281">
        <v>6</v>
      </c>
      <c r="EU35" s="281">
        <v>2</v>
      </c>
      <c r="EV35" s="281">
        <v>1</v>
      </c>
      <c r="EW35" s="281">
        <v>0</v>
      </c>
      <c r="EX35" s="281">
        <v>0</v>
      </c>
      <c r="EY35" s="278">
        <v>9</v>
      </c>
      <c r="EZ35" s="283">
        <v>14</v>
      </c>
    </row>
    <row r="36" spans="2:156" ht="19.5" customHeight="1" x14ac:dyDescent="0.2">
      <c r="B36" s="262" t="s">
        <v>34</v>
      </c>
      <c r="C36" s="277">
        <v>0</v>
      </c>
      <c r="D36" s="281">
        <v>0</v>
      </c>
      <c r="E36" s="385">
        <v>0</v>
      </c>
      <c r="F36" s="280">
        <v>0</v>
      </c>
      <c r="G36" s="281">
        <v>1</v>
      </c>
      <c r="H36" s="281">
        <v>0</v>
      </c>
      <c r="I36" s="281">
        <v>0</v>
      </c>
      <c r="J36" s="281">
        <v>0</v>
      </c>
      <c r="K36" s="281">
        <v>0</v>
      </c>
      <c r="L36" s="282">
        <v>1</v>
      </c>
      <c r="M36" s="283">
        <v>1</v>
      </c>
      <c r="N36" s="277">
        <v>0</v>
      </c>
      <c r="O36" s="281">
        <v>0</v>
      </c>
      <c r="P36" s="278">
        <v>0</v>
      </c>
      <c r="Q36" s="280">
        <v>0</v>
      </c>
      <c r="R36" s="281">
        <v>0</v>
      </c>
      <c r="S36" s="281">
        <v>0</v>
      </c>
      <c r="T36" s="281">
        <v>0</v>
      </c>
      <c r="U36" s="281">
        <v>0</v>
      </c>
      <c r="V36" s="281">
        <v>0</v>
      </c>
      <c r="W36" s="278">
        <v>0</v>
      </c>
      <c r="X36" s="283">
        <v>0</v>
      </c>
      <c r="Y36" s="277">
        <v>0</v>
      </c>
      <c r="Z36" s="281">
        <v>1</v>
      </c>
      <c r="AA36" s="278">
        <v>1</v>
      </c>
      <c r="AB36" s="280">
        <v>0</v>
      </c>
      <c r="AC36" s="281">
        <v>0</v>
      </c>
      <c r="AD36" s="281">
        <v>1</v>
      </c>
      <c r="AE36" s="281">
        <v>0</v>
      </c>
      <c r="AF36" s="281">
        <v>0</v>
      </c>
      <c r="AG36" s="281">
        <v>0</v>
      </c>
      <c r="AH36" s="278">
        <v>1</v>
      </c>
      <c r="AI36" s="283">
        <v>2</v>
      </c>
      <c r="AJ36" s="277">
        <v>0</v>
      </c>
      <c r="AK36" s="281">
        <v>0</v>
      </c>
      <c r="AL36" s="278">
        <v>0</v>
      </c>
      <c r="AM36" s="280">
        <v>0</v>
      </c>
      <c r="AN36" s="281">
        <v>0</v>
      </c>
      <c r="AO36" s="281">
        <v>1</v>
      </c>
      <c r="AP36" s="281">
        <v>1</v>
      </c>
      <c r="AQ36" s="281">
        <v>0</v>
      </c>
      <c r="AR36" s="281">
        <v>0</v>
      </c>
      <c r="AS36" s="278">
        <v>2</v>
      </c>
      <c r="AT36" s="283">
        <v>2</v>
      </c>
      <c r="AU36" s="277">
        <v>0</v>
      </c>
      <c r="AV36" s="281">
        <v>0</v>
      </c>
      <c r="AW36" s="278">
        <v>0</v>
      </c>
      <c r="AX36" s="280">
        <v>0</v>
      </c>
      <c r="AY36" s="281">
        <v>2</v>
      </c>
      <c r="AZ36" s="281">
        <v>2</v>
      </c>
      <c r="BA36" s="281">
        <v>1</v>
      </c>
      <c r="BB36" s="281">
        <v>0</v>
      </c>
      <c r="BC36" s="281">
        <v>1</v>
      </c>
      <c r="BD36" s="282">
        <v>6</v>
      </c>
      <c r="BE36" s="283">
        <v>6</v>
      </c>
      <c r="BF36" s="277">
        <v>0</v>
      </c>
      <c r="BG36" s="281">
        <v>0</v>
      </c>
      <c r="BH36" s="278">
        <v>0</v>
      </c>
      <c r="BI36" s="280">
        <v>0</v>
      </c>
      <c r="BJ36" s="281">
        <v>0</v>
      </c>
      <c r="BK36" s="281">
        <v>0</v>
      </c>
      <c r="BL36" s="281">
        <v>0</v>
      </c>
      <c r="BM36" s="281">
        <v>0</v>
      </c>
      <c r="BN36" s="281">
        <v>0</v>
      </c>
      <c r="BO36" s="278">
        <v>0</v>
      </c>
      <c r="BP36" s="283">
        <v>0</v>
      </c>
      <c r="BQ36" s="277">
        <v>0</v>
      </c>
      <c r="BR36" s="281">
        <v>0</v>
      </c>
      <c r="BS36" s="278">
        <v>0</v>
      </c>
      <c r="BT36" s="280">
        <v>0</v>
      </c>
      <c r="BU36" s="281">
        <v>1</v>
      </c>
      <c r="BV36" s="281">
        <v>1</v>
      </c>
      <c r="BW36" s="281">
        <v>0</v>
      </c>
      <c r="BX36" s="281">
        <v>0</v>
      </c>
      <c r="BY36" s="281">
        <v>0</v>
      </c>
      <c r="BZ36" s="278">
        <v>2</v>
      </c>
      <c r="CA36" s="283">
        <v>2</v>
      </c>
      <c r="CB36" s="277">
        <v>0</v>
      </c>
      <c r="CC36" s="281">
        <v>0</v>
      </c>
      <c r="CD36" s="278">
        <v>0</v>
      </c>
      <c r="CE36" s="280">
        <v>0</v>
      </c>
      <c r="CF36" s="281">
        <v>0</v>
      </c>
      <c r="CG36" s="281">
        <v>0</v>
      </c>
      <c r="CH36" s="281">
        <v>0</v>
      </c>
      <c r="CI36" s="281">
        <v>0</v>
      </c>
      <c r="CJ36" s="281">
        <v>0</v>
      </c>
      <c r="CK36" s="278">
        <v>0</v>
      </c>
      <c r="CL36" s="283">
        <v>0</v>
      </c>
      <c r="CM36" s="277">
        <v>0</v>
      </c>
      <c r="CN36" s="281">
        <v>0</v>
      </c>
      <c r="CO36" s="278">
        <v>0</v>
      </c>
      <c r="CP36" s="280">
        <v>0</v>
      </c>
      <c r="CQ36" s="281">
        <v>0</v>
      </c>
      <c r="CR36" s="281">
        <v>0</v>
      </c>
      <c r="CS36" s="281">
        <v>0</v>
      </c>
      <c r="CT36" s="281">
        <v>0</v>
      </c>
      <c r="CU36" s="281">
        <v>0</v>
      </c>
      <c r="CV36" s="278">
        <v>0</v>
      </c>
      <c r="CW36" s="283">
        <v>0</v>
      </c>
      <c r="CX36" s="277">
        <v>0</v>
      </c>
      <c r="CY36" s="281">
        <v>0</v>
      </c>
      <c r="CZ36" s="278">
        <v>0</v>
      </c>
      <c r="DA36" s="280">
        <v>0</v>
      </c>
      <c r="DB36" s="281">
        <v>0</v>
      </c>
      <c r="DC36" s="281">
        <v>0</v>
      </c>
      <c r="DD36" s="281">
        <v>0</v>
      </c>
      <c r="DE36" s="281">
        <v>0</v>
      </c>
      <c r="DF36" s="281">
        <v>0</v>
      </c>
      <c r="DG36" s="278">
        <v>0</v>
      </c>
      <c r="DH36" s="283">
        <v>0</v>
      </c>
      <c r="DI36" s="277">
        <v>0</v>
      </c>
      <c r="DJ36" s="281">
        <v>0</v>
      </c>
      <c r="DK36" s="278">
        <v>0</v>
      </c>
      <c r="DL36" s="280">
        <v>0</v>
      </c>
      <c r="DM36" s="281">
        <v>0</v>
      </c>
      <c r="DN36" s="281">
        <v>0</v>
      </c>
      <c r="DO36" s="281">
        <v>0</v>
      </c>
      <c r="DP36" s="281">
        <v>0</v>
      </c>
      <c r="DQ36" s="281">
        <v>0</v>
      </c>
      <c r="DR36" s="278">
        <v>0</v>
      </c>
      <c r="DS36" s="283">
        <v>0</v>
      </c>
      <c r="DT36" s="277">
        <v>0</v>
      </c>
      <c r="DU36" s="281">
        <v>0</v>
      </c>
      <c r="DV36" s="278">
        <v>0</v>
      </c>
      <c r="DW36" s="280">
        <v>0</v>
      </c>
      <c r="DX36" s="281">
        <v>2</v>
      </c>
      <c r="DY36" s="281">
        <v>2</v>
      </c>
      <c r="DZ36" s="281">
        <v>3</v>
      </c>
      <c r="EA36" s="281">
        <v>0</v>
      </c>
      <c r="EB36" s="281">
        <v>0</v>
      </c>
      <c r="EC36" s="278">
        <v>7</v>
      </c>
      <c r="ED36" s="283">
        <v>7</v>
      </c>
      <c r="EE36" s="277">
        <v>0</v>
      </c>
      <c r="EF36" s="281">
        <v>0</v>
      </c>
      <c r="EG36" s="278">
        <v>0</v>
      </c>
      <c r="EH36" s="280">
        <v>0</v>
      </c>
      <c r="EI36" s="281">
        <v>0</v>
      </c>
      <c r="EJ36" s="281">
        <v>1</v>
      </c>
      <c r="EK36" s="281">
        <v>1</v>
      </c>
      <c r="EL36" s="281">
        <v>0</v>
      </c>
      <c r="EM36" s="281">
        <v>1</v>
      </c>
      <c r="EN36" s="278">
        <v>3</v>
      </c>
      <c r="EO36" s="283">
        <v>3</v>
      </c>
      <c r="EP36" s="277">
        <v>0</v>
      </c>
      <c r="EQ36" s="281">
        <v>1</v>
      </c>
      <c r="ER36" s="278">
        <v>1</v>
      </c>
      <c r="ES36" s="280">
        <v>0</v>
      </c>
      <c r="ET36" s="281">
        <v>3</v>
      </c>
      <c r="EU36" s="281">
        <v>3</v>
      </c>
      <c r="EV36" s="281">
        <v>2</v>
      </c>
      <c r="EW36" s="281">
        <v>0</v>
      </c>
      <c r="EX36" s="281">
        <v>0</v>
      </c>
      <c r="EY36" s="278">
        <v>8</v>
      </c>
      <c r="EZ36" s="283">
        <v>9</v>
      </c>
    </row>
    <row r="37" spans="2:156" ht="19.5" customHeight="1" x14ac:dyDescent="0.2">
      <c r="B37" s="262" t="s">
        <v>35</v>
      </c>
      <c r="C37" s="277">
        <v>0</v>
      </c>
      <c r="D37" s="281">
        <v>0</v>
      </c>
      <c r="E37" s="385">
        <v>0</v>
      </c>
      <c r="F37" s="280">
        <v>0</v>
      </c>
      <c r="G37" s="281">
        <v>6</v>
      </c>
      <c r="H37" s="281">
        <v>1</v>
      </c>
      <c r="I37" s="281">
        <v>1</v>
      </c>
      <c r="J37" s="281">
        <v>0</v>
      </c>
      <c r="K37" s="281">
        <v>1</v>
      </c>
      <c r="L37" s="282">
        <v>9</v>
      </c>
      <c r="M37" s="283">
        <v>9</v>
      </c>
      <c r="N37" s="277">
        <v>0</v>
      </c>
      <c r="O37" s="281">
        <v>0</v>
      </c>
      <c r="P37" s="278">
        <v>0</v>
      </c>
      <c r="Q37" s="280">
        <v>0</v>
      </c>
      <c r="R37" s="281">
        <v>0</v>
      </c>
      <c r="S37" s="281">
        <v>0</v>
      </c>
      <c r="T37" s="281">
        <v>0</v>
      </c>
      <c r="U37" s="281">
        <v>0</v>
      </c>
      <c r="V37" s="281">
        <v>1</v>
      </c>
      <c r="W37" s="278">
        <v>1</v>
      </c>
      <c r="X37" s="283">
        <v>1</v>
      </c>
      <c r="Y37" s="277">
        <v>0</v>
      </c>
      <c r="Z37" s="281">
        <v>0</v>
      </c>
      <c r="AA37" s="278">
        <v>0</v>
      </c>
      <c r="AB37" s="280">
        <v>0</v>
      </c>
      <c r="AC37" s="281">
        <v>2</v>
      </c>
      <c r="AD37" s="281">
        <v>1</v>
      </c>
      <c r="AE37" s="281">
        <v>0</v>
      </c>
      <c r="AF37" s="281">
        <v>0</v>
      </c>
      <c r="AG37" s="281">
        <v>0</v>
      </c>
      <c r="AH37" s="278">
        <v>3</v>
      </c>
      <c r="AI37" s="283">
        <v>3</v>
      </c>
      <c r="AJ37" s="277">
        <v>0</v>
      </c>
      <c r="AK37" s="281">
        <v>0</v>
      </c>
      <c r="AL37" s="278">
        <v>0</v>
      </c>
      <c r="AM37" s="280">
        <v>0</v>
      </c>
      <c r="AN37" s="281">
        <v>2</v>
      </c>
      <c r="AO37" s="281">
        <v>1</v>
      </c>
      <c r="AP37" s="281">
        <v>1</v>
      </c>
      <c r="AQ37" s="281">
        <v>0</v>
      </c>
      <c r="AR37" s="281">
        <v>0</v>
      </c>
      <c r="AS37" s="278">
        <v>4</v>
      </c>
      <c r="AT37" s="283">
        <v>4</v>
      </c>
      <c r="AU37" s="277">
        <v>3</v>
      </c>
      <c r="AV37" s="281">
        <v>1</v>
      </c>
      <c r="AW37" s="278">
        <v>4</v>
      </c>
      <c r="AX37" s="280">
        <v>0</v>
      </c>
      <c r="AY37" s="281">
        <v>6</v>
      </c>
      <c r="AZ37" s="281">
        <v>4</v>
      </c>
      <c r="BA37" s="281">
        <v>4</v>
      </c>
      <c r="BB37" s="281">
        <v>2</v>
      </c>
      <c r="BC37" s="281">
        <v>2</v>
      </c>
      <c r="BD37" s="282">
        <v>18</v>
      </c>
      <c r="BE37" s="283">
        <v>22</v>
      </c>
      <c r="BF37" s="277">
        <v>0</v>
      </c>
      <c r="BG37" s="281">
        <v>0</v>
      </c>
      <c r="BH37" s="278">
        <v>0</v>
      </c>
      <c r="BI37" s="280">
        <v>0</v>
      </c>
      <c r="BJ37" s="281">
        <v>6</v>
      </c>
      <c r="BK37" s="281">
        <v>4</v>
      </c>
      <c r="BL37" s="281">
        <v>2</v>
      </c>
      <c r="BM37" s="281">
        <v>0</v>
      </c>
      <c r="BN37" s="281">
        <v>0</v>
      </c>
      <c r="BO37" s="278">
        <v>12</v>
      </c>
      <c r="BP37" s="283">
        <v>12</v>
      </c>
      <c r="BQ37" s="277">
        <v>0</v>
      </c>
      <c r="BR37" s="281">
        <v>0</v>
      </c>
      <c r="BS37" s="278">
        <v>0</v>
      </c>
      <c r="BT37" s="280">
        <v>0</v>
      </c>
      <c r="BU37" s="281">
        <v>1</v>
      </c>
      <c r="BV37" s="281">
        <v>0</v>
      </c>
      <c r="BW37" s="281">
        <v>0</v>
      </c>
      <c r="BX37" s="281">
        <v>2</v>
      </c>
      <c r="BY37" s="281">
        <v>0</v>
      </c>
      <c r="BZ37" s="278">
        <v>3</v>
      </c>
      <c r="CA37" s="283">
        <v>3</v>
      </c>
      <c r="CB37" s="277">
        <v>0</v>
      </c>
      <c r="CC37" s="281">
        <v>0</v>
      </c>
      <c r="CD37" s="278">
        <v>0</v>
      </c>
      <c r="CE37" s="280">
        <v>0</v>
      </c>
      <c r="CF37" s="281">
        <v>0</v>
      </c>
      <c r="CG37" s="281">
        <v>0</v>
      </c>
      <c r="CH37" s="281">
        <v>1</v>
      </c>
      <c r="CI37" s="281">
        <v>0</v>
      </c>
      <c r="CJ37" s="281">
        <v>0</v>
      </c>
      <c r="CK37" s="278">
        <v>1</v>
      </c>
      <c r="CL37" s="283">
        <v>1</v>
      </c>
      <c r="CM37" s="277">
        <v>0</v>
      </c>
      <c r="CN37" s="281">
        <v>0</v>
      </c>
      <c r="CO37" s="278">
        <v>0</v>
      </c>
      <c r="CP37" s="280">
        <v>0</v>
      </c>
      <c r="CQ37" s="281">
        <v>0</v>
      </c>
      <c r="CR37" s="281">
        <v>0</v>
      </c>
      <c r="CS37" s="281">
        <v>0</v>
      </c>
      <c r="CT37" s="281">
        <v>0</v>
      </c>
      <c r="CU37" s="281">
        <v>0</v>
      </c>
      <c r="CV37" s="278">
        <v>0</v>
      </c>
      <c r="CW37" s="283">
        <v>0</v>
      </c>
      <c r="CX37" s="277">
        <v>0</v>
      </c>
      <c r="CY37" s="281">
        <v>0</v>
      </c>
      <c r="CZ37" s="278">
        <v>0</v>
      </c>
      <c r="DA37" s="280">
        <v>0</v>
      </c>
      <c r="DB37" s="281">
        <v>0</v>
      </c>
      <c r="DC37" s="281">
        <v>0</v>
      </c>
      <c r="DD37" s="281">
        <v>0</v>
      </c>
      <c r="DE37" s="281">
        <v>0</v>
      </c>
      <c r="DF37" s="281">
        <v>0</v>
      </c>
      <c r="DG37" s="278">
        <v>0</v>
      </c>
      <c r="DH37" s="283">
        <v>0</v>
      </c>
      <c r="DI37" s="277">
        <v>0</v>
      </c>
      <c r="DJ37" s="281">
        <v>0</v>
      </c>
      <c r="DK37" s="278">
        <v>0</v>
      </c>
      <c r="DL37" s="280">
        <v>0</v>
      </c>
      <c r="DM37" s="281">
        <v>0</v>
      </c>
      <c r="DN37" s="281">
        <v>0</v>
      </c>
      <c r="DO37" s="281">
        <v>0</v>
      </c>
      <c r="DP37" s="281">
        <v>0</v>
      </c>
      <c r="DQ37" s="281">
        <v>0</v>
      </c>
      <c r="DR37" s="278">
        <v>0</v>
      </c>
      <c r="DS37" s="283">
        <v>0</v>
      </c>
      <c r="DT37" s="277">
        <v>1</v>
      </c>
      <c r="DU37" s="281">
        <v>1</v>
      </c>
      <c r="DV37" s="278">
        <v>2</v>
      </c>
      <c r="DW37" s="280">
        <v>0</v>
      </c>
      <c r="DX37" s="281">
        <v>8</v>
      </c>
      <c r="DY37" s="281">
        <v>5</v>
      </c>
      <c r="DZ37" s="281">
        <v>2</v>
      </c>
      <c r="EA37" s="281">
        <v>2</v>
      </c>
      <c r="EB37" s="281">
        <v>1</v>
      </c>
      <c r="EC37" s="278">
        <v>18</v>
      </c>
      <c r="ED37" s="283">
        <v>20</v>
      </c>
      <c r="EE37" s="277">
        <v>3</v>
      </c>
      <c r="EF37" s="281">
        <v>0</v>
      </c>
      <c r="EG37" s="278">
        <v>3</v>
      </c>
      <c r="EH37" s="280">
        <v>0</v>
      </c>
      <c r="EI37" s="281">
        <v>4</v>
      </c>
      <c r="EJ37" s="281">
        <v>2</v>
      </c>
      <c r="EK37" s="281">
        <v>2</v>
      </c>
      <c r="EL37" s="281">
        <v>2</v>
      </c>
      <c r="EM37" s="281">
        <v>1</v>
      </c>
      <c r="EN37" s="278">
        <v>11</v>
      </c>
      <c r="EO37" s="283">
        <v>14</v>
      </c>
      <c r="EP37" s="277">
        <v>1</v>
      </c>
      <c r="EQ37" s="281">
        <v>1</v>
      </c>
      <c r="ER37" s="278">
        <v>2</v>
      </c>
      <c r="ES37" s="280">
        <v>0</v>
      </c>
      <c r="ET37" s="281">
        <v>13</v>
      </c>
      <c r="EU37" s="281">
        <v>6</v>
      </c>
      <c r="EV37" s="281">
        <v>2</v>
      </c>
      <c r="EW37" s="281">
        <v>2</v>
      </c>
      <c r="EX37" s="281">
        <v>1</v>
      </c>
      <c r="EY37" s="278">
        <v>24</v>
      </c>
      <c r="EZ37" s="283">
        <v>26</v>
      </c>
    </row>
    <row r="38" spans="2:156" ht="19.5" customHeight="1" x14ac:dyDescent="0.2">
      <c r="B38" s="262" t="s">
        <v>36</v>
      </c>
      <c r="C38" s="277">
        <v>0</v>
      </c>
      <c r="D38" s="281">
        <v>0</v>
      </c>
      <c r="E38" s="385">
        <v>0</v>
      </c>
      <c r="F38" s="280">
        <v>0</v>
      </c>
      <c r="G38" s="281">
        <v>2</v>
      </c>
      <c r="H38" s="281">
        <v>2</v>
      </c>
      <c r="I38" s="281">
        <v>0</v>
      </c>
      <c r="J38" s="281">
        <v>0</v>
      </c>
      <c r="K38" s="281">
        <v>0</v>
      </c>
      <c r="L38" s="282">
        <v>4</v>
      </c>
      <c r="M38" s="283">
        <v>4</v>
      </c>
      <c r="N38" s="277">
        <v>0</v>
      </c>
      <c r="O38" s="281">
        <v>0</v>
      </c>
      <c r="P38" s="278">
        <v>0</v>
      </c>
      <c r="Q38" s="280">
        <v>0</v>
      </c>
      <c r="R38" s="281">
        <v>0</v>
      </c>
      <c r="S38" s="281">
        <v>0</v>
      </c>
      <c r="T38" s="281">
        <v>0</v>
      </c>
      <c r="U38" s="281">
        <v>1</v>
      </c>
      <c r="V38" s="281">
        <v>0</v>
      </c>
      <c r="W38" s="278">
        <v>1</v>
      </c>
      <c r="X38" s="283">
        <v>1</v>
      </c>
      <c r="Y38" s="277">
        <v>0</v>
      </c>
      <c r="Z38" s="281">
        <v>0</v>
      </c>
      <c r="AA38" s="278">
        <v>0</v>
      </c>
      <c r="AB38" s="280">
        <v>0</v>
      </c>
      <c r="AC38" s="281">
        <v>3</v>
      </c>
      <c r="AD38" s="281">
        <v>0</v>
      </c>
      <c r="AE38" s="281">
        <v>2</v>
      </c>
      <c r="AF38" s="281">
        <v>1</v>
      </c>
      <c r="AG38" s="281">
        <v>0</v>
      </c>
      <c r="AH38" s="278">
        <v>6</v>
      </c>
      <c r="AI38" s="283">
        <v>6</v>
      </c>
      <c r="AJ38" s="277">
        <v>0</v>
      </c>
      <c r="AK38" s="281">
        <v>0</v>
      </c>
      <c r="AL38" s="278">
        <v>0</v>
      </c>
      <c r="AM38" s="280">
        <v>0</v>
      </c>
      <c r="AN38" s="281">
        <v>0</v>
      </c>
      <c r="AO38" s="281">
        <v>0</v>
      </c>
      <c r="AP38" s="281">
        <v>0</v>
      </c>
      <c r="AQ38" s="281">
        <v>0</v>
      </c>
      <c r="AR38" s="281">
        <v>0</v>
      </c>
      <c r="AS38" s="278">
        <v>0</v>
      </c>
      <c r="AT38" s="283">
        <v>0</v>
      </c>
      <c r="AU38" s="277">
        <v>1</v>
      </c>
      <c r="AV38" s="281">
        <v>0</v>
      </c>
      <c r="AW38" s="278">
        <v>1</v>
      </c>
      <c r="AX38" s="280">
        <v>0</v>
      </c>
      <c r="AY38" s="281">
        <v>1</v>
      </c>
      <c r="AZ38" s="281">
        <v>1</v>
      </c>
      <c r="BA38" s="281">
        <v>3</v>
      </c>
      <c r="BB38" s="281">
        <v>1</v>
      </c>
      <c r="BC38" s="281">
        <v>3</v>
      </c>
      <c r="BD38" s="282">
        <v>9</v>
      </c>
      <c r="BE38" s="283">
        <v>10</v>
      </c>
      <c r="BF38" s="277">
        <v>0</v>
      </c>
      <c r="BG38" s="281">
        <v>0</v>
      </c>
      <c r="BH38" s="278">
        <v>0</v>
      </c>
      <c r="BI38" s="280">
        <v>0</v>
      </c>
      <c r="BJ38" s="281">
        <v>2</v>
      </c>
      <c r="BK38" s="281">
        <v>3</v>
      </c>
      <c r="BL38" s="281">
        <v>0</v>
      </c>
      <c r="BM38" s="281">
        <v>1</v>
      </c>
      <c r="BN38" s="281">
        <v>0</v>
      </c>
      <c r="BO38" s="278">
        <v>6</v>
      </c>
      <c r="BP38" s="283">
        <v>6</v>
      </c>
      <c r="BQ38" s="277">
        <v>0</v>
      </c>
      <c r="BR38" s="281">
        <v>1</v>
      </c>
      <c r="BS38" s="278">
        <v>1</v>
      </c>
      <c r="BT38" s="280">
        <v>0</v>
      </c>
      <c r="BU38" s="281">
        <v>0</v>
      </c>
      <c r="BV38" s="281">
        <v>1</v>
      </c>
      <c r="BW38" s="281">
        <v>0</v>
      </c>
      <c r="BX38" s="281">
        <v>0</v>
      </c>
      <c r="BY38" s="281">
        <v>0</v>
      </c>
      <c r="BZ38" s="278">
        <v>1</v>
      </c>
      <c r="CA38" s="283">
        <v>2</v>
      </c>
      <c r="CB38" s="277">
        <v>0</v>
      </c>
      <c r="CC38" s="281">
        <v>0</v>
      </c>
      <c r="CD38" s="278">
        <v>0</v>
      </c>
      <c r="CE38" s="280">
        <v>0</v>
      </c>
      <c r="CF38" s="281">
        <v>1</v>
      </c>
      <c r="CG38" s="281">
        <v>0</v>
      </c>
      <c r="CH38" s="281">
        <v>1</v>
      </c>
      <c r="CI38" s="281">
        <v>1</v>
      </c>
      <c r="CJ38" s="281">
        <v>0</v>
      </c>
      <c r="CK38" s="278">
        <v>3</v>
      </c>
      <c r="CL38" s="283">
        <v>3</v>
      </c>
      <c r="CM38" s="277">
        <v>0</v>
      </c>
      <c r="CN38" s="281">
        <v>0</v>
      </c>
      <c r="CO38" s="278">
        <v>0</v>
      </c>
      <c r="CP38" s="280">
        <v>0</v>
      </c>
      <c r="CQ38" s="281">
        <v>0</v>
      </c>
      <c r="CR38" s="281">
        <v>0</v>
      </c>
      <c r="CS38" s="281">
        <v>0</v>
      </c>
      <c r="CT38" s="281">
        <v>0</v>
      </c>
      <c r="CU38" s="281">
        <v>0</v>
      </c>
      <c r="CV38" s="278">
        <v>0</v>
      </c>
      <c r="CW38" s="283">
        <v>0</v>
      </c>
      <c r="CX38" s="277">
        <v>0</v>
      </c>
      <c r="CY38" s="281">
        <v>0</v>
      </c>
      <c r="CZ38" s="278">
        <v>0</v>
      </c>
      <c r="DA38" s="280">
        <v>0</v>
      </c>
      <c r="DB38" s="281">
        <v>0</v>
      </c>
      <c r="DC38" s="281">
        <v>0</v>
      </c>
      <c r="DD38" s="281">
        <v>0</v>
      </c>
      <c r="DE38" s="281">
        <v>0</v>
      </c>
      <c r="DF38" s="281">
        <v>0</v>
      </c>
      <c r="DG38" s="278">
        <v>0</v>
      </c>
      <c r="DH38" s="283">
        <v>0</v>
      </c>
      <c r="DI38" s="277">
        <v>0</v>
      </c>
      <c r="DJ38" s="281">
        <v>0</v>
      </c>
      <c r="DK38" s="278">
        <v>0</v>
      </c>
      <c r="DL38" s="280">
        <v>0</v>
      </c>
      <c r="DM38" s="281">
        <v>0</v>
      </c>
      <c r="DN38" s="281">
        <v>0</v>
      </c>
      <c r="DO38" s="281">
        <v>0</v>
      </c>
      <c r="DP38" s="281">
        <v>0</v>
      </c>
      <c r="DQ38" s="281">
        <v>0</v>
      </c>
      <c r="DR38" s="278">
        <v>0</v>
      </c>
      <c r="DS38" s="283">
        <v>0</v>
      </c>
      <c r="DT38" s="277">
        <v>0</v>
      </c>
      <c r="DU38" s="281">
        <v>2</v>
      </c>
      <c r="DV38" s="278">
        <v>2</v>
      </c>
      <c r="DW38" s="280">
        <v>0</v>
      </c>
      <c r="DX38" s="281">
        <v>7</v>
      </c>
      <c r="DY38" s="281">
        <v>4</v>
      </c>
      <c r="DZ38" s="281">
        <v>2</v>
      </c>
      <c r="EA38" s="281">
        <v>2</v>
      </c>
      <c r="EB38" s="281">
        <v>1</v>
      </c>
      <c r="EC38" s="278">
        <v>16</v>
      </c>
      <c r="ED38" s="283">
        <v>18</v>
      </c>
      <c r="EE38" s="277">
        <v>0</v>
      </c>
      <c r="EF38" s="281">
        <v>0</v>
      </c>
      <c r="EG38" s="278">
        <v>0</v>
      </c>
      <c r="EH38" s="280">
        <v>0</v>
      </c>
      <c r="EI38" s="281">
        <v>0</v>
      </c>
      <c r="EJ38" s="281">
        <v>0</v>
      </c>
      <c r="EK38" s="281">
        <v>1</v>
      </c>
      <c r="EL38" s="281">
        <v>0</v>
      </c>
      <c r="EM38" s="281">
        <v>1</v>
      </c>
      <c r="EN38" s="278">
        <v>2</v>
      </c>
      <c r="EO38" s="283">
        <v>2</v>
      </c>
      <c r="EP38" s="277">
        <v>0</v>
      </c>
      <c r="EQ38" s="281">
        <v>3</v>
      </c>
      <c r="ER38" s="278">
        <v>3</v>
      </c>
      <c r="ES38" s="280">
        <v>0</v>
      </c>
      <c r="ET38" s="281">
        <v>9</v>
      </c>
      <c r="EU38" s="281">
        <v>8</v>
      </c>
      <c r="EV38" s="281">
        <v>3</v>
      </c>
      <c r="EW38" s="281">
        <v>2</v>
      </c>
      <c r="EX38" s="281">
        <v>1</v>
      </c>
      <c r="EY38" s="278">
        <v>23</v>
      </c>
      <c r="EZ38" s="283">
        <v>26</v>
      </c>
    </row>
    <row r="39" spans="2:156" ht="19.5" customHeight="1" thickBot="1" x14ac:dyDescent="0.25">
      <c r="B39" s="263" t="s">
        <v>37</v>
      </c>
      <c r="C39" s="284">
        <v>0</v>
      </c>
      <c r="D39" s="288">
        <v>0</v>
      </c>
      <c r="E39" s="386">
        <v>0</v>
      </c>
      <c r="F39" s="287">
        <v>0</v>
      </c>
      <c r="G39" s="288">
        <v>0</v>
      </c>
      <c r="H39" s="288">
        <v>0</v>
      </c>
      <c r="I39" s="288">
        <v>0</v>
      </c>
      <c r="J39" s="288">
        <v>0</v>
      </c>
      <c r="K39" s="288">
        <v>1</v>
      </c>
      <c r="L39" s="289">
        <v>1</v>
      </c>
      <c r="M39" s="290">
        <v>1</v>
      </c>
      <c r="N39" s="284">
        <v>0</v>
      </c>
      <c r="O39" s="288">
        <v>0</v>
      </c>
      <c r="P39" s="285">
        <v>0</v>
      </c>
      <c r="Q39" s="287">
        <v>0</v>
      </c>
      <c r="R39" s="288">
        <v>0</v>
      </c>
      <c r="S39" s="288">
        <v>0</v>
      </c>
      <c r="T39" s="288">
        <v>0</v>
      </c>
      <c r="U39" s="288">
        <v>0</v>
      </c>
      <c r="V39" s="288">
        <v>0</v>
      </c>
      <c r="W39" s="285">
        <v>0</v>
      </c>
      <c r="X39" s="290">
        <v>0</v>
      </c>
      <c r="Y39" s="284">
        <v>0</v>
      </c>
      <c r="Z39" s="288">
        <v>0</v>
      </c>
      <c r="AA39" s="285">
        <v>0</v>
      </c>
      <c r="AB39" s="287">
        <v>0</v>
      </c>
      <c r="AC39" s="288">
        <v>0</v>
      </c>
      <c r="AD39" s="288">
        <v>0</v>
      </c>
      <c r="AE39" s="288">
        <v>0</v>
      </c>
      <c r="AF39" s="288">
        <v>0</v>
      </c>
      <c r="AG39" s="288">
        <v>0</v>
      </c>
      <c r="AH39" s="285">
        <v>0</v>
      </c>
      <c r="AI39" s="290">
        <v>0</v>
      </c>
      <c r="AJ39" s="284">
        <v>0</v>
      </c>
      <c r="AK39" s="288">
        <v>0</v>
      </c>
      <c r="AL39" s="285">
        <v>0</v>
      </c>
      <c r="AM39" s="287">
        <v>0</v>
      </c>
      <c r="AN39" s="288">
        <v>1</v>
      </c>
      <c r="AO39" s="288">
        <v>1</v>
      </c>
      <c r="AP39" s="288">
        <v>0</v>
      </c>
      <c r="AQ39" s="288">
        <v>0</v>
      </c>
      <c r="AR39" s="288">
        <v>0</v>
      </c>
      <c r="AS39" s="285">
        <v>2</v>
      </c>
      <c r="AT39" s="290">
        <v>2</v>
      </c>
      <c r="AU39" s="284">
        <v>0</v>
      </c>
      <c r="AV39" s="288">
        <v>0</v>
      </c>
      <c r="AW39" s="285">
        <v>0</v>
      </c>
      <c r="AX39" s="287">
        <v>0</v>
      </c>
      <c r="AY39" s="288">
        <v>0</v>
      </c>
      <c r="AZ39" s="288">
        <v>0</v>
      </c>
      <c r="BA39" s="288">
        <v>0</v>
      </c>
      <c r="BB39" s="288">
        <v>0</v>
      </c>
      <c r="BC39" s="288">
        <v>2</v>
      </c>
      <c r="BD39" s="289">
        <v>2</v>
      </c>
      <c r="BE39" s="290">
        <v>2</v>
      </c>
      <c r="BF39" s="284">
        <v>0</v>
      </c>
      <c r="BG39" s="288">
        <v>0</v>
      </c>
      <c r="BH39" s="285">
        <v>0</v>
      </c>
      <c r="BI39" s="287">
        <v>0</v>
      </c>
      <c r="BJ39" s="288">
        <v>1</v>
      </c>
      <c r="BK39" s="288">
        <v>1</v>
      </c>
      <c r="BL39" s="288">
        <v>0</v>
      </c>
      <c r="BM39" s="288">
        <v>0</v>
      </c>
      <c r="BN39" s="288">
        <v>0</v>
      </c>
      <c r="BO39" s="285">
        <v>2</v>
      </c>
      <c r="BP39" s="290">
        <v>2</v>
      </c>
      <c r="BQ39" s="284">
        <v>0</v>
      </c>
      <c r="BR39" s="288">
        <v>0</v>
      </c>
      <c r="BS39" s="285">
        <v>0</v>
      </c>
      <c r="BT39" s="287">
        <v>0</v>
      </c>
      <c r="BU39" s="288">
        <v>0</v>
      </c>
      <c r="BV39" s="288">
        <v>0</v>
      </c>
      <c r="BW39" s="288">
        <v>0</v>
      </c>
      <c r="BX39" s="288">
        <v>0</v>
      </c>
      <c r="BY39" s="288">
        <v>0</v>
      </c>
      <c r="BZ39" s="285">
        <v>0</v>
      </c>
      <c r="CA39" s="290">
        <v>0</v>
      </c>
      <c r="CB39" s="284">
        <v>0</v>
      </c>
      <c r="CC39" s="288">
        <v>0</v>
      </c>
      <c r="CD39" s="285">
        <v>0</v>
      </c>
      <c r="CE39" s="287">
        <v>0</v>
      </c>
      <c r="CF39" s="288">
        <v>0</v>
      </c>
      <c r="CG39" s="288">
        <v>0</v>
      </c>
      <c r="CH39" s="288">
        <v>0</v>
      </c>
      <c r="CI39" s="288">
        <v>0</v>
      </c>
      <c r="CJ39" s="288">
        <v>0</v>
      </c>
      <c r="CK39" s="285">
        <v>0</v>
      </c>
      <c r="CL39" s="290">
        <v>0</v>
      </c>
      <c r="CM39" s="284">
        <v>0</v>
      </c>
      <c r="CN39" s="288">
        <v>0</v>
      </c>
      <c r="CO39" s="285">
        <v>0</v>
      </c>
      <c r="CP39" s="287">
        <v>0</v>
      </c>
      <c r="CQ39" s="288">
        <v>0</v>
      </c>
      <c r="CR39" s="288">
        <v>0</v>
      </c>
      <c r="CS39" s="288">
        <v>0</v>
      </c>
      <c r="CT39" s="288">
        <v>0</v>
      </c>
      <c r="CU39" s="288">
        <v>0</v>
      </c>
      <c r="CV39" s="285">
        <v>0</v>
      </c>
      <c r="CW39" s="290">
        <v>0</v>
      </c>
      <c r="CX39" s="284">
        <v>0</v>
      </c>
      <c r="CY39" s="288">
        <v>0</v>
      </c>
      <c r="CZ39" s="285">
        <v>0</v>
      </c>
      <c r="DA39" s="287">
        <v>0</v>
      </c>
      <c r="DB39" s="288">
        <v>0</v>
      </c>
      <c r="DC39" s="288">
        <v>0</v>
      </c>
      <c r="DD39" s="288">
        <v>0</v>
      </c>
      <c r="DE39" s="288">
        <v>0</v>
      </c>
      <c r="DF39" s="288">
        <v>0</v>
      </c>
      <c r="DG39" s="285">
        <v>0</v>
      </c>
      <c r="DH39" s="290">
        <v>0</v>
      </c>
      <c r="DI39" s="284">
        <v>0</v>
      </c>
      <c r="DJ39" s="288">
        <v>0</v>
      </c>
      <c r="DK39" s="285">
        <v>0</v>
      </c>
      <c r="DL39" s="287">
        <v>0</v>
      </c>
      <c r="DM39" s="288">
        <v>0</v>
      </c>
      <c r="DN39" s="288">
        <v>0</v>
      </c>
      <c r="DO39" s="288">
        <v>0</v>
      </c>
      <c r="DP39" s="288">
        <v>0</v>
      </c>
      <c r="DQ39" s="288">
        <v>0</v>
      </c>
      <c r="DR39" s="285">
        <v>0</v>
      </c>
      <c r="DS39" s="290">
        <v>0</v>
      </c>
      <c r="DT39" s="284">
        <v>0</v>
      </c>
      <c r="DU39" s="288">
        <v>0</v>
      </c>
      <c r="DV39" s="285">
        <v>0</v>
      </c>
      <c r="DW39" s="287">
        <v>0</v>
      </c>
      <c r="DX39" s="288">
        <v>1</v>
      </c>
      <c r="DY39" s="288">
        <v>1</v>
      </c>
      <c r="DZ39" s="288">
        <v>0</v>
      </c>
      <c r="EA39" s="288">
        <v>0</v>
      </c>
      <c r="EB39" s="288">
        <v>1</v>
      </c>
      <c r="EC39" s="285">
        <v>3</v>
      </c>
      <c r="ED39" s="290">
        <v>3</v>
      </c>
      <c r="EE39" s="284">
        <v>0</v>
      </c>
      <c r="EF39" s="288">
        <v>0</v>
      </c>
      <c r="EG39" s="285">
        <v>0</v>
      </c>
      <c r="EH39" s="287">
        <v>0</v>
      </c>
      <c r="EI39" s="288">
        <v>0</v>
      </c>
      <c r="EJ39" s="288">
        <v>0</v>
      </c>
      <c r="EK39" s="288">
        <v>0</v>
      </c>
      <c r="EL39" s="288">
        <v>0</v>
      </c>
      <c r="EM39" s="288">
        <v>1</v>
      </c>
      <c r="EN39" s="285">
        <v>1</v>
      </c>
      <c r="EO39" s="290">
        <v>1</v>
      </c>
      <c r="EP39" s="284">
        <v>0</v>
      </c>
      <c r="EQ39" s="288">
        <v>0</v>
      </c>
      <c r="ER39" s="285">
        <v>0</v>
      </c>
      <c r="ES39" s="287">
        <v>0</v>
      </c>
      <c r="ET39" s="288">
        <v>1</v>
      </c>
      <c r="EU39" s="288">
        <v>2</v>
      </c>
      <c r="EV39" s="288">
        <v>0</v>
      </c>
      <c r="EW39" s="288">
        <v>0</v>
      </c>
      <c r="EX39" s="288">
        <v>1</v>
      </c>
      <c r="EY39" s="285">
        <v>4</v>
      </c>
      <c r="EZ39" s="290">
        <v>4</v>
      </c>
    </row>
  </sheetData>
  <mergeCells count="59">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 ref="B3:B5"/>
    <mergeCell ref="C3:M3"/>
    <mergeCell ref="N3:X3"/>
    <mergeCell ref="X4:X5"/>
    <mergeCell ref="AJ3:AT3"/>
    <mergeCell ref="Y3:AI3"/>
    <mergeCell ref="Y4:AA4"/>
    <mergeCell ref="AB4:AH4"/>
    <mergeCell ref="AI4:AI5"/>
    <mergeCell ref="C4:E4"/>
    <mergeCell ref="F4:L4"/>
    <mergeCell ref="M4:M5"/>
    <mergeCell ref="N4:P4"/>
    <mergeCell ref="Q4:W4"/>
    <mergeCell ref="DT3:ED3"/>
    <mergeCell ref="EE3:EO3"/>
    <mergeCell ref="EP3:EZ3"/>
    <mergeCell ref="CB3:CL3"/>
    <mergeCell ref="CM3:CW3"/>
    <mergeCell ref="DI3:DS3"/>
    <mergeCell ref="CB4:CD4"/>
    <mergeCell ref="CE4:CK4"/>
    <mergeCell ref="AJ4:AL4"/>
    <mergeCell ref="AM4:AS4"/>
    <mergeCell ref="AT4:AT5"/>
    <mergeCell ref="AU4:AW4"/>
    <mergeCell ref="AX4:BD4"/>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33203125" style="256" customWidth="1"/>
    <col min="6" max="6" width="7.6640625" style="256" customWidth="1"/>
    <col min="7" max="7" width="10.21875" style="256" customWidth="1"/>
    <col min="8" max="8" width="10.44140625" style="256" customWidth="1"/>
    <col min="9" max="16" width="9" style="256"/>
    <col min="17" max="17" width="7.21875" style="256" customWidth="1"/>
    <col min="18" max="27" width="9" style="256"/>
    <col min="28" max="28" width="7.6640625" style="256" customWidth="1"/>
    <col min="29" max="38" width="9" style="256"/>
    <col min="39" max="39" width="7.6640625" style="256" customWidth="1"/>
    <col min="40" max="49" width="9" style="256"/>
    <col min="50" max="50" width="7.21875" style="256" customWidth="1"/>
    <col min="51" max="60" width="9" style="256"/>
    <col min="61" max="61" width="7.21875" style="256" customWidth="1"/>
    <col min="62" max="71" width="9" style="256"/>
    <col min="72" max="72" width="7.33203125" style="256" customWidth="1"/>
    <col min="73" max="82" width="9" style="256"/>
    <col min="83" max="83" width="7.44140625" style="256" customWidth="1"/>
    <col min="84" max="93" width="9" style="256"/>
    <col min="94" max="94" width="7.6640625" style="256" customWidth="1"/>
    <col min="95" max="104" width="9" style="256"/>
    <col min="105" max="105" width="7.44140625" style="256" customWidth="1"/>
    <col min="106" max="115" width="9" style="256"/>
    <col min="116" max="116" width="7.44140625" style="256" customWidth="1"/>
    <col min="117" max="126" width="9" style="256"/>
    <col min="127" max="127" width="7.44140625" style="256" customWidth="1"/>
    <col min="128" max="137" width="9" style="256"/>
    <col min="138" max="138" width="7.33203125" style="256" customWidth="1"/>
    <col min="139" max="148" width="9" style="256"/>
    <col min="149" max="149" width="7.77734375" style="256" customWidth="1"/>
    <col min="150" max="16384" width="9" style="256"/>
  </cols>
  <sheetData>
    <row r="1" spans="2:156" ht="24" customHeight="1" x14ac:dyDescent="0.2">
      <c r="B1" s="291" t="s">
        <v>122</v>
      </c>
      <c r="I1" s="528">
        <f>第１表!F2</f>
        <v>4</v>
      </c>
      <c r="J1" s="528"/>
      <c r="K1" s="248">
        <f>第１表!G2</f>
        <v>9</v>
      </c>
      <c r="L1" s="529">
        <f>IF(K1&lt;3,K1+12-2,K1-2)</f>
        <v>7</v>
      </c>
      <c r="M1" s="529"/>
    </row>
    <row r="2" spans="2:156" ht="24" customHeight="1" thickBot="1" x14ac:dyDescent="0.25">
      <c r="B2" s="291" t="s">
        <v>154</v>
      </c>
      <c r="G2" s="247"/>
      <c r="H2" s="248"/>
      <c r="J2" s="350"/>
      <c r="K2" s="350"/>
    </row>
    <row r="3" spans="2:156" ht="23.25" customHeight="1" thickBot="1" x14ac:dyDescent="0.25">
      <c r="B3" s="537"/>
      <c r="C3" s="540" t="s">
        <v>70</v>
      </c>
      <c r="D3" s="541"/>
      <c r="E3" s="541"/>
      <c r="F3" s="541"/>
      <c r="G3" s="541"/>
      <c r="H3" s="541"/>
      <c r="I3" s="541"/>
      <c r="J3" s="541"/>
      <c r="K3" s="541"/>
      <c r="L3" s="541"/>
      <c r="M3" s="542"/>
      <c r="N3" s="540" t="s">
        <v>71</v>
      </c>
      <c r="O3" s="541"/>
      <c r="P3" s="541"/>
      <c r="Q3" s="541"/>
      <c r="R3" s="541"/>
      <c r="S3" s="541"/>
      <c r="T3" s="541"/>
      <c r="U3" s="541"/>
      <c r="V3" s="541"/>
      <c r="W3" s="541"/>
      <c r="X3" s="542"/>
      <c r="Y3" s="540" t="s">
        <v>72</v>
      </c>
      <c r="Z3" s="541"/>
      <c r="AA3" s="541"/>
      <c r="AB3" s="541"/>
      <c r="AC3" s="541"/>
      <c r="AD3" s="541"/>
      <c r="AE3" s="541"/>
      <c r="AF3" s="541"/>
      <c r="AG3" s="541"/>
      <c r="AH3" s="541"/>
      <c r="AI3" s="542"/>
      <c r="AJ3" s="540" t="s">
        <v>73</v>
      </c>
      <c r="AK3" s="541"/>
      <c r="AL3" s="541"/>
      <c r="AM3" s="541"/>
      <c r="AN3" s="541"/>
      <c r="AO3" s="541"/>
      <c r="AP3" s="541"/>
      <c r="AQ3" s="541"/>
      <c r="AR3" s="541"/>
      <c r="AS3" s="541"/>
      <c r="AT3" s="542"/>
      <c r="AU3" s="540" t="s">
        <v>74</v>
      </c>
      <c r="AV3" s="541"/>
      <c r="AW3" s="541"/>
      <c r="AX3" s="541"/>
      <c r="AY3" s="541"/>
      <c r="AZ3" s="541"/>
      <c r="BA3" s="541"/>
      <c r="BB3" s="541"/>
      <c r="BC3" s="541"/>
      <c r="BD3" s="541"/>
      <c r="BE3" s="542"/>
      <c r="BF3" s="540" t="s">
        <v>75</v>
      </c>
      <c r="BG3" s="541"/>
      <c r="BH3" s="541"/>
      <c r="BI3" s="541"/>
      <c r="BJ3" s="541"/>
      <c r="BK3" s="541"/>
      <c r="BL3" s="541"/>
      <c r="BM3" s="541"/>
      <c r="BN3" s="541"/>
      <c r="BO3" s="541"/>
      <c r="BP3" s="542"/>
      <c r="BQ3" s="540" t="s">
        <v>76</v>
      </c>
      <c r="BR3" s="541"/>
      <c r="BS3" s="541"/>
      <c r="BT3" s="541"/>
      <c r="BU3" s="541"/>
      <c r="BV3" s="541"/>
      <c r="BW3" s="541"/>
      <c r="BX3" s="541"/>
      <c r="BY3" s="541"/>
      <c r="BZ3" s="541"/>
      <c r="CA3" s="542"/>
      <c r="CB3" s="540" t="s">
        <v>77</v>
      </c>
      <c r="CC3" s="541"/>
      <c r="CD3" s="541"/>
      <c r="CE3" s="541"/>
      <c r="CF3" s="541"/>
      <c r="CG3" s="541"/>
      <c r="CH3" s="541"/>
      <c r="CI3" s="541"/>
      <c r="CJ3" s="541"/>
      <c r="CK3" s="541"/>
      <c r="CL3" s="542"/>
      <c r="CM3" s="540" t="s">
        <v>78</v>
      </c>
      <c r="CN3" s="541"/>
      <c r="CO3" s="541"/>
      <c r="CP3" s="541"/>
      <c r="CQ3" s="541"/>
      <c r="CR3" s="541"/>
      <c r="CS3" s="541"/>
      <c r="CT3" s="541"/>
      <c r="CU3" s="541"/>
      <c r="CV3" s="541"/>
      <c r="CW3" s="542"/>
      <c r="CX3" s="540" t="s">
        <v>79</v>
      </c>
      <c r="CY3" s="541"/>
      <c r="CZ3" s="541"/>
      <c r="DA3" s="541"/>
      <c r="DB3" s="541"/>
      <c r="DC3" s="541"/>
      <c r="DD3" s="541"/>
      <c r="DE3" s="541"/>
      <c r="DF3" s="541"/>
      <c r="DG3" s="541"/>
      <c r="DH3" s="542"/>
      <c r="DI3" s="540" t="s">
        <v>152</v>
      </c>
      <c r="DJ3" s="541"/>
      <c r="DK3" s="541"/>
      <c r="DL3" s="541"/>
      <c r="DM3" s="541"/>
      <c r="DN3" s="541"/>
      <c r="DO3" s="541"/>
      <c r="DP3" s="541"/>
      <c r="DQ3" s="541"/>
      <c r="DR3" s="541"/>
      <c r="DS3" s="542"/>
      <c r="DT3" s="540" t="s">
        <v>80</v>
      </c>
      <c r="DU3" s="541"/>
      <c r="DV3" s="541"/>
      <c r="DW3" s="541"/>
      <c r="DX3" s="541"/>
      <c r="DY3" s="541"/>
      <c r="DZ3" s="541"/>
      <c r="EA3" s="541"/>
      <c r="EB3" s="541"/>
      <c r="EC3" s="541"/>
      <c r="ED3" s="542"/>
      <c r="EE3" s="540" t="s">
        <v>68</v>
      </c>
      <c r="EF3" s="541"/>
      <c r="EG3" s="541"/>
      <c r="EH3" s="541"/>
      <c r="EI3" s="541"/>
      <c r="EJ3" s="541"/>
      <c r="EK3" s="541"/>
      <c r="EL3" s="541"/>
      <c r="EM3" s="541"/>
      <c r="EN3" s="541"/>
      <c r="EO3" s="542"/>
      <c r="EP3" s="543" t="s">
        <v>69</v>
      </c>
      <c r="EQ3" s="544"/>
      <c r="ER3" s="544"/>
      <c r="ES3" s="544"/>
      <c r="ET3" s="544"/>
      <c r="EU3" s="544"/>
      <c r="EV3" s="544"/>
      <c r="EW3" s="544"/>
      <c r="EX3" s="544"/>
      <c r="EY3" s="544"/>
      <c r="EZ3" s="545"/>
    </row>
    <row r="4" spans="2:156" ht="22.5"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4"/>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c r="DI4" s="532" t="s">
        <v>61</v>
      </c>
      <c r="DJ4" s="533"/>
      <c r="DK4" s="534"/>
      <c r="DL4" s="535" t="s">
        <v>62</v>
      </c>
      <c r="DM4" s="533"/>
      <c r="DN4" s="533"/>
      <c r="DO4" s="533"/>
      <c r="DP4" s="533"/>
      <c r="DQ4" s="533"/>
      <c r="DR4" s="534"/>
      <c r="DS4" s="530" t="s">
        <v>52</v>
      </c>
      <c r="DT4" s="532" t="s">
        <v>61</v>
      </c>
      <c r="DU4" s="533"/>
      <c r="DV4" s="534"/>
      <c r="DW4" s="535" t="s">
        <v>62</v>
      </c>
      <c r="DX4" s="533"/>
      <c r="DY4" s="533"/>
      <c r="DZ4" s="533"/>
      <c r="EA4" s="533"/>
      <c r="EB4" s="533"/>
      <c r="EC4" s="534"/>
      <c r="ED4" s="530" t="s">
        <v>52</v>
      </c>
      <c r="EE4" s="532" t="s">
        <v>61</v>
      </c>
      <c r="EF4" s="533"/>
      <c r="EG4" s="534"/>
      <c r="EH4" s="535" t="s">
        <v>62</v>
      </c>
      <c r="EI4" s="533"/>
      <c r="EJ4" s="533"/>
      <c r="EK4" s="533"/>
      <c r="EL4" s="533"/>
      <c r="EM4" s="533"/>
      <c r="EN4" s="534"/>
      <c r="EO4" s="530" t="s">
        <v>52</v>
      </c>
      <c r="EP4" s="532" t="s">
        <v>61</v>
      </c>
      <c r="EQ4" s="533"/>
      <c r="ER4" s="534"/>
      <c r="ES4" s="535" t="s">
        <v>62</v>
      </c>
      <c r="ET4" s="533"/>
      <c r="EU4" s="533"/>
      <c r="EV4" s="533"/>
      <c r="EW4" s="533"/>
      <c r="EX4" s="533"/>
      <c r="EY4" s="534"/>
      <c r="EZ4" s="530" t="s">
        <v>52</v>
      </c>
    </row>
    <row r="5" spans="2:156" ht="34.5" customHeight="1" thickBot="1" x14ac:dyDescent="0.25">
      <c r="B5" s="539"/>
      <c r="C5" s="351" t="s">
        <v>43</v>
      </c>
      <c r="D5" s="260" t="s">
        <v>162</v>
      </c>
      <c r="E5" s="383" t="s">
        <v>45</v>
      </c>
      <c r="F5" s="268" t="s">
        <v>83</v>
      </c>
      <c r="G5" s="260" t="s">
        <v>47</v>
      </c>
      <c r="H5" s="260" t="s">
        <v>48</v>
      </c>
      <c r="I5" s="260" t="s">
        <v>49</v>
      </c>
      <c r="J5" s="260" t="s">
        <v>50</v>
      </c>
      <c r="K5" s="260" t="s">
        <v>51</v>
      </c>
      <c r="L5" s="269" t="s">
        <v>45</v>
      </c>
      <c r="M5" s="531"/>
      <c r="N5" s="351" t="s">
        <v>43</v>
      </c>
      <c r="O5" s="260" t="s">
        <v>44</v>
      </c>
      <c r="P5" s="266" t="s">
        <v>45</v>
      </c>
      <c r="Q5" s="268" t="s">
        <v>83</v>
      </c>
      <c r="R5" s="260" t="s">
        <v>47</v>
      </c>
      <c r="S5" s="260" t="s">
        <v>48</v>
      </c>
      <c r="T5" s="260" t="s">
        <v>49</v>
      </c>
      <c r="U5" s="260" t="s">
        <v>50</v>
      </c>
      <c r="V5" s="260" t="s">
        <v>51</v>
      </c>
      <c r="W5" s="266" t="s">
        <v>45</v>
      </c>
      <c r="X5" s="531"/>
      <c r="Y5" s="351" t="s">
        <v>43</v>
      </c>
      <c r="Z5" s="260" t="s">
        <v>44</v>
      </c>
      <c r="AA5" s="266" t="s">
        <v>45</v>
      </c>
      <c r="AB5" s="268" t="s">
        <v>83</v>
      </c>
      <c r="AC5" s="260" t="s">
        <v>47</v>
      </c>
      <c r="AD5" s="260" t="s">
        <v>48</v>
      </c>
      <c r="AE5" s="260" t="s">
        <v>49</v>
      </c>
      <c r="AF5" s="260" t="s">
        <v>50</v>
      </c>
      <c r="AG5" s="260" t="s">
        <v>51</v>
      </c>
      <c r="AH5" s="266" t="s">
        <v>45</v>
      </c>
      <c r="AI5" s="531"/>
      <c r="AJ5" s="351" t="s">
        <v>43</v>
      </c>
      <c r="AK5" s="260" t="s">
        <v>44</v>
      </c>
      <c r="AL5" s="266" t="s">
        <v>45</v>
      </c>
      <c r="AM5" s="268" t="s">
        <v>83</v>
      </c>
      <c r="AN5" s="260" t="s">
        <v>47</v>
      </c>
      <c r="AO5" s="260" t="s">
        <v>48</v>
      </c>
      <c r="AP5" s="260" t="s">
        <v>49</v>
      </c>
      <c r="AQ5" s="260" t="s">
        <v>50</v>
      </c>
      <c r="AR5" s="260" t="s">
        <v>51</v>
      </c>
      <c r="AS5" s="266" t="s">
        <v>45</v>
      </c>
      <c r="AT5" s="531"/>
      <c r="AU5" s="351" t="s">
        <v>43</v>
      </c>
      <c r="AV5" s="260" t="s">
        <v>44</v>
      </c>
      <c r="AW5" s="266" t="s">
        <v>45</v>
      </c>
      <c r="AX5" s="268" t="s">
        <v>83</v>
      </c>
      <c r="AY5" s="260" t="s">
        <v>47</v>
      </c>
      <c r="AZ5" s="260" t="s">
        <v>48</v>
      </c>
      <c r="BA5" s="260" t="s">
        <v>49</v>
      </c>
      <c r="BB5" s="260" t="s">
        <v>50</v>
      </c>
      <c r="BC5" s="260" t="s">
        <v>51</v>
      </c>
      <c r="BD5" s="269" t="s">
        <v>45</v>
      </c>
      <c r="BE5" s="531"/>
      <c r="BF5" s="351" t="s">
        <v>43</v>
      </c>
      <c r="BG5" s="260" t="s">
        <v>44</v>
      </c>
      <c r="BH5" s="266" t="s">
        <v>45</v>
      </c>
      <c r="BI5" s="268" t="s">
        <v>83</v>
      </c>
      <c r="BJ5" s="260" t="s">
        <v>47</v>
      </c>
      <c r="BK5" s="260" t="s">
        <v>48</v>
      </c>
      <c r="BL5" s="260" t="s">
        <v>49</v>
      </c>
      <c r="BM5" s="260" t="s">
        <v>50</v>
      </c>
      <c r="BN5" s="260" t="s">
        <v>51</v>
      </c>
      <c r="BO5" s="266" t="s">
        <v>45</v>
      </c>
      <c r="BP5" s="531"/>
      <c r="BQ5" s="351" t="s">
        <v>43</v>
      </c>
      <c r="BR5" s="260" t="s">
        <v>44</v>
      </c>
      <c r="BS5" s="266" t="s">
        <v>45</v>
      </c>
      <c r="BT5" s="268" t="s">
        <v>83</v>
      </c>
      <c r="BU5" s="260" t="s">
        <v>47</v>
      </c>
      <c r="BV5" s="260" t="s">
        <v>48</v>
      </c>
      <c r="BW5" s="260" t="s">
        <v>49</v>
      </c>
      <c r="BX5" s="260" t="s">
        <v>50</v>
      </c>
      <c r="BY5" s="260" t="s">
        <v>51</v>
      </c>
      <c r="BZ5" s="266" t="s">
        <v>45</v>
      </c>
      <c r="CA5" s="531"/>
      <c r="CB5" s="351" t="s">
        <v>43</v>
      </c>
      <c r="CC5" s="260" t="s">
        <v>44</v>
      </c>
      <c r="CD5" s="266" t="s">
        <v>45</v>
      </c>
      <c r="CE5" s="268" t="s">
        <v>83</v>
      </c>
      <c r="CF5" s="260" t="s">
        <v>47</v>
      </c>
      <c r="CG5" s="260" t="s">
        <v>48</v>
      </c>
      <c r="CH5" s="260" t="s">
        <v>49</v>
      </c>
      <c r="CI5" s="260" t="s">
        <v>50</v>
      </c>
      <c r="CJ5" s="260" t="s">
        <v>51</v>
      </c>
      <c r="CK5" s="266" t="s">
        <v>45</v>
      </c>
      <c r="CL5" s="531"/>
      <c r="CM5" s="351" t="s">
        <v>43</v>
      </c>
      <c r="CN5" s="260" t="s">
        <v>44</v>
      </c>
      <c r="CO5" s="266" t="s">
        <v>45</v>
      </c>
      <c r="CP5" s="268" t="s">
        <v>83</v>
      </c>
      <c r="CQ5" s="260" t="s">
        <v>47</v>
      </c>
      <c r="CR5" s="260" t="s">
        <v>48</v>
      </c>
      <c r="CS5" s="260" t="s">
        <v>49</v>
      </c>
      <c r="CT5" s="260" t="s">
        <v>50</v>
      </c>
      <c r="CU5" s="260" t="s">
        <v>51</v>
      </c>
      <c r="CV5" s="266" t="s">
        <v>45</v>
      </c>
      <c r="CW5" s="531"/>
      <c r="CX5" s="351" t="s">
        <v>43</v>
      </c>
      <c r="CY5" s="260" t="s">
        <v>44</v>
      </c>
      <c r="CZ5" s="266" t="s">
        <v>45</v>
      </c>
      <c r="DA5" s="268" t="s">
        <v>83</v>
      </c>
      <c r="DB5" s="260" t="s">
        <v>47</v>
      </c>
      <c r="DC5" s="260" t="s">
        <v>48</v>
      </c>
      <c r="DD5" s="260" t="s">
        <v>49</v>
      </c>
      <c r="DE5" s="260" t="s">
        <v>50</v>
      </c>
      <c r="DF5" s="260" t="s">
        <v>51</v>
      </c>
      <c r="DG5" s="266" t="s">
        <v>45</v>
      </c>
      <c r="DH5" s="531"/>
      <c r="DI5" s="351" t="s">
        <v>43</v>
      </c>
      <c r="DJ5" s="260" t="s">
        <v>44</v>
      </c>
      <c r="DK5" s="266" t="s">
        <v>45</v>
      </c>
      <c r="DL5" s="268" t="s">
        <v>83</v>
      </c>
      <c r="DM5" s="260" t="s">
        <v>47</v>
      </c>
      <c r="DN5" s="260" t="s">
        <v>48</v>
      </c>
      <c r="DO5" s="260" t="s">
        <v>49</v>
      </c>
      <c r="DP5" s="260" t="s">
        <v>50</v>
      </c>
      <c r="DQ5" s="260" t="s">
        <v>51</v>
      </c>
      <c r="DR5" s="266" t="s">
        <v>45</v>
      </c>
      <c r="DS5" s="531"/>
      <c r="DT5" s="351" t="s">
        <v>43</v>
      </c>
      <c r="DU5" s="260" t="s">
        <v>44</v>
      </c>
      <c r="DV5" s="266" t="s">
        <v>45</v>
      </c>
      <c r="DW5" s="268" t="s">
        <v>83</v>
      </c>
      <c r="DX5" s="260" t="s">
        <v>47</v>
      </c>
      <c r="DY5" s="260" t="s">
        <v>48</v>
      </c>
      <c r="DZ5" s="260" t="s">
        <v>49</v>
      </c>
      <c r="EA5" s="260" t="s">
        <v>50</v>
      </c>
      <c r="EB5" s="260" t="s">
        <v>51</v>
      </c>
      <c r="EC5" s="266" t="s">
        <v>45</v>
      </c>
      <c r="ED5" s="531"/>
      <c r="EE5" s="351" t="s">
        <v>43</v>
      </c>
      <c r="EF5" s="260" t="s">
        <v>44</v>
      </c>
      <c r="EG5" s="266" t="s">
        <v>45</v>
      </c>
      <c r="EH5" s="268" t="s">
        <v>83</v>
      </c>
      <c r="EI5" s="260" t="s">
        <v>47</v>
      </c>
      <c r="EJ5" s="260" t="s">
        <v>48</v>
      </c>
      <c r="EK5" s="260" t="s">
        <v>49</v>
      </c>
      <c r="EL5" s="260" t="s">
        <v>50</v>
      </c>
      <c r="EM5" s="260" t="s">
        <v>51</v>
      </c>
      <c r="EN5" s="266" t="s">
        <v>45</v>
      </c>
      <c r="EO5" s="531"/>
      <c r="EP5" s="351" t="s">
        <v>43</v>
      </c>
      <c r="EQ5" s="260" t="s">
        <v>44</v>
      </c>
      <c r="ER5" s="266" t="s">
        <v>45</v>
      </c>
      <c r="ES5" s="268" t="s">
        <v>83</v>
      </c>
      <c r="ET5" s="260" t="s">
        <v>47</v>
      </c>
      <c r="EU5" s="260" t="s">
        <v>48</v>
      </c>
      <c r="EV5" s="260" t="s">
        <v>49</v>
      </c>
      <c r="EW5" s="260" t="s">
        <v>50</v>
      </c>
      <c r="EX5" s="260" t="s">
        <v>51</v>
      </c>
      <c r="EY5" s="266" t="s">
        <v>45</v>
      </c>
      <c r="EZ5" s="531"/>
    </row>
    <row r="6" spans="2:156" ht="19.5" customHeight="1" x14ac:dyDescent="0.2">
      <c r="B6" s="261" t="s">
        <v>4</v>
      </c>
      <c r="C6" s="270">
        <v>0</v>
      </c>
      <c r="D6" s="274">
        <v>0</v>
      </c>
      <c r="E6" s="384">
        <v>0</v>
      </c>
      <c r="F6" s="273">
        <v>0</v>
      </c>
      <c r="G6" s="274">
        <v>1120</v>
      </c>
      <c r="H6" s="274">
        <v>1293</v>
      </c>
      <c r="I6" s="274">
        <v>657</v>
      </c>
      <c r="J6" s="274">
        <v>574</v>
      </c>
      <c r="K6" s="274">
        <v>476</v>
      </c>
      <c r="L6" s="275">
        <v>4120</v>
      </c>
      <c r="M6" s="276">
        <v>4120</v>
      </c>
      <c r="N6" s="270">
        <v>0</v>
      </c>
      <c r="O6" s="274">
        <v>2</v>
      </c>
      <c r="P6" s="271">
        <v>2</v>
      </c>
      <c r="Q6" s="273">
        <v>0</v>
      </c>
      <c r="R6" s="274">
        <v>7</v>
      </c>
      <c r="S6" s="274">
        <v>42</v>
      </c>
      <c r="T6" s="274">
        <v>55</v>
      </c>
      <c r="U6" s="274">
        <v>139</v>
      </c>
      <c r="V6" s="274">
        <v>222</v>
      </c>
      <c r="W6" s="271">
        <v>465</v>
      </c>
      <c r="X6" s="276">
        <v>467</v>
      </c>
      <c r="Y6" s="270">
        <v>205</v>
      </c>
      <c r="Z6" s="274">
        <v>395</v>
      </c>
      <c r="AA6" s="271">
        <v>600</v>
      </c>
      <c r="AB6" s="273">
        <v>0</v>
      </c>
      <c r="AC6" s="274">
        <v>836</v>
      </c>
      <c r="AD6" s="274">
        <v>1182</v>
      </c>
      <c r="AE6" s="274">
        <v>659</v>
      </c>
      <c r="AF6" s="274">
        <v>608</v>
      </c>
      <c r="AG6" s="274">
        <v>436</v>
      </c>
      <c r="AH6" s="271">
        <v>3721</v>
      </c>
      <c r="AI6" s="276">
        <v>4321</v>
      </c>
      <c r="AJ6" s="270">
        <v>18</v>
      </c>
      <c r="AK6" s="274">
        <v>48</v>
      </c>
      <c r="AL6" s="271">
        <v>66</v>
      </c>
      <c r="AM6" s="273">
        <v>0</v>
      </c>
      <c r="AN6" s="274">
        <v>92</v>
      </c>
      <c r="AO6" s="274">
        <v>148</v>
      </c>
      <c r="AP6" s="274">
        <v>87</v>
      </c>
      <c r="AQ6" s="274">
        <v>95</v>
      </c>
      <c r="AR6" s="274">
        <v>45</v>
      </c>
      <c r="AS6" s="271">
        <v>467</v>
      </c>
      <c r="AT6" s="276">
        <v>533</v>
      </c>
      <c r="AU6" s="270">
        <v>321</v>
      </c>
      <c r="AV6" s="274">
        <v>325</v>
      </c>
      <c r="AW6" s="271">
        <v>646</v>
      </c>
      <c r="AX6" s="273">
        <v>0</v>
      </c>
      <c r="AY6" s="274">
        <v>1265</v>
      </c>
      <c r="AZ6" s="274">
        <v>1536</v>
      </c>
      <c r="BA6" s="274">
        <v>1271</v>
      </c>
      <c r="BB6" s="274">
        <v>1411</v>
      </c>
      <c r="BC6" s="274">
        <v>1089</v>
      </c>
      <c r="BD6" s="275">
        <v>6572</v>
      </c>
      <c r="BE6" s="276">
        <v>7218</v>
      </c>
      <c r="BF6" s="270">
        <v>0</v>
      </c>
      <c r="BG6" s="274">
        <v>0</v>
      </c>
      <c r="BH6" s="271">
        <v>0</v>
      </c>
      <c r="BI6" s="273">
        <v>0</v>
      </c>
      <c r="BJ6" s="274">
        <v>1386</v>
      </c>
      <c r="BK6" s="274">
        <v>1177</v>
      </c>
      <c r="BL6" s="274">
        <v>575</v>
      </c>
      <c r="BM6" s="274">
        <v>370</v>
      </c>
      <c r="BN6" s="274">
        <v>152</v>
      </c>
      <c r="BO6" s="271">
        <v>3660</v>
      </c>
      <c r="BP6" s="276">
        <v>3660</v>
      </c>
      <c r="BQ6" s="270">
        <v>109</v>
      </c>
      <c r="BR6" s="274">
        <v>150</v>
      </c>
      <c r="BS6" s="271">
        <v>259</v>
      </c>
      <c r="BT6" s="273">
        <v>0</v>
      </c>
      <c r="BU6" s="274">
        <v>332</v>
      </c>
      <c r="BV6" s="274">
        <v>437</v>
      </c>
      <c r="BW6" s="274">
        <v>271</v>
      </c>
      <c r="BX6" s="274">
        <v>201</v>
      </c>
      <c r="BY6" s="274">
        <v>66</v>
      </c>
      <c r="BZ6" s="271">
        <v>1307</v>
      </c>
      <c r="CA6" s="276">
        <v>1566</v>
      </c>
      <c r="CB6" s="270">
        <v>4</v>
      </c>
      <c r="CC6" s="274">
        <v>11</v>
      </c>
      <c r="CD6" s="271">
        <v>15</v>
      </c>
      <c r="CE6" s="273">
        <v>0</v>
      </c>
      <c r="CF6" s="274">
        <v>164</v>
      </c>
      <c r="CG6" s="274">
        <v>199</v>
      </c>
      <c r="CH6" s="274">
        <v>236</v>
      </c>
      <c r="CI6" s="274">
        <v>183</v>
      </c>
      <c r="CJ6" s="274">
        <v>91</v>
      </c>
      <c r="CK6" s="271">
        <v>873</v>
      </c>
      <c r="CL6" s="276">
        <v>888</v>
      </c>
      <c r="CM6" s="270">
        <v>1</v>
      </c>
      <c r="CN6" s="274">
        <v>2</v>
      </c>
      <c r="CO6" s="271">
        <v>3</v>
      </c>
      <c r="CP6" s="273">
        <v>0</v>
      </c>
      <c r="CQ6" s="274">
        <v>20</v>
      </c>
      <c r="CR6" s="274">
        <v>45</v>
      </c>
      <c r="CS6" s="274">
        <v>46</v>
      </c>
      <c r="CT6" s="274">
        <v>39</v>
      </c>
      <c r="CU6" s="274">
        <v>23</v>
      </c>
      <c r="CV6" s="271">
        <v>173</v>
      </c>
      <c r="CW6" s="276">
        <v>176</v>
      </c>
      <c r="CX6" s="270">
        <v>0</v>
      </c>
      <c r="CY6" s="274">
        <v>0</v>
      </c>
      <c r="CZ6" s="271">
        <v>0</v>
      </c>
      <c r="DA6" s="273">
        <v>0</v>
      </c>
      <c r="DB6" s="274">
        <v>0</v>
      </c>
      <c r="DC6" s="274">
        <v>0</v>
      </c>
      <c r="DD6" s="274">
        <v>0</v>
      </c>
      <c r="DE6" s="274">
        <v>0</v>
      </c>
      <c r="DF6" s="274">
        <v>0</v>
      </c>
      <c r="DG6" s="271">
        <v>0</v>
      </c>
      <c r="DH6" s="276">
        <v>0</v>
      </c>
      <c r="DI6" s="270">
        <v>0</v>
      </c>
      <c r="DJ6" s="274">
        <v>0</v>
      </c>
      <c r="DK6" s="271">
        <v>0</v>
      </c>
      <c r="DL6" s="273">
        <v>0</v>
      </c>
      <c r="DM6" s="274">
        <v>0</v>
      </c>
      <c r="DN6" s="274">
        <v>0</v>
      </c>
      <c r="DO6" s="274">
        <v>0</v>
      </c>
      <c r="DP6" s="274">
        <v>0</v>
      </c>
      <c r="DQ6" s="274">
        <v>0</v>
      </c>
      <c r="DR6" s="271">
        <v>0</v>
      </c>
      <c r="DS6" s="276">
        <v>0</v>
      </c>
      <c r="DT6" s="270">
        <v>581</v>
      </c>
      <c r="DU6" s="274">
        <v>1163</v>
      </c>
      <c r="DV6" s="271">
        <v>1744</v>
      </c>
      <c r="DW6" s="273">
        <v>0</v>
      </c>
      <c r="DX6" s="274">
        <v>1610</v>
      </c>
      <c r="DY6" s="274">
        <v>2754</v>
      </c>
      <c r="DZ6" s="274">
        <v>1602</v>
      </c>
      <c r="EA6" s="274">
        <v>1262</v>
      </c>
      <c r="EB6" s="274">
        <v>806</v>
      </c>
      <c r="EC6" s="271">
        <v>8034</v>
      </c>
      <c r="ED6" s="276">
        <v>9778</v>
      </c>
      <c r="EE6" s="270">
        <v>214</v>
      </c>
      <c r="EF6" s="274">
        <v>167</v>
      </c>
      <c r="EG6" s="271">
        <v>381</v>
      </c>
      <c r="EH6" s="273">
        <v>0</v>
      </c>
      <c r="EI6" s="274">
        <v>623</v>
      </c>
      <c r="EJ6" s="274">
        <v>626</v>
      </c>
      <c r="EK6" s="274">
        <v>542</v>
      </c>
      <c r="EL6" s="274">
        <v>626</v>
      </c>
      <c r="EM6" s="274">
        <v>394</v>
      </c>
      <c r="EN6" s="271">
        <v>2811</v>
      </c>
      <c r="EO6" s="276">
        <v>3192</v>
      </c>
      <c r="EP6" s="270">
        <v>840</v>
      </c>
      <c r="EQ6" s="274">
        <v>1497</v>
      </c>
      <c r="ER6" s="271">
        <v>2337</v>
      </c>
      <c r="ES6" s="273">
        <v>0</v>
      </c>
      <c r="ET6" s="274">
        <v>3747</v>
      </c>
      <c r="EU6" s="274">
        <v>3857</v>
      </c>
      <c r="EV6" s="274">
        <v>1942</v>
      </c>
      <c r="EW6" s="274">
        <v>1392</v>
      </c>
      <c r="EX6" s="274">
        <v>863</v>
      </c>
      <c r="EY6" s="271">
        <v>11801</v>
      </c>
      <c r="EZ6" s="276">
        <v>14138</v>
      </c>
    </row>
    <row r="7" spans="2:156" ht="19.5" customHeight="1" x14ac:dyDescent="0.2">
      <c r="B7" s="262" t="s">
        <v>5</v>
      </c>
      <c r="C7" s="277">
        <v>0</v>
      </c>
      <c r="D7" s="281">
        <v>0</v>
      </c>
      <c r="E7" s="385">
        <v>0</v>
      </c>
      <c r="F7" s="280">
        <v>0</v>
      </c>
      <c r="G7" s="281">
        <v>436</v>
      </c>
      <c r="H7" s="281">
        <v>704</v>
      </c>
      <c r="I7" s="281">
        <v>286</v>
      </c>
      <c r="J7" s="281">
        <v>245</v>
      </c>
      <c r="K7" s="281">
        <v>193</v>
      </c>
      <c r="L7" s="282">
        <v>1864</v>
      </c>
      <c r="M7" s="283">
        <v>1864</v>
      </c>
      <c r="N7" s="277">
        <v>0</v>
      </c>
      <c r="O7" s="281">
        <v>1</v>
      </c>
      <c r="P7" s="278">
        <v>1</v>
      </c>
      <c r="Q7" s="280">
        <v>0</v>
      </c>
      <c r="R7" s="281">
        <v>1</v>
      </c>
      <c r="S7" s="281">
        <v>19</v>
      </c>
      <c r="T7" s="281">
        <v>23</v>
      </c>
      <c r="U7" s="281">
        <v>62</v>
      </c>
      <c r="V7" s="281">
        <v>88</v>
      </c>
      <c r="W7" s="278">
        <v>193</v>
      </c>
      <c r="X7" s="283">
        <v>194</v>
      </c>
      <c r="Y7" s="277">
        <v>99</v>
      </c>
      <c r="Z7" s="281">
        <v>203</v>
      </c>
      <c r="AA7" s="278">
        <v>302</v>
      </c>
      <c r="AB7" s="280">
        <v>0</v>
      </c>
      <c r="AC7" s="281">
        <v>313</v>
      </c>
      <c r="AD7" s="281">
        <v>653</v>
      </c>
      <c r="AE7" s="281">
        <v>307</v>
      </c>
      <c r="AF7" s="281">
        <v>281</v>
      </c>
      <c r="AG7" s="281">
        <v>195</v>
      </c>
      <c r="AH7" s="278">
        <v>1749</v>
      </c>
      <c r="AI7" s="283">
        <v>2051</v>
      </c>
      <c r="AJ7" s="277">
        <v>8</v>
      </c>
      <c r="AK7" s="281">
        <v>30</v>
      </c>
      <c r="AL7" s="278">
        <v>38</v>
      </c>
      <c r="AM7" s="280">
        <v>0</v>
      </c>
      <c r="AN7" s="281">
        <v>27</v>
      </c>
      <c r="AO7" s="281">
        <v>74</v>
      </c>
      <c r="AP7" s="281">
        <v>34</v>
      </c>
      <c r="AQ7" s="281">
        <v>43</v>
      </c>
      <c r="AR7" s="281">
        <v>16</v>
      </c>
      <c r="AS7" s="278">
        <v>194</v>
      </c>
      <c r="AT7" s="283">
        <v>232</v>
      </c>
      <c r="AU7" s="277">
        <v>145</v>
      </c>
      <c r="AV7" s="281">
        <v>179</v>
      </c>
      <c r="AW7" s="278">
        <v>324</v>
      </c>
      <c r="AX7" s="280">
        <v>0</v>
      </c>
      <c r="AY7" s="281">
        <v>517</v>
      </c>
      <c r="AZ7" s="281">
        <v>744</v>
      </c>
      <c r="BA7" s="281">
        <v>581</v>
      </c>
      <c r="BB7" s="281">
        <v>618</v>
      </c>
      <c r="BC7" s="281">
        <v>464</v>
      </c>
      <c r="BD7" s="282">
        <v>2924</v>
      </c>
      <c r="BE7" s="283">
        <v>3248</v>
      </c>
      <c r="BF7" s="277">
        <v>0</v>
      </c>
      <c r="BG7" s="281">
        <v>0</v>
      </c>
      <c r="BH7" s="278">
        <v>0</v>
      </c>
      <c r="BI7" s="280">
        <v>0</v>
      </c>
      <c r="BJ7" s="281">
        <v>476</v>
      </c>
      <c r="BK7" s="281">
        <v>510</v>
      </c>
      <c r="BL7" s="281">
        <v>242</v>
      </c>
      <c r="BM7" s="281">
        <v>141</v>
      </c>
      <c r="BN7" s="281">
        <v>64</v>
      </c>
      <c r="BO7" s="278">
        <v>1433</v>
      </c>
      <c r="BP7" s="283">
        <v>1433</v>
      </c>
      <c r="BQ7" s="277">
        <v>53</v>
      </c>
      <c r="BR7" s="281">
        <v>73</v>
      </c>
      <c r="BS7" s="278">
        <v>126</v>
      </c>
      <c r="BT7" s="280">
        <v>0</v>
      </c>
      <c r="BU7" s="281">
        <v>107</v>
      </c>
      <c r="BV7" s="281">
        <v>236</v>
      </c>
      <c r="BW7" s="281">
        <v>130</v>
      </c>
      <c r="BX7" s="281">
        <v>93</v>
      </c>
      <c r="BY7" s="281">
        <v>34</v>
      </c>
      <c r="BZ7" s="278">
        <v>600</v>
      </c>
      <c r="CA7" s="283">
        <v>726</v>
      </c>
      <c r="CB7" s="277">
        <v>1</v>
      </c>
      <c r="CC7" s="281">
        <v>4</v>
      </c>
      <c r="CD7" s="278">
        <v>5</v>
      </c>
      <c r="CE7" s="280">
        <v>0</v>
      </c>
      <c r="CF7" s="281">
        <v>66</v>
      </c>
      <c r="CG7" s="281">
        <v>88</v>
      </c>
      <c r="CH7" s="281">
        <v>93</v>
      </c>
      <c r="CI7" s="281">
        <v>72</v>
      </c>
      <c r="CJ7" s="281">
        <v>38</v>
      </c>
      <c r="CK7" s="278">
        <v>357</v>
      </c>
      <c r="CL7" s="283">
        <v>362</v>
      </c>
      <c r="CM7" s="277">
        <v>0</v>
      </c>
      <c r="CN7" s="281">
        <v>1</v>
      </c>
      <c r="CO7" s="278">
        <v>1</v>
      </c>
      <c r="CP7" s="280">
        <v>0</v>
      </c>
      <c r="CQ7" s="281">
        <v>10</v>
      </c>
      <c r="CR7" s="281">
        <v>28</v>
      </c>
      <c r="CS7" s="281">
        <v>29</v>
      </c>
      <c r="CT7" s="281">
        <v>23</v>
      </c>
      <c r="CU7" s="281">
        <v>14</v>
      </c>
      <c r="CV7" s="278">
        <v>104</v>
      </c>
      <c r="CW7" s="283">
        <v>105</v>
      </c>
      <c r="CX7" s="277">
        <v>0</v>
      </c>
      <c r="CY7" s="281">
        <v>0</v>
      </c>
      <c r="CZ7" s="278">
        <v>0</v>
      </c>
      <c r="DA7" s="280">
        <v>0</v>
      </c>
      <c r="DB7" s="281">
        <v>0</v>
      </c>
      <c r="DC7" s="281">
        <v>0</v>
      </c>
      <c r="DD7" s="281">
        <v>0</v>
      </c>
      <c r="DE7" s="281">
        <v>0</v>
      </c>
      <c r="DF7" s="281">
        <v>0</v>
      </c>
      <c r="DG7" s="278">
        <v>0</v>
      </c>
      <c r="DH7" s="283">
        <v>0</v>
      </c>
      <c r="DI7" s="277">
        <v>0</v>
      </c>
      <c r="DJ7" s="281">
        <v>0</v>
      </c>
      <c r="DK7" s="278">
        <v>0</v>
      </c>
      <c r="DL7" s="280">
        <v>0</v>
      </c>
      <c r="DM7" s="281">
        <v>0</v>
      </c>
      <c r="DN7" s="281">
        <v>0</v>
      </c>
      <c r="DO7" s="281">
        <v>0</v>
      </c>
      <c r="DP7" s="281">
        <v>0</v>
      </c>
      <c r="DQ7" s="281">
        <v>0</v>
      </c>
      <c r="DR7" s="278">
        <v>0</v>
      </c>
      <c r="DS7" s="283">
        <v>0</v>
      </c>
      <c r="DT7" s="277">
        <v>218</v>
      </c>
      <c r="DU7" s="281">
        <v>539</v>
      </c>
      <c r="DV7" s="278">
        <v>757</v>
      </c>
      <c r="DW7" s="280">
        <v>0</v>
      </c>
      <c r="DX7" s="281">
        <v>490</v>
      </c>
      <c r="DY7" s="281">
        <v>1343</v>
      </c>
      <c r="DZ7" s="281">
        <v>669</v>
      </c>
      <c r="EA7" s="281">
        <v>535</v>
      </c>
      <c r="EB7" s="281">
        <v>336</v>
      </c>
      <c r="EC7" s="278">
        <v>3373</v>
      </c>
      <c r="ED7" s="283">
        <v>4130</v>
      </c>
      <c r="EE7" s="277">
        <v>92</v>
      </c>
      <c r="EF7" s="281">
        <v>84</v>
      </c>
      <c r="EG7" s="278">
        <v>176</v>
      </c>
      <c r="EH7" s="280">
        <v>0</v>
      </c>
      <c r="EI7" s="281">
        <v>266</v>
      </c>
      <c r="EJ7" s="281">
        <v>321</v>
      </c>
      <c r="EK7" s="281">
        <v>267</v>
      </c>
      <c r="EL7" s="281">
        <v>287</v>
      </c>
      <c r="EM7" s="281">
        <v>174</v>
      </c>
      <c r="EN7" s="278">
        <v>1315</v>
      </c>
      <c r="EO7" s="283">
        <v>1491</v>
      </c>
      <c r="EP7" s="277">
        <v>350</v>
      </c>
      <c r="EQ7" s="281">
        <v>718</v>
      </c>
      <c r="ER7" s="278">
        <v>1068</v>
      </c>
      <c r="ES7" s="280">
        <v>0</v>
      </c>
      <c r="ET7" s="281">
        <v>1347</v>
      </c>
      <c r="EU7" s="281">
        <v>1917</v>
      </c>
      <c r="EV7" s="281">
        <v>816</v>
      </c>
      <c r="EW7" s="281">
        <v>613</v>
      </c>
      <c r="EX7" s="281">
        <v>370</v>
      </c>
      <c r="EY7" s="278">
        <v>5063</v>
      </c>
      <c r="EZ7" s="283">
        <v>6131</v>
      </c>
    </row>
    <row r="8" spans="2:156" ht="19.5" customHeight="1" x14ac:dyDescent="0.2">
      <c r="B8" s="262" t="s">
        <v>6</v>
      </c>
      <c r="C8" s="277">
        <v>0</v>
      </c>
      <c r="D8" s="281">
        <v>0</v>
      </c>
      <c r="E8" s="385">
        <v>0</v>
      </c>
      <c r="F8" s="280">
        <v>0</v>
      </c>
      <c r="G8" s="281">
        <v>222</v>
      </c>
      <c r="H8" s="281">
        <v>166</v>
      </c>
      <c r="I8" s="281">
        <v>101</v>
      </c>
      <c r="J8" s="281">
        <v>107</v>
      </c>
      <c r="K8" s="281">
        <v>85</v>
      </c>
      <c r="L8" s="282">
        <v>681</v>
      </c>
      <c r="M8" s="283">
        <v>681</v>
      </c>
      <c r="N8" s="277">
        <v>0</v>
      </c>
      <c r="O8" s="281">
        <v>1</v>
      </c>
      <c r="P8" s="278">
        <v>1</v>
      </c>
      <c r="Q8" s="280">
        <v>0</v>
      </c>
      <c r="R8" s="281">
        <v>1</v>
      </c>
      <c r="S8" s="281">
        <v>4</v>
      </c>
      <c r="T8" s="281">
        <v>9</v>
      </c>
      <c r="U8" s="281">
        <v>25</v>
      </c>
      <c r="V8" s="281">
        <v>34</v>
      </c>
      <c r="W8" s="278">
        <v>73</v>
      </c>
      <c r="X8" s="283">
        <v>74</v>
      </c>
      <c r="Y8" s="277">
        <v>33</v>
      </c>
      <c r="Z8" s="281">
        <v>62</v>
      </c>
      <c r="AA8" s="278">
        <v>95</v>
      </c>
      <c r="AB8" s="280">
        <v>0</v>
      </c>
      <c r="AC8" s="281">
        <v>190</v>
      </c>
      <c r="AD8" s="281">
        <v>164</v>
      </c>
      <c r="AE8" s="281">
        <v>116</v>
      </c>
      <c r="AF8" s="281">
        <v>105</v>
      </c>
      <c r="AG8" s="281">
        <v>74</v>
      </c>
      <c r="AH8" s="278">
        <v>649</v>
      </c>
      <c r="AI8" s="283">
        <v>744</v>
      </c>
      <c r="AJ8" s="277">
        <v>3</v>
      </c>
      <c r="AK8" s="281">
        <v>3</v>
      </c>
      <c r="AL8" s="278">
        <v>6</v>
      </c>
      <c r="AM8" s="280">
        <v>0</v>
      </c>
      <c r="AN8" s="281">
        <v>21</v>
      </c>
      <c r="AO8" s="281">
        <v>20</v>
      </c>
      <c r="AP8" s="281">
        <v>12</v>
      </c>
      <c r="AQ8" s="281">
        <v>14</v>
      </c>
      <c r="AR8" s="281">
        <v>4</v>
      </c>
      <c r="AS8" s="278">
        <v>71</v>
      </c>
      <c r="AT8" s="283">
        <v>77</v>
      </c>
      <c r="AU8" s="277">
        <v>49</v>
      </c>
      <c r="AV8" s="281">
        <v>49</v>
      </c>
      <c r="AW8" s="278">
        <v>98</v>
      </c>
      <c r="AX8" s="280">
        <v>0</v>
      </c>
      <c r="AY8" s="281">
        <v>247</v>
      </c>
      <c r="AZ8" s="281">
        <v>255</v>
      </c>
      <c r="BA8" s="281">
        <v>234</v>
      </c>
      <c r="BB8" s="281">
        <v>260</v>
      </c>
      <c r="BC8" s="281">
        <v>197</v>
      </c>
      <c r="BD8" s="282">
        <v>1193</v>
      </c>
      <c r="BE8" s="283">
        <v>1291</v>
      </c>
      <c r="BF8" s="277">
        <v>0</v>
      </c>
      <c r="BG8" s="281">
        <v>0</v>
      </c>
      <c r="BH8" s="278">
        <v>0</v>
      </c>
      <c r="BI8" s="280">
        <v>0</v>
      </c>
      <c r="BJ8" s="281">
        <v>279</v>
      </c>
      <c r="BK8" s="281">
        <v>175</v>
      </c>
      <c r="BL8" s="281">
        <v>78</v>
      </c>
      <c r="BM8" s="281">
        <v>69</v>
      </c>
      <c r="BN8" s="281">
        <v>26</v>
      </c>
      <c r="BO8" s="278">
        <v>627</v>
      </c>
      <c r="BP8" s="283">
        <v>627</v>
      </c>
      <c r="BQ8" s="277">
        <v>7</v>
      </c>
      <c r="BR8" s="281">
        <v>14</v>
      </c>
      <c r="BS8" s="278">
        <v>21</v>
      </c>
      <c r="BT8" s="280">
        <v>0</v>
      </c>
      <c r="BU8" s="281">
        <v>51</v>
      </c>
      <c r="BV8" s="281">
        <v>51</v>
      </c>
      <c r="BW8" s="281">
        <v>34</v>
      </c>
      <c r="BX8" s="281">
        <v>42</v>
      </c>
      <c r="BY8" s="281">
        <v>8</v>
      </c>
      <c r="BZ8" s="278">
        <v>186</v>
      </c>
      <c r="CA8" s="283">
        <v>207</v>
      </c>
      <c r="CB8" s="277">
        <v>0</v>
      </c>
      <c r="CC8" s="281">
        <v>1</v>
      </c>
      <c r="CD8" s="278">
        <v>1</v>
      </c>
      <c r="CE8" s="280">
        <v>0</v>
      </c>
      <c r="CF8" s="281">
        <v>13</v>
      </c>
      <c r="CG8" s="281">
        <v>25</v>
      </c>
      <c r="CH8" s="281">
        <v>28</v>
      </c>
      <c r="CI8" s="281">
        <v>27</v>
      </c>
      <c r="CJ8" s="281">
        <v>12</v>
      </c>
      <c r="CK8" s="278">
        <v>105</v>
      </c>
      <c r="CL8" s="283">
        <v>106</v>
      </c>
      <c r="CM8" s="277">
        <v>0</v>
      </c>
      <c r="CN8" s="281">
        <v>0</v>
      </c>
      <c r="CO8" s="278">
        <v>0</v>
      </c>
      <c r="CP8" s="280">
        <v>0</v>
      </c>
      <c r="CQ8" s="281">
        <v>4</v>
      </c>
      <c r="CR8" s="281">
        <v>5</v>
      </c>
      <c r="CS8" s="281">
        <v>5</v>
      </c>
      <c r="CT8" s="281">
        <v>8</v>
      </c>
      <c r="CU8" s="281">
        <v>3</v>
      </c>
      <c r="CV8" s="278">
        <v>25</v>
      </c>
      <c r="CW8" s="283">
        <v>25</v>
      </c>
      <c r="CX8" s="277">
        <v>0</v>
      </c>
      <c r="CY8" s="281">
        <v>0</v>
      </c>
      <c r="CZ8" s="278">
        <v>0</v>
      </c>
      <c r="DA8" s="280">
        <v>0</v>
      </c>
      <c r="DB8" s="281">
        <v>0</v>
      </c>
      <c r="DC8" s="281">
        <v>0</v>
      </c>
      <c r="DD8" s="281">
        <v>0</v>
      </c>
      <c r="DE8" s="281">
        <v>0</v>
      </c>
      <c r="DF8" s="281">
        <v>0</v>
      </c>
      <c r="DG8" s="278">
        <v>0</v>
      </c>
      <c r="DH8" s="283">
        <v>0</v>
      </c>
      <c r="DI8" s="277">
        <v>0</v>
      </c>
      <c r="DJ8" s="281">
        <v>0</v>
      </c>
      <c r="DK8" s="278">
        <v>0</v>
      </c>
      <c r="DL8" s="280">
        <v>0</v>
      </c>
      <c r="DM8" s="281">
        <v>0</v>
      </c>
      <c r="DN8" s="281">
        <v>0</v>
      </c>
      <c r="DO8" s="281">
        <v>0</v>
      </c>
      <c r="DP8" s="281">
        <v>0</v>
      </c>
      <c r="DQ8" s="281">
        <v>0</v>
      </c>
      <c r="DR8" s="278">
        <v>0</v>
      </c>
      <c r="DS8" s="283">
        <v>0</v>
      </c>
      <c r="DT8" s="277">
        <v>102</v>
      </c>
      <c r="DU8" s="281">
        <v>164</v>
      </c>
      <c r="DV8" s="278">
        <v>266</v>
      </c>
      <c r="DW8" s="280">
        <v>0</v>
      </c>
      <c r="DX8" s="281">
        <v>345</v>
      </c>
      <c r="DY8" s="281">
        <v>408</v>
      </c>
      <c r="DZ8" s="281">
        <v>274</v>
      </c>
      <c r="EA8" s="281">
        <v>229</v>
      </c>
      <c r="EB8" s="281">
        <v>131</v>
      </c>
      <c r="EC8" s="278">
        <v>1387</v>
      </c>
      <c r="ED8" s="283">
        <v>1653</v>
      </c>
      <c r="EE8" s="277">
        <v>32</v>
      </c>
      <c r="EF8" s="281">
        <v>21</v>
      </c>
      <c r="EG8" s="278">
        <v>53</v>
      </c>
      <c r="EH8" s="280">
        <v>0</v>
      </c>
      <c r="EI8" s="281">
        <v>106</v>
      </c>
      <c r="EJ8" s="281">
        <v>93</v>
      </c>
      <c r="EK8" s="281">
        <v>88</v>
      </c>
      <c r="EL8" s="281">
        <v>109</v>
      </c>
      <c r="EM8" s="281">
        <v>70</v>
      </c>
      <c r="EN8" s="278">
        <v>466</v>
      </c>
      <c r="EO8" s="283">
        <v>519</v>
      </c>
      <c r="EP8" s="277">
        <v>136</v>
      </c>
      <c r="EQ8" s="281">
        <v>208</v>
      </c>
      <c r="ER8" s="278">
        <v>344</v>
      </c>
      <c r="ES8" s="280">
        <v>0</v>
      </c>
      <c r="ET8" s="281">
        <v>745</v>
      </c>
      <c r="EU8" s="281">
        <v>550</v>
      </c>
      <c r="EV8" s="281">
        <v>317</v>
      </c>
      <c r="EW8" s="281">
        <v>246</v>
      </c>
      <c r="EX8" s="281">
        <v>142</v>
      </c>
      <c r="EY8" s="278">
        <v>2000</v>
      </c>
      <c r="EZ8" s="283">
        <v>2344</v>
      </c>
    </row>
    <row r="9" spans="2:156" ht="19.5" customHeight="1" x14ac:dyDescent="0.2">
      <c r="B9" s="262" t="s">
        <v>14</v>
      </c>
      <c r="C9" s="277">
        <v>0</v>
      </c>
      <c r="D9" s="281">
        <v>0</v>
      </c>
      <c r="E9" s="385">
        <v>0</v>
      </c>
      <c r="F9" s="280">
        <v>0</v>
      </c>
      <c r="G9" s="281">
        <v>54</v>
      </c>
      <c r="H9" s="281">
        <v>67</v>
      </c>
      <c r="I9" s="281">
        <v>44</v>
      </c>
      <c r="J9" s="281">
        <v>34</v>
      </c>
      <c r="K9" s="281">
        <v>32</v>
      </c>
      <c r="L9" s="282">
        <v>231</v>
      </c>
      <c r="M9" s="283">
        <v>231</v>
      </c>
      <c r="N9" s="277">
        <v>0</v>
      </c>
      <c r="O9" s="281">
        <v>0</v>
      </c>
      <c r="P9" s="278">
        <v>0</v>
      </c>
      <c r="Q9" s="280">
        <v>0</v>
      </c>
      <c r="R9" s="281">
        <v>0</v>
      </c>
      <c r="S9" s="281">
        <v>1</v>
      </c>
      <c r="T9" s="281">
        <v>3</v>
      </c>
      <c r="U9" s="281">
        <v>10</v>
      </c>
      <c r="V9" s="281">
        <v>18</v>
      </c>
      <c r="W9" s="278">
        <v>32</v>
      </c>
      <c r="X9" s="283">
        <v>32</v>
      </c>
      <c r="Y9" s="277">
        <v>4</v>
      </c>
      <c r="Z9" s="281">
        <v>29</v>
      </c>
      <c r="AA9" s="278">
        <v>33</v>
      </c>
      <c r="AB9" s="280">
        <v>0</v>
      </c>
      <c r="AC9" s="281">
        <v>33</v>
      </c>
      <c r="AD9" s="281">
        <v>64</v>
      </c>
      <c r="AE9" s="281">
        <v>36</v>
      </c>
      <c r="AF9" s="281">
        <v>42</v>
      </c>
      <c r="AG9" s="281">
        <v>35</v>
      </c>
      <c r="AH9" s="278">
        <v>210</v>
      </c>
      <c r="AI9" s="283">
        <v>243</v>
      </c>
      <c r="AJ9" s="277">
        <v>0</v>
      </c>
      <c r="AK9" s="281">
        <v>2</v>
      </c>
      <c r="AL9" s="278">
        <v>2</v>
      </c>
      <c r="AM9" s="280">
        <v>0</v>
      </c>
      <c r="AN9" s="281">
        <v>1</v>
      </c>
      <c r="AO9" s="281">
        <v>4</v>
      </c>
      <c r="AP9" s="281">
        <v>2</v>
      </c>
      <c r="AQ9" s="281">
        <v>5</v>
      </c>
      <c r="AR9" s="281">
        <v>1</v>
      </c>
      <c r="AS9" s="278">
        <v>13</v>
      </c>
      <c r="AT9" s="283">
        <v>15</v>
      </c>
      <c r="AU9" s="277">
        <v>14</v>
      </c>
      <c r="AV9" s="281">
        <v>23</v>
      </c>
      <c r="AW9" s="278">
        <v>37</v>
      </c>
      <c r="AX9" s="280">
        <v>0</v>
      </c>
      <c r="AY9" s="281">
        <v>69</v>
      </c>
      <c r="AZ9" s="281">
        <v>87</v>
      </c>
      <c r="BA9" s="281">
        <v>69</v>
      </c>
      <c r="BB9" s="281">
        <v>81</v>
      </c>
      <c r="BC9" s="281">
        <v>78</v>
      </c>
      <c r="BD9" s="282">
        <v>384</v>
      </c>
      <c r="BE9" s="283">
        <v>421</v>
      </c>
      <c r="BF9" s="277">
        <v>0</v>
      </c>
      <c r="BG9" s="281">
        <v>0</v>
      </c>
      <c r="BH9" s="278">
        <v>0</v>
      </c>
      <c r="BI9" s="280">
        <v>0</v>
      </c>
      <c r="BJ9" s="281">
        <v>94</v>
      </c>
      <c r="BK9" s="281">
        <v>66</v>
      </c>
      <c r="BL9" s="281">
        <v>55</v>
      </c>
      <c r="BM9" s="281">
        <v>24</v>
      </c>
      <c r="BN9" s="281">
        <v>16</v>
      </c>
      <c r="BO9" s="278">
        <v>255</v>
      </c>
      <c r="BP9" s="283">
        <v>255</v>
      </c>
      <c r="BQ9" s="277">
        <v>2</v>
      </c>
      <c r="BR9" s="281">
        <v>5</v>
      </c>
      <c r="BS9" s="278">
        <v>7</v>
      </c>
      <c r="BT9" s="280">
        <v>0</v>
      </c>
      <c r="BU9" s="281">
        <v>13</v>
      </c>
      <c r="BV9" s="281">
        <v>15</v>
      </c>
      <c r="BW9" s="281">
        <v>9</v>
      </c>
      <c r="BX9" s="281">
        <v>8</v>
      </c>
      <c r="BY9" s="281">
        <v>3</v>
      </c>
      <c r="BZ9" s="278">
        <v>48</v>
      </c>
      <c r="CA9" s="283">
        <v>55</v>
      </c>
      <c r="CB9" s="277">
        <v>1</v>
      </c>
      <c r="CC9" s="281">
        <v>1</v>
      </c>
      <c r="CD9" s="278">
        <v>2</v>
      </c>
      <c r="CE9" s="280">
        <v>0</v>
      </c>
      <c r="CF9" s="281">
        <v>14</v>
      </c>
      <c r="CG9" s="281">
        <v>15</v>
      </c>
      <c r="CH9" s="281">
        <v>14</v>
      </c>
      <c r="CI9" s="281">
        <v>17</v>
      </c>
      <c r="CJ9" s="281">
        <v>9</v>
      </c>
      <c r="CK9" s="278">
        <v>69</v>
      </c>
      <c r="CL9" s="283">
        <v>71</v>
      </c>
      <c r="CM9" s="277">
        <v>0</v>
      </c>
      <c r="CN9" s="281">
        <v>0</v>
      </c>
      <c r="CO9" s="278">
        <v>0</v>
      </c>
      <c r="CP9" s="280">
        <v>0</v>
      </c>
      <c r="CQ9" s="281">
        <v>0</v>
      </c>
      <c r="CR9" s="281">
        <v>1</v>
      </c>
      <c r="CS9" s="281">
        <v>0</v>
      </c>
      <c r="CT9" s="281">
        <v>0</v>
      </c>
      <c r="CU9" s="281">
        <v>0</v>
      </c>
      <c r="CV9" s="278">
        <v>1</v>
      </c>
      <c r="CW9" s="283">
        <v>1</v>
      </c>
      <c r="CX9" s="277">
        <v>0</v>
      </c>
      <c r="CY9" s="281">
        <v>0</v>
      </c>
      <c r="CZ9" s="278">
        <v>0</v>
      </c>
      <c r="DA9" s="280">
        <v>0</v>
      </c>
      <c r="DB9" s="281">
        <v>0</v>
      </c>
      <c r="DC9" s="281">
        <v>0</v>
      </c>
      <c r="DD9" s="281">
        <v>0</v>
      </c>
      <c r="DE9" s="281">
        <v>0</v>
      </c>
      <c r="DF9" s="281">
        <v>0</v>
      </c>
      <c r="DG9" s="278">
        <v>0</v>
      </c>
      <c r="DH9" s="283">
        <v>0</v>
      </c>
      <c r="DI9" s="277">
        <v>0</v>
      </c>
      <c r="DJ9" s="281">
        <v>0</v>
      </c>
      <c r="DK9" s="278">
        <v>0</v>
      </c>
      <c r="DL9" s="280">
        <v>0</v>
      </c>
      <c r="DM9" s="281">
        <v>0</v>
      </c>
      <c r="DN9" s="281">
        <v>0</v>
      </c>
      <c r="DO9" s="281">
        <v>0</v>
      </c>
      <c r="DP9" s="281">
        <v>0</v>
      </c>
      <c r="DQ9" s="281">
        <v>0</v>
      </c>
      <c r="DR9" s="278">
        <v>0</v>
      </c>
      <c r="DS9" s="283">
        <v>0</v>
      </c>
      <c r="DT9" s="277">
        <v>28</v>
      </c>
      <c r="DU9" s="281">
        <v>72</v>
      </c>
      <c r="DV9" s="278">
        <v>100</v>
      </c>
      <c r="DW9" s="280">
        <v>0</v>
      </c>
      <c r="DX9" s="281">
        <v>87</v>
      </c>
      <c r="DY9" s="281">
        <v>160</v>
      </c>
      <c r="DZ9" s="281">
        <v>107</v>
      </c>
      <c r="EA9" s="281">
        <v>85</v>
      </c>
      <c r="EB9" s="281">
        <v>66</v>
      </c>
      <c r="EC9" s="278">
        <v>505</v>
      </c>
      <c r="ED9" s="283">
        <v>605</v>
      </c>
      <c r="EE9" s="277">
        <v>10</v>
      </c>
      <c r="EF9" s="281">
        <v>15</v>
      </c>
      <c r="EG9" s="278">
        <v>25</v>
      </c>
      <c r="EH9" s="280">
        <v>0</v>
      </c>
      <c r="EI9" s="281">
        <v>29</v>
      </c>
      <c r="EJ9" s="281">
        <v>34</v>
      </c>
      <c r="EK9" s="281">
        <v>26</v>
      </c>
      <c r="EL9" s="281">
        <v>31</v>
      </c>
      <c r="EM9" s="281">
        <v>21</v>
      </c>
      <c r="EN9" s="278">
        <v>141</v>
      </c>
      <c r="EO9" s="283">
        <v>166</v>
      </c>
      <c r="EP9" s="277">
        <v>33</v>
      </c>
      <c r="EQ9" s="281">
        <v>91</v>
      </c>
      <c r="ER9" s="278">
        <v>124</v>
      </c>
      <c r="ES9" s="280">
        <v>0</v>
      </c>
      <c r="ET9" s="281">
        <v>205</v>
      </c>
      <c r="EU9" s="281">
        <v>222</v>
      </c>
      <c r="EV9" s="281">
        <v>134</v>
      </c>
      <c r="EW9" s="281">
        <v>91</v>
      </c>
      <c r="EX9" s="281">
        <v>69</v>
      </c>
      <c r="EY9" s="278">
        <v>721</v>
      </c>
      <c r="EZ9" s="283">
        <v>845</v>
      </c>
    </row>
    <row r="10" spans="2:156" ht="19.5" customHeight="1" x14ac:dyDescent="0.2">
      <c r="B10" s="262" t="s">
        <v>7</v>
      </c>
      <c r="C10" s="277">
        <v>0</v>
      </c>
      <c r="D10" s="281">
        <v>0</v>
      </c>
      <c r="E10" s="385">
        <v>0</v>
      </c>
      <c r="F10" s="280">
        <v>0</v>
      </c>
      <c r="G10" s="281">
        <v>48</v>
      </c>
      <c r="H10" s="281">
        <v>48</v>
      </c>
      <c r="I10" s="281">
        <v>21</v>
      </c>
      <c r="J10" s="281">
        <v>14</v>
      </c>
      <c r="K10" s="281">
        <v>18</v>
      </c>
      <c r="L10" s="282">
        <v>149</v>
      </c>
      <c r="M10" s="283">
        <v>149</v>
      </c>
      <c r="N10" s="277">
        <v>0</v>
      </c>
      <c r="O10" s="281">
        <v>0</v>
      </c>
      <c r="P10" s="278">
        <v>0</v>
      </c>
      <c r="Q10" s="280">
        <v>0</v>
      </c>
      <c r="R10" s="281">
        <v>2</v>
      </c>
      <c r="S10" s="281">
        <v>6</v>
      </c>
      <c r="T10" s="281">
        <v>5</v>
      </c>
      <c r="U10" s="281">
        <v>3</v>
      </c>
      <c r="V10" s="281">
        <v>8</v>
      </c>
      <c r="W10" s="278">
        <v>24</v>
      </c>
      <c r="X10" s="283">
        <v>24</v>
      </c>
      <c r="Y10" s="277">
        <v>0</v>
      </c>
      <c r="Z10" s="281">
        <v>3</v>
      </c>
      <c r="AA10" s="278">
        <v>3</v>
      </c>
      <c r="AB10" s="280">
        <v>0</v>
      </c>
      <c r="AC10" s="281">
        <v>32</v>
      </c>
      <c r="AD10" s="281">
        <v>31</v>
      </c>
      <c r="AE10" s="281">
        <v>15</v>
      </c>
      <c r="AF10" s="281">
        <v>13</v>
      </c>
      <c r="AG10" s="281">
        <v>16</v>
      </c>
      <c r="AH10" s="278">
        <v>107</v>
      </c>
      <c r="AI10" s="283">
        <v>110</v>
      </c>
      <c r="AJ10" s="277">
        <v>0</v>
      </c>
      <c r="AK10" s="281">
        <v>0</v>
      </c>
      <c r="AL10" s="278">
        <v>0</v>
      </c>
      <c r="AM10" s="280">
        <v>0</v>
      </c>
      <c r="AN10" s="281">
        <v>4</v>
      </c>
      <c r="AO10" s="281">
        <v>5</v>
      </c>
      <c r="AP10" s="281">
        <v>5</v>
      </c>
      <c r="AQ10" s="281">
        <v>1</v>
      </c>
      <c r="AR10" s="281">
        <v>1</v>
      </c>
      <c r="AS10" s="278">
        <v>16</v>
      </c>
      <c r="AT10" s="283">
        <v>16</v>
      </c>
      <c r="AU10" s="277">
        <v>14</v>
      </c>
      <c r="AV10" s="281">
        <v>4</v>
      </c>
      <c r="AW10" s="278">
        <v>18</v>
      </c>
      <c r="AX10" s="280">
        <v>0</v>
      </c>
      <c r="AY10" s="281">
        <v>61</v>
      </c>
      <c r="AZ10" s="281">
        <v>55</v>
      </c>
      <c r="BA10" s="281">
        <v>33</v>
      </c>
      <c r="BB10" s="281">
        <v>34</v>
      </c>
      <c r="BC10" s="281">
        <v>30</v>
      </c>
      <c r="BD10" s="282">
        <v>213</v>
      </c>
      <c r="BE10" s="283">
        <v>231</v>
      </c>
      <c r="BF10" s="277">
        <v>0</v>
      </c>
      <c r="BG10" s="281">
        <v>0</v>
      </c>
      <c r="BH10" s="278">
        <v>0</v>
      </c>
      <c r="BI10" s="280">
        <v>0</v>
      </c>
      <c r="BJ10" s="281">
        <v>73</v>
      </c>
      <c r="BK10" s="281">
        <v>45</v>
      </c>
      <c r="BL10" s="281">
        <v>17</v>
      </c>
      <c r="BM10" s="281">
        <v>8</v>
      </c>
      <c r="BN10" s="281">
        <v>6</v>
      </c>
      <c r="BO10" s="278">
        <v>149</v>
      </c>
      <c r="BP10" s="283">
        <v>149</v>
      </c>
      <c r="BQ10" s="277">
        <v>3</v>
      </c>
      <c r="BR10" s="281">
        <v>1</v>
      </c>
      <c r="BS10" s="278">
        <v>4</v>
      </c>
      <c r="BT10" s="280">
        <v>0</v>
      </c>
      <c r="BU10" s="281">
        <v>19</v>
      </c>
      <c r="BV10" s="281">
        <v>7</v>
      </c>
      <c r="BW10" s="281">
        <v>11</v>
      </c>
      <c r="BX10" s="281">
        <v>1</v>
      </c>
      <c r="BY10" s="281">
        <v>1</v>
      </c>
      <c r="BZ10" s="278">
        <v>39</v>
      </c>
      <c r="CA10" s="283">
        <v>43</v>
      </c>
      <c r="CB10" s="277">
        <v>0</v>
      </c>
      <c r="CC10" s="281">
        <v>0</v>
      </c>
      <c r="CD10" s="278">
        <v>0</v>
      </c>
      <c r="CE10" s="280">
        <v>0</v>
      </c>
      <c r="CF10" s="281">
        <v>5</v>
      </c>
      <c r="CG10" s="281">
        <v>10</v>
      </c>
      <c r="CH10" s="281">
        <v>10</v>
      </c>
      <c r="CI10" s="281">
        <v>2</v>
      </c>
      <c r="CJ10" s="281">
        <v>2</v>
      </c>
      <c r="CK10" s="278">
        <v>29</v>
      </c>
      <c r="CL10" s="283">
        <v>29</v>
      </c>
      <c r="CM10" s="277">
        <v>0</v>
      </c>
      <c r="CN10" s="281">
        <v>0</v>
      </c>
      <c r="CO10" s="278">
        <v>0</v>
      </c>
      <c r="CP10" s="280">
        <v>0</v>
      </c>
      <c r="CQ10" s="281">
        <v>0</v>
      </c>
      <c r="CR10" s="281">
        <v>2</v>
      </c>
      <c r="CS10" s="281">
        <v>1</v>
      </c>
      <c r="CT10" s="281">
        <v>0</v>
      </c>
      <c r="CU10" s="281">
        <v>1</v>
      </c>
      <c r="CV10" s="278">
        <v>4</v>
      </c>
      <c r="CW10" s="283">
        <v>4</v>
      </c>
      <c r="CX10" s="277">
        <v>0</v>
      </c>
      <c r="CY10" s="281">
        <v>0</v>
      </c>
      <c r="CZ10" s="278">
        <v>0</v>
      </c>
      <c r="DA10" s="280">
        <v>0</v>
      </c>
      <c r="DB10" s="281">
        <v>0</v>
      </c>
      <c r="DC10" s="281">
        <v>0</v>
      </c>
      <c r="DD10" s="281">
        <v>0</v>
      </c>
      <c r="DE10" s="281">
        <v>0</v>
      </c>
      <c r="DF10" s="281">
        <v>0</v>
      </c>
      <c r="DG10" s="278">
        <v>0</v>
      </c>
      <c r="DH10" s="283">
        <v>0</v>
      </c>
      <c r="DI10" s="277">
        <v>0</v>
      </c>
      <c r="DJ10" s="281">
        <v>0</v>
      </c>
      <c r="DK10" s="278">
        <v>0</v>
      </c>
      <c r="DL10" s="280">
        <v>0</v>
      </c>
      <c r="DM10" s="281">
        <v>0</v>
      </c>
      <c r="DN10" s="281">
        <v>0</v>
      </c>
      <c r="DO10" s="281">
        <v>0</v>
      </c>
      <c r="DP10" s="281">
        <v>0</v>
      </c>
      <c r="DQ10" s="281">
        <v>0</v>
      </c>
      <c r="DR10" s="278">
        <v>0</v>
      </c>
      <c r="DS10" s="283">
        <v>0</v>
      </c>
      <c r="DT10" s="277">
        <v>16</v>
      </c>
      <c r="DU10" s="281">
        <v>21</v>
      </c>
      <c r="DV10" s="278">
        <v>37</v>
      </c>
      <c r="DW10" s="280">
        <v>0</v>
      </c>
      <c r="DX10" s="281">
        <v>81</v>
      </c>
      <c r="DY10" s="281">
        <v>109</v>
      </c>
      <c r="DZ10" s="281">
        <v>56</v>
      </c>
      <c r="EA10" s="281">
        <v>27</v>
      </c>
      <c r="EB10" s="281">
        <v>29</v>
      </c>
      <c r="EC10" s="278">
        <v>302</v>
      </c>
      <c r="ED10" s="283">
        <v>339</v>
      </c>
      <c r="EE10" s="277">
        <v>11</v>
      </c>
      <c r="EF10" s="281">
        <v>5</v>
      </c>
      <c r="EG10" s="278">
        <v>16</v>
      </c>
      <c r="EH10" s="280">
        <v>0</v>
      </c>
      <c r="EI10" s="281">
        <v>33</v>
      </c>
      <c r="EJ10" s="281">
        <v>21</v>
      </c>
      <c r="EK10" s="281">
        <v>16</v>
      </c>
      <c r="EL10" s="281">
        <v>18</v>
      </c>
      <c r="EM10" s="281">
        <v>10</v>
      </c>
      <c r="EN10" s="278">
        <v>98</v>
      </c>
      <c r="EO10" s="283">
        <v>114</v>
      </c>
      <c r="EP10" s="277">
        <v>17</v>
      </c>
      <c r="EQ10" s="281">
        <v>24</v>
      </c>
      <c r="ER10" s="278">
        <v>41</v>
      </c>
      <c r="ES10" s="280">
        <v>0</v>
      </c>
      <c r="ET10" s="281">
        <v>178</v>
      </c>
      <c r="EU10" s="281">
        <v>139</v>
      </c>
      <c r="EV10" s="281">
        <v>73</v>
      </c>
      <c r="EW10" s="281">
        <v>30</v>
      </c>
      <c r="EX10" s="281">
        <v>32</v>
      </c>
      <c r="EY10" s="278">
        <v>452</v>
      </c>
      <c r="EZ10" s="283">
        <v>493</v>
      </c>
    </row>
    <row r="11" spans="2:156" ht="19.5" customHeight="1" x14ac:dyDescent="0.2">
      <c r="B11" s="262" t="s">
        <v>8</v>
      </c>
      <c r="C11" s="277">
        <v>0</v>
      </c>
      <c r="D11" s="281">
        <v>0</v>
      </c>
      <c r="E11" s="385">
        <v>0</v>
      </c>
      <c r="F11" s="280">
        <v>0</v>
      </c>
      <c r="G11" s="281">
        <v>21</v>
      </c>
      <c r="H11" s="281">
        <v>28</v>
      </c>
      <c r="I11" s="281">
        <v>11</v>
      </c>
      <c r="J11" s="281">
        <v>10</v>
      </c>
      <c r="K11" s="281">
        <v>10</v>
      </c>
      <c r="L11" s="282">
        <v>80</v>
      </c>
      <c r="M11" s="283">
        <v>80</v>
      </c>
      <c r="N11" s="277">
        <v>0</v>
      </c>
      <c r="O11" s="281">
        <v>0</v>
      </c>
      <c r="P11" s="278">
        <v>0</v>
      </c>
      <c r="Q11" s="280">
        <v>0</v>
      </c>
      <c r="R11" s="281">
        <v>0</v>
      </c>
      <c r="S11" s="281">
        <v>0</v>
      </c>
      <c r="T11" s="281">
        <v>1</v>
      </c>
      <c r="U11" s="281">
        <v>5</v>
      </c>
      <c r="V11" s="281">
        <v>2</v>
      </c>
      <c r="W11" s="278">
        <v>8</v>
      </c>
      <c r="X11" s="283">
        <v>8</v>
      </c>
      <c r="Y11" s="277">
        <v>3</v>
      </c>
      <c r="Z11" s="281">
        <v>0</v>
      </c>
      <c r="AA11" s="278">
        <v>3</v>
      </c>
      <c r="AB11" s="280">
        <v>0</v>
      </c>
      <c r="AC11" s="281">
        <v>16</v>
      </c>
      <c r="AD11" s="281">
        <v>15</v>
      </c>
      <c r="AE11" s="281">
        <v>7</v>
      </c>
      <c r="AF11" s="281">
        <v>13</v>
      </c>
      <c r="AG11" s="281">
        <v>6</v>
      </c>
      <c r="AH11" s="278">
        <v>57</v>
      </c>
      <c r="AI11" s="283">
        <v>60</v>
      </c>
      <c r="AJ11" s="277">
        <v>0</v>
      </c>
      <c r="AK11" s="281">
        <v>1</v>
      </c>
      <c r="AL11" s="278">
        <v>1</v>
      </c>
      <c r="AM11" s="280">
        <v>0</v>
      </c>
      <c r="AN11" s="281">
        <v>2</v>
      </c>
      <c r="AO11" s="281">
        <v>5</v>
      </c>
      <c r="AP11" s="281">
        <v>3</v>
      </c>
      <c r="AQ11" s="281">
        <v>5</v>
      </c>
      <c r="AR11" s="281">
        <v>3</v>
      </c>
      <c r="AS11" s="278">
        <v>18</v>
      </c>
      <c r="AT11" s="283">
        <v>19</v>
      </c>
      <c r="AU11" s="277">
        <v>6</v>
      </c>
      <c r="AV11" s="281">
        <v>2</v>
      </c>
      <c r="AW11" s="278">
        <v>8</v>
      </c>
      <c r="AX11" s="280">
        <v>0</v>
      </c>
      <c r="AY11" s="281">
        <v>14</v>
      </c>
      <c r="AZ11" s="281">
        <v>28</v>
      </c>
      <c r="BA11" s="281">
        <v>15</v>
      </c>
      <c r="BB11" s="281">
        <v>26</v>
      </c>
      <c r="BC11" s="281">
        <v>20</v>
      </c>
      <c r="BD11" s="282">
        <v>103</v>
      </c>
      <c r="BE11" s="283">
        <v>111</v>
      </c>
      <c r="BF11" s="277">
        <v>0</v>
      </c>
      <c r="BG11" s="281">
        <v>0</v>
      </c>
      <c r="BH11" s="278">
        <v>0</v>
      </c>
      <c r="BI11" s="280">
        <v>0</v>
      </c>
      <c r="BJ11" s="281">
        <v>31</v>
      </c>
      <c r="BK11" s="281">
        <v>30</v>
      </c>
      <c r="BL11" s="281">
        <v>8</v>
      </c>
      <c r="BM11" s="281">
        <v>10</v>
      </c>
      <c r="BN11" s="281">
        <v>4</v>
      </c>
      <c r="BO11" s="278">
        <v>83</v>
      </c>
      <c r="BP11" s="283">
        <v>83</v>
      </c>
      <c r="BQ11" s="277">
        <v>2</v>
      </c>
      <c r="BR11" s="281">
        <v>3</v>
      </c>
      <c r="BS11" s="278">
        <v>5</v>
      </c>
      <c r="BT11" s="280">
        <v>0</v>
      </c>
      <c r="BU11" s="281">
        <v>13</v>
      </c>
      <c r="BV11" s="281">
        <v>11</v>
      </c>
      <c r="BW11" s="281">
        <v>3</v>
      </c>
      <c r="BX11" s="281">
        <v>5</v>
      </c>
      <c r="BY11" s="281">
        <v>1</v>
      </c>
      <c r="BZ11" s="278">
        <v>33</v>
      </c>
      <c r="CA11" s="283">
        <v>38</v>
      </c>
      <c r="CB11" s="277">
        <v>0</v>
      </c>
      <c r="CC11" s="281">
        <v>0</v>
      </c>
      <c r="CD11" s="278">
        <v>0</v>
      </c>
      <c r="CE11" s="280">
        <v>0</v>
      </c>
      <c r="CF11" s="281">
        <v>3</v>
      </c>
      <c r="CG11" s="281">
        <v>5</v>
      </c>
      <c r="CH11" s="281">
        <v>3</v>
      </c>
      <c r="CI11" s="281">
        <v>5</v>
      </c>
      <c r="CJ11" s="281">
        <v>1</v>
      </c>
      <c r="CK11" s="278">
        <v>17</v>
      </c>
      <c r="CL11" s="283">
        <v>17</v>
      </c>
      <c r="CM11" s="277">
        <v>0</v>
      </c>
      <c r="CN11" s="281">
        <v>0</v>
      </c>
      <c r="CO11" s="278">
        <v>0</v>
      </c>
      <c r="CP11" s="280">
        <v>0</v>
      </c>
      <c r="CQ11" s="281">
        <v>0</v>
      </c>
      <c r="CR11" s="281">
        <v>0</v>
      </c>
      <c r="CS11" s="281">
        <v>0</v>
      </c>
      <c r="CT11" s="281">
        <v>0</v>
      </c>
      <c r="CU11" s="281">
        <v>0</v>
      </c>
      <c r="CV11" s="278">
        <v>0</v>
      </c>
      <c r="CW11" s="283">
        <v>0</v>
      </c>
      <c r="CX11" s="277">
        <v>0</v>
      </c>
      <c r="CY11" s="281">
        <v>0</v>
      </c>
      <c r="CZ11" s="278">
        <v>0</v>
      </c>
      <c r="DA11" s="280">
        <v>0</v>
      </c>
      <c r="DB11" s="281">
        <v>0</v>
      </c>
      <c r="DC11" s="281">
        <v>0</v>
      </c>
      <c r="DD11" s="281">
        <v>0</v>
      </c>
      <c r="DE11" s="281">
        <v>0</v>
      </c>
      <c r="DF11" s="281">
        <v>0</v>
      </c>
      <c r="DG11" s="278">
        <v>0</v>
      </c>
      <c r="DH11" s="283">
        <v>0</v>
      </c>
      <c r="DI11" s="277">
        <v>0</v>
      </c>
      <c r="DJ11" s="281">
        <v>0</v>
      </c>
      <c r="DK11" s="278">
        <v>0</v>
      </c>
      <c r="DL11" s="280">
        <v>0</v>
      </c>
      <c r="DM11" s="281">
        <v>0</v>
      </c>
      <c r="DN11" s="281">
        <v>0</v>
      </c>
      <c r="DO11" s="281">
        <v>0</v>
      </c>
      <c r="DP11" s="281">
        <v>0</v>
      </c>
      <c r="DQ11" s="281">
        <v>0</v>
      </c>
      <c r="DR11" s="278">
        <v>0</v>
      </c>
      <c r="DS11" s="283">
        <v>0</v>
      </c>
      <c r="DT11" s="277">
        <v>11</v>
      </c>
      <c r="DU11" s="281">
        <v>13</v>
      </c>
      <c r="DV11" s="278">
        <v>24</v>
      </c>
      <c r="DW11" s="280">
        <v>0</v>
      </c>
      <c r="DX11" s="281">
        <v>49</v>
      </c>
      <c r="DY11" s="281">
        <v>64</v>
      </c>
      <c r="DZ11" s="281">
        <v>28</v>
      </c>
      <c r="EA11" s="281">
        <v>27</v>
      </c>
      <c r="EB11" s="281">
        <v>14</v>
      </c>
      <c r="EC11" s="278">
        <v>182</v>
      </c>
      <c r="ED11" s="283">
        <v>206</v>
      </c>
      <c r="EE11" s="277">
        <v>6</v>
      </c>
      <c r="EF11" s="281">
        <v>0</v>
      </c>
      <c r="EG11" s="278">
        <v>6</v>
      </c>
      <c r="EH11" s="280">
        <v>0</v>
      </c>
      <c r="EI11" s="281">
        <v>9</v>
      </c>
      <c r="EJ11" s="281">
        <v>12</v>
      </c>
      <c r="EK11" s="281">
        <v>11</v>
      </c>
      <c r="EL11" s="281">
        <v>5</v>
      </c>
      <c r="EM11" s="281">
        <v>9</v>
      </c>
      <c r="EN11" s="278">
        <v>46</v>
      </c>
      <c r="EO11" s="283">
        <v>52</v>
      </c>
      <c r="EP11" s="277">
        <v>16</v>
      </c>
      <c r="EQ11" s="281">
        <v>16</v>
      </c>
      <c r="ER11" s="278">
        <v>32</v>
      </c>
      <c r="ES11" s="280">
        <v>0</v>
      </c>
      <c r="ET11" s="281">
        <v>99</v>
      </c>
      <c r="EU11" s="281">
        <v>89</v>
      </c>
      <c r="EV11" s="281">
        <v>31</v>
      </c>
      <c r="EW11" s="281">
        <v>30</v>
      </c>
      <c r="EX11" s="281">
        <v>15</v>
      </c>
      <c r="EY11" s="278">
        <v>264</v>
      </c>
      <c r="EZ11" s="283">
        <v>296</v>
      </c>
    </row>
    <row r="12" spans="2:156" ht="19.5" customHeight="1" x14ac:dyDescent="0.2">
      <c r="B12" s="262" t="s">
        <v>9</v>
      </c>
      <c r="C12" s="277">
        <v>0</v>
      </c>
      <c r="D12" s="281">
        <v>0</v>
      </c>
      <c r="E12" s="385">
        <v>0</v>
      </c>
      <c r="F12" s="280">
        <v>0</v>
      </c>
      <c r="G12" s="281">
        <v>70</v>
      </c>
      <c r="H12" s="281">
        <v>45</v>
      </c>
      <c r="I12" s="281">
        <v>39</v>
      </c>
      <c r="J12" s="281">
        <v>38</v>
      </c>
      <c r="K12" s="281">
        <v>31</v>
      </c>
      <c r="L12" s="282">
        <v>223</v>
      </c>
      <c r="M12" s="283">
        <v>223</v>
      </c>
      <c r="N12" s="277">
        <v>0</v>
      </c>
      <c r="O12" s="281">
        <v>0</v>
      </c>
      <c r="P12" s="278">
        <v>0</v>
      </c>
      <c r="Q12" s="280">
        <v>0</v>
      </c>
      <c r="R12" s="281">
        <v>2</v>
      </c>
      <c r="S12" s="281">
        <v>0</v>
      </c>
      <c r="T12" s="281">
        <v>3</v>
      </c>
      <c r="U12" s="281">
        <v>6</v>
      </c>
      <c r="V12" s="281">
        <v>12</v>
      </c>
      <c r="W12" s="278">
        <v>23</v>
      </c>
      <c r="X12" s="283">
        <v>23</v>
      </c>
      <c r="Y12" s="277">
        <v>6</v>
      </c>
      <c r="Z12" s="281">
        <v>14</v>
      </c>
      <c r="AA12" s="278">
        <v>20</v>
      </c>
      <c r="AB12" s="280">
        <v>0</v>
      </c>
      <c r="AC12" s="281">
        <v>51</v>
      </c>
      <c r="AD12" s="281">
        <v>31</v>
      </c>
      <c r="AE12" s="281">
        <v>29</v>
      </c>
      <c r="AF12" s="281">
        <v>31</v>
      </c>
      <c r="AG12" s="281">
        <v>16</v>
      </c>
      <c r="AH12" s="278">
        <v>158</v>
      </c>
      <c r="AI12" s="283">
        <v>178</v>
      </c>
      <c r="AJ12" s="277">
        <v>0</v>
      </c>
      <c r="AK12" s="281">
        <v>2</v>
      </c>
      <c r="AL12" s="278">
        <v>2</v>
      </c>
      <c r="AM12" s="280">
        <v>0</v>
      </c>
      <c r="AN12" s="281">
        <v>6</v>
      </c>
      <c r="AO12" s="281">
        <v>7</v>
      </c>
      <c r="AP12" s="281">
        <v>8</v>
      </c>
      <c r="AQ12" s="281">
        <v>8</v>
      </c>
      <c r="AR12" s="281">
        <v>6</v>
      </c>
      <c r="AS12" s="278">
        <v>35</v>
      </c>
      <c r="AT12" s="283">
        <v>37</v>
      </c>
      <c r="AU12" s="277">
        <v>16</v>
      </c>
      <c r="AV12" s="281">
        <v>6</v>
      </c>
      <c r="AW12" s="278">
        <v>22</v>
      </c>
      <c r="AX12" s="280">
        <v>0</v>
      </c>
      <c r="AY12" s="281">
        <v>55</v>
      </c>
      <c r="AZ12" s="281">
        <v>60</v>
      </c>
      <c r="BA12" s="281">
        <v>65</v>
      </c>
      <c r="BB12" s="281">
        <v>67</v>
      </c>
      <c r="BC12" s="281">
        <v>48</v>
      </c>
      <c r="BD12" s="282">
        <v>295</v>
      </c>
      <c r="BE12" s="283">
        <v>317</v>
      </c>
      <c r="BF12" s="277">
        <v>0</v>
      </c>
      <c r="BG12" s="281">
        <v>0</v>
      </c>
      <c r="BH12" s="278">
        <v>0</v>
      </c>
      <c r="BI12" s="280">
        <v>0</v>
      </c>
      <c r="BJ12" s="281">
        <v>51</v>
      </c>
      <c r="BK12" s="281">
        <v>40</v>
      </c>
      <c r="BL12" s="281">
        <v>27</v>
      </c>
      <c r="BM12" s="281">
        <v>14</v>
      </c>
      <c r="BN12" s="281">
        <v>5</v>
      </c>
      <c r="BO12" s="278">
        <v>137</v>
      </c>
      <c r="BP12" s="283">
        <v>137</v>
      </c>
      <c r="BQ12" s="277">
        <v>3</v>
      </c>
      <c r="BR12" s="281">
        <v>7</v>
      </c>
      <c r="BS12" s="278">
        <v>10</v>
      </c>
      <c r="BT12" s="280">
        <v>0</v>
      </c>
      <c r="BU12" s="281">
        <v>16</v>
      </c>
      <c r="BV12" s="281">
        <v>10</v>
      </c>
      <c r="BW12" s="281">
        <v>7</v>
      </c>
      <c r="BX12" s="281">
        <v>8</v>
      </c>
      <c r="BY12" s="281">
        <v>1</v>
      </c>
      <c r="BZ12" s="278">
        <v>42</v>
      </c>
      <c r="CA12" s="283">
        <v>52</v>
      </c>
      <c r="CB12" s="277">
        <v>1</v>
      </c>
      <c r="CC12" s="281">
        <v>0</v>
      </c>
      <c r="CD12" s="278">
        <v>1</v>
      </c>
      <c r="CE12" s="280">
        <v>0</v>
      </c>
      <c r="CF12" s="281">
        <v>5</v>
      </c>
      <c r="CG12" s="281">
        <v>11</v>
      </c>
      <c r="CH12" s="281">
        <v>12</v>
      </c>
      <c r="CI12" s="281">
        <v>8</v>
      </c>
      <c r="CJ12" s="281">
        <v>6</v>
      </c>
      <c r="CK12" s="278">
        <v>42</v>
      </c>
      <c r="CL12" s="283">
        <v>43</v>
      </c>
      <c r="CM12" s="277">
        <v>1</v>
      </c>
      <c r="CN12" s="281">
        <v>0</v>
      </c>
      <c r="CO12" s="278">
        <v>1</v>
      </c>
      <c r="CP12" s="280">
        <v>0</v>
      </c>
      <c r="CQ12" s="281">
        <v>0</v>
      </c>
      <c r="CR12" s="281">
        <v>0</v>
      </c>
      <c r="CS12" s="281">
        <v>3</v>
      </c>
      <c r="CT12" s="281">
        <v>1</v>
      </c>
      <c r="CU12" s="281">
        <v>1</v>
      </c>
      <c r="CV12" s="278">
        <v>5</v>
      </c>
      <c r="CW12" s="283">
        <v>6</v>
      </c>
      <c r="CX12" s="277">
        <v>0</v>
      </c>
      <c r="CY12" s="281">
        <v>0</v>
      </c>
      <c r="CZ12" s="278">
        <v>0</v>
      </c>
      <c r="DA12" s="280">
        <v>0</v>
      </c>
      <c r="DB12" s="281">
        <v>0</v>
      </c>
      <c r="DC12" s="281">
        <v>0</v>
      </c>
      <c r="DD12" s="281">
        <v>0</v>
      </c>
      <c r="DE12" s="281">
        <v>0</v>
      </c>
      <c r="DF12" s="281">
        <v>0</v>
      </c>
      <c r="DG12" s="278">
        <v>0</v>
      </c>
      <c r="DH12" s="283">
        <v>0</v>
      </c>
      <c r="DI12" s="277">
        <v>0</v>
      </c>
      <c r="DJ12" s="281">
        <v>0</v>
      </c>
      <c r="DK12" s="278">
        <v>0</v>
      </c>
      <c r="DL12" s="280">
        <v>0</v>
      </c>
      <c r="DM12" s="281">
        <v>0</v>
      </c>
      <c r="DN12" s="281">
        <v>0</v>
      </c>
      <c r="DO12" s="281">
        <v>0</v>
      </c>
      <c r="DP12" s="281">
        <v>0</v>
      </c>
      <c r="DQ12" s="281">
        <v>0</v>
      </c>
      <c r="DR12" s="278">
        <v>0</v>
      </c>
      <c r="DS12" s="283">
        <v>0</v>
      </c>
      <c r="DT12" s="277">
        <v>29</v>
      </c>
      <c r="DU12" s="281">
        <v>40</v>
      </c>
      <c r="DV12" s="278">
        <v>69</v>
      </c>
      <c r="DW12" s="280">
        <v>0</v>
      </c>
      <c r="DX12" s="281">
        <v>101</v>
      </c>
      <c r="DY12" s="281">
        <v>94</v>
      </c>
      <c r="DZ12" s="281">
        <v>73</v>
      </c>
      <c r="EA12" s="281">
        <v>60</v>
      </c>
      <c r="EB12" s="281">
        <v>39</v>
      </c>
      <c r="EC12" s="278">
        <v>367</v>
      </c>
      <c r="ED12" s="283">
        <v>436</v>
      </c>
      <c r="EE12" s="277">
        <v>13</v>
      </c>
      <c r="EF12" s="281">
        <v>6</v>
      </c>
      <c r="EG12" s="278">
        <v>19</v>
      </c>
      <c r="EH12" s="280">
        <v>0</v>
      </c>
      <c r="EI12" s="281">
        <v>29</v>
      </c>
      <c r="EJ12" s="281">
        <v>22</v>
      </c>
      <c r="EK12" s="281">
        <v>21</v>
      </c>
      <c r="EL12" s="281">
        <v>26</v>
      </c>
      <c r="EM12" s="281">
        <v>17</v>
      </c>
      <c r="EN12" s="278">
        <v>115</v>
      </c>
      <c r="EO12" s="283">
        <v>134</v>
      </c>
      <c r="EP12" s="277">
        <v>38</v>
      </c>
      <c r="EQ12" s="281">
        <v>53</v>
      </c>
      <c r="ER12" s="278">
        <v>91</v>
      </c>
      <c r="ES12" s="280">
        <v>0</v>
      </c>
      <c r="ET12" s="281">
        <v>190</v>
      </c>
      <c r="EU12" s="281">
        <v>125</v>
      </c>
      <c r="EV12" s="281">
        <v>92</v>
      </c>
      <c r="EW12" s="281">
        <v>60</v>
      </c>
      <c r="EX12" s="281">
        <v>40</v>
      </c>
      <c r="EY12" s="278">
        <v>507</v>
      </c>
      <c r="EZ12" s="283">
        <v>598</v>
      </c>
    </row>
    <row r="13" spans="2:156" ht="19.5" customHeight="1" x14ac:dyDescent="0.2">
      <c r="B13" s="262" t="s">
        <v>10</v>
      </c>
      <c r="C13" s="277">
        <v>0</v>
      </c>
      <c r="D13" s="281">
        <v>0</v>
      </c>
      <c r="E13" s="385">
        <v>0</v>
      </c>
      <c r="F13" s="280">
        <v>0</v>
      </c>
      <c r="G13" s="281">
        <v>88</v>
      </c>
      <c r="H13" s="281">
        <v>61</v>
      </c>
      <c r="I13" s="281">
        <v>28</v>
      </c>
      <c r="J13" s="281">
        <v>26</v>
      </c>
      <c r="K13" s="281">
        <v>28</v>
      </c>
      <c r="L13" s="282">
        <v>231</v>
      </c>
      <c r="M13" s="283">
        <v>231</v>
      </c>
      <c r="N13" s="277">
        <v>0</v>
      </c>
      <c r="O13" s="281">
        <v>0</v>
      </c>
      <c r="P13" s="278">
        <v>0</v>
      </c>
      <c r="Q13" s="280">
        <v>0</v>
      </c>
      <c r="R13" s="281">
        <v>1</v>
      </c>
      <c r="S13" s="281">
        <v>4</v>
      </c>
      <c r="T13" s="281">
        <v>0</v>
      </c>
      <c r="U13" s="281">
        <v>3</v>
      </c>
      <c r="V13" s="281">
        <v>11</v>
      </c>
      <c r="W13" s="278">
        <v>19</v>
      </c>
      <c r="X13" s="283">
        <v>19</v>
      </c>
      <c r="Y13" s="277">
        <v>15</v>
      </c>
      <c r="Z13" s="281">
        <v>25</v>
      </c>
      <c r="AA13" s="278">
        <v>40</v>
      </c>
      <c r="AB13" s="280">
        <v>0</v>
      </c>
      <c r="AC13" s="281">
        <v>56</v>
      </c>
      <c r="AD13" s="281">
        <v>44</v>
      </c>
      <c r="AE13" s="281">
        <v>20</v>
      </c>
      <c r="AF13" s="281">
        <v>14</v>
      </c>
      <c r="AG13" s="281">
        <v>18</v>
      </c>
      <c r="AH13" s="278">
        <v>152</v>
      </c>
      <c r="AI13" s="283">
        <v>192</v>
      </c>
      <c r="AJ13" s="277">
        <v>2</v>
      </c>
      <c r="AK13" s="281">
        <v>6</v>
      </c>
      <c r="AL13" s="278">
        <v>8</v>
      </c>
      <c r="AM13" s="280">
        <v>0</v>
      </c>
      <c r="AN13" s="281">
        <v>4</v>
      </c>
      <c r="AO13" s="281">
        <v>6</v>
      </c>
      <c r="AP13" s="281">
        <v>5</v>
      </c>
      <c r="AQ13" s="281">
        <v>6</v>
      </c>
      <c r="AR13" s="281">
        <v>5</v>
      </c>
      <c r="AS13" s="278">
        <v>26</v>
      </c>
      <c r="AT13" s="283">
        <v>34</v>
      </c>
      <c r="AU13" s="277">
        <v>21</v>
      </c>
      <c r="AV13" s="281">
        <v>23</v>
      </c>
      <c r="AW13" s="278">
        <v>44</v>
      </c>
      <c r="AX13" s="280">
        <v>0</v>
      </c>
      <c r="AY13" s="281">
        <v>94</v>
      </c>
      <c r="AZ13" s="281">
        <v>85</v>
      </c>
      <c r="BA13" s="281">
        <v>72</v>
      </c>
      <c r="BB13" s="281">
        <v>79</v>
      </c>
      <c r="BC13" s="281">
        <v>72</v>
      </c>
      <c r="BD13" s="282">
        <v>402</v>
      </c>
      <c r="BE13" s="283">
        <v>446</v>
      </c>
      <c r="BF13" s="277">
        <v>0</v>
      </c>
      <c r="BG13" s="281">
        <v>0</v>
      </c>
      <c r="BH13" s="278">
        <v>0</v>
      </c>
      <c r="BI13" s="280">
        <v>0</v>
      </c>
      <c r="BJ13" s="281">
        <v>121</v>
      </c>
      <c r="BK13" s="281">
        <v>69</v>
      </c>
      <c r="BL13" s="281">
        <v>26</v>
      </c>
      <c r="BM13" s="281">
        <v>13</v>
      </c>
      <c r="BN13" s="281">
        <v>5</v>
      </c>
      <c r="BO13" s="278">
        <v>234</v>
      </c>
      <c r="BP13" s="283">
        <v>234</v>
      </c>
      <c r="BQ13" s="277">
        <v>3</v>
      </c>
      <c r="BR13" s="281">
        <v>4</v>
      </c>
      <c r="BS13" s="278">
        <v>7</v>
      </c>
      <c r="BT13" s="280">
        <v>0</v>
      </c>
      <c r="BU13" s="281">
        <v>21</v>
      </c>
      <c r="BV13" s="281">
        <v>10</v>
      </c>
      <c r="BW13" s="281">
        <v>9</v>
      </c>
      <c r="BX13" s="281">
        <v>3</v>
      </c>
      <c r="BY13" s="281">
        <v>2</v>
      </c>
      <c r="BZ13" s="278">
        <v>45</v>
      </c>
      <c r="CA13" s="283">
        <v>52</v>
      </c>
      <c r="CB13" s="277">
        <v>0</v>
      </c>
      <c r="CC13" s="281">
        <v>2</v>
      </c>
      <c r="CD13" s="278">
        <v>2</v>
      </c>
      <c r="CE13" s="280">
        <v>0</v>
      </c>
      <c r="CF13" s="281">
        <v>17</v>
      </c>
      <c r="CG13" s="281">
        <v>5</v>
      </c>
      <c r="CH13" s="281">
        <v>14</v>
      </c>
      <c r="CI13" s="281">
        <v>7</v>
      </c>
      <c r="CJ13" s="281">
        <v>3</v>
      </c>
      <c r="CK13" s="278">
        <v>46</v>
      </c>
      <c r="CL13" s="283">
        <v>48</v>
      </c>
      <c r="CM13" s="277">
        <v>0</v>
      </c>
      <c r="CN13" s="281">
        <v>0</v>
      </c>
      <c r="CO13" s="278">
        <v>0</v>
      </c>
      <c r="CP13" s="280">
        <v>0</v>
      </c>
      <c r="CQ13" s="281">
        <v>2</v>
      </c>
      <c r="CR13" s="281">
        <v>1</v>
      </c>
      <c r="CS13" s="281">
        <v>1</v>
      </c>
      <c r="CT13" s="281">
        <v>1</v>
      </c>
      <c r="CU13" s="281">
        <v>1</v>
      </c>
      <c r="CV13" s="278">
        <v>6</v>
      </c>
      <c r="CW13" s="283">
        <v>6</v>
      </c>
      <c r="CX13" s="277">
        <v>0</v>
      </c>
      <c r="CY13" s="281">
        <v>0</v>
      </c>
      <c r="CZ13" s="278">
        <v>0</v>
      </c>
      <c r="DA13" s="280">
        <v>0</v>
      </c>
      <c r="DB13" s="281">
        <v>0</v>
      </c>
      <c r="DC13" s="281">
        <v>0</v>
      </c>
      <c r="DD13" s="281">
        <v>0</v>
      </c>
      <c r="DE13" s="281">
        <v>0</v>
      </c>
      <c r="DF13" s="281">
        <v>0</v>
      </c>
      <c r="DG13" s="278">
        <v>0</v>
      </c>
      <c r="DH13" s="283">
        <v>0</v>
      </c>
      <c r="DI13" s="277">
        <v>0</v>
      </c>
      <c r="DJ13" s="281">
        <v>0</v>
      </c>
      <c r="DK13" s="278">
        <v>0</v>
      </c>
      <c r="DL13" s="280">
        <v>0</v>
      </c>
      <c r="DM13" s="281">
        <v>0</v>
      </c>
      <c r="DN13" s="281">
        <v>0</v>
      </c>
      <c r="DO13" s="281">
        <v>0</v>
      </c>
      <c r="DP13" s="281">
        <v>0</v>
      </c>
      <c r="DQ13" s="281">
        <v>0</v>
      </c>
      <c r="DR13" s="278">
        <v>0</v>
      </c>
      <c r="DS13" s="283">
        <v>0</v>
      </c>
      <c r="DT13" s="277">
        <v>49</v>
      </c>
      <c r="DU13" s="281">
        <v>83</v>
      </c>
      <c r="DV13" s="278">
        <v>132</v>
      </c>
      <c r="DW13" s="280">
        <v>0</v>
      </c>
      <c r="DX13" s="281">
        <v>142</v>
      </c>
      <c r="DY13" s="281">
        <v>106</v>
      </c>
      <c r="DZ13" s="281">
        <v>61</v>
      </c>
      <c r="EA13" s="281">
        <v>51</v>
      </c>
      <c r="EB13" s="281">
        <v>42</v>
      </c>
      <c r="EC13" s="278">
        <v>402</v>
      </c>
      <c r="ED13" s="283">
        <v>534</v>
      </c>
      <c r="EE13" s="277">
        <v>9</v>
      </c>
      <c r="EF13" s="281">
        <v>7</v>
      </c>
      <c r="EG13" s="278">
        <v>16</v>
      </c>
      <c r="EH13" s="280">
        <v>0</v>
      </c>
      <c r="EI13" s="281">
        <v>29</v>
      </c>
      <c r="EJ13" s="281">
        <v>27</v>
      </c>
      <c r="EK13" s="281">
        <v>27</v>
      </c>
      <c r="EL13" s="281">
        <v>32</v>
      </c>
      <c r="EM13" s="281">
        <v>19</v>
      </c>
      <c r="EN13" s="278">
        <v>134</v>
      </c>
      <c r="EO13" s="283">
        <v>150</v>
      </c>
      <c r="EP13" s="277">
        <v>62</v>
      </c>
      <c r="EQ13" s="281">
        <v>97</v>
      </c>
      <c r="ER13" s="278">
        <v>159</v>
      </c>
      <c r="ES13" s="280">
        <v>0</v>
      </c>
      <c r="ET13" s="281">
        <v>252</v>
      </c>
      <c r="EU13" s="281">
        <v>150</v>
      </c>
      <c r="EV13" s="281">
        <v>81</v>
      </c>
      <c r="EW13" s="281">
        <v>53</v>
      </c>
      <c r="EX13" s="281">
        <v>38</v>
      </c>
      <c r="EY13" s="278">
        <v>574</v>
      </c>
      <c r="EZ13" s="283">
        <v>733</v>
      </c>
    </row>
    <row r="14" spans="2:156" ht="19.5" customHeight="1" x14ac:dyDescent="0.2">
      <c r="B14" s="262" t="s">
        <v>11</v>
      </c>
      <c r="C14" s="277">
        <v>0</v>
      </c>
      <c r="D14" s="281">
        <v>0</v>
      </c>
      <c r="E14" s="385">
        <v>0</v>
      </c>
      <c r="F14" s="280">
        <v>0</v>
      </c>
      <c r="G14" s="281">
        <v>9</v>
      </c>
      <c r="H14" s="281">
        <v>7</v>
      </c>
      <c r="I14" s="281">
        <v>11</v>
      </c>
      <c r="J14" s="281">
        <v>10</v>
      </c>
      <c r="K14" s="281">
        <v>8</v>
      </c>
      <c r="L14" s="282">
        <v>45</v>
      </c>
      <c r="M14" s="283">
        <v>45</v>
      </c>
      <c r="N14" s="277">
        <v>0</v>
      </c>
      <c r="O14" s="281">
        <v>0</v>
      </c>
      <c r="P14" s="278">
        <v>0</v>
      </c>
      <c r="Q14" s="280">
        <v>0</v>
      </c>
      <c r="R14" s="281">
        <v>0</v>
      </c>
      <c r="S14" s="281">
        <v>0</v>
      </c>
      <c r="T14" s="281">
        <v>0</v>
      </c>
      <c r="U14" s="281">
        <v>4</v>
      </c>
      <c r="V14" s="281">
        <v>4</v>
      </c>
      <c r="W14" s="278">
        <v>8</v>
      </c>
      <c r="X14" s="283">
        <v>8</v>
      </c>
      <c r="Y14" s="277">
        <v>4</v>
      </c>
      <c r="Z14" s="281">
        <v>3</v>
      </c>
      <c r="AA14" s="278">
        <v>7</v>
      </c>
      <c r="AB14" s="280">
        <v>0</v>
      </c>
      <c r="AC14" s="281">
        <v>19</v>
      </c>
      <c r="AD14" s="281">
        <v>10</v>
      </c>
      <c r="AE14" s="281">
        <v>8</v>
      </c>
      <c r="AF14" s="281">
        <v>10</v>
      </c>
      <c r="AG14" s="281">
        <v>9</v>
      </c>
      <c r="AH14" s="278">
        <v>56</v>
      </c>
      <c r="AI14" s="283">
        <v>63</v>
      </c>
      <c r="AJ14" s="277">
        <v>0</v>
      </c>
      <c r="AK14" s="281">
        <v>0</v>
      </c>
      <c r="AL14" s="278">
        <v>0</v>
      </c>
      <c r="AM14" s="280">
        <v>0</v>
      </c>
      <c r="AN14" s="281">
        <v>3</v>
      </c>
      <c r="AO14" s="281">
        <v>2</v>
      </c>
      <c r="AP14" s="281">
        <v>0</v>
      </c>
      <c r="AQ14" s="281">
        <v>0</v>
      </c>
      <c r="AR14" s="281">
        <v>1</v>
      </c>
      <c r="AS14" s="278">
        <v>6</v>
      </c>
      <c r="AT14" s="283">
        <v>6</v>
      </c>
      <c r="AU14" s="277">
        <v>4</v>
      </c>
      <c r="AV14" s="281">
        <v>1</v>
      </c>
      <c r="AW14" s="278">
        <v>5</v>
      </c>
      <c r="AX14" s="280">
        <v>0</v>
      </c>
      <c r="AY14" s="281">
        <v>22</v>
      </c>
      <c r="AZ14" s="281">
        <v>14</v>
      </c>
      <c r="BA14" s="281">
        <v>16</v>
      </c>
      <c r="BB14" s="281">
        <v>23</v>
      </c>
      <c r="BC14" s="281">
        <v>19</v>
      </c>
      <c r="BD14" s="282">
        <v>94</v>
      </c>
      <c r="BE14" s="283">
        <v>99</v>
      </c>
      <c r="BF14" s="277">
        <v>0</v>
      </c>
      <c r="BG14" s="281">
        <v>0</v>
      </c>
      <c r="BH14" s="278">
        <v>0</v>
      </c>
      <c r="BI14" s="280">
        <v>0</v>
      </c>
      <c r="BJ14" s="281">
        <v>24</v>
      </c>
      <c r="BK14" s="281">
        <v>14</v>
      </c>
      <c r="BL14" s="281">
        <v>10</v>
      </c>
      <c r="BM14" s="281">
        <v>10</v>
      </c>
      <c r="BN14" s="281">
        <v>4</v>
      </c>
      <c r="BO14" s="278">
        <v>62</v>
      </c>
      <c r="BP14" s="283">
        <v>62</v>
      </c>
      <c r="BQ14" s="277">
        <v>3</v>
      </c>
      <c r="BR14" s="281">
        <v>4</v>
      </c>
      <c r="BS14" s="278">
        <v>7</v>
      </c>
      <c r="BT14" s="280">
        <v>0</v>
      </c>
      <c r="BU14" s="281">
        <v>12</v>
      </c>
      <c r="BV14" s="281">
        <v>5</v>
      </c>
      <c r="BW14" s="281">
        <v>6</v>
      </c>
      <c r="BX14" s="281">
        <v>3</v>
      </c>
      <c r="BY14" s="281">
        <v>2</v>
      </c>
      <c r="BZ14" s="278">
        <v>28</v>
      </c>
      <c r="CA14" s="283">
        <v>35</v>
      </c>
      <c r="CB14" s="277">
        <v>0</v>
      </c>
      <c r="CC14" s="281">
        <v>0</v>
      </c>
      <c r="CD14" s="278">
        <v>0</v>
      </c>
      <c r="CE14" s="280">
        <v>0</v>
      </c>
      <c r="CF14" s="281">
        <v>3</v>
      </c>
      <c r="CG14" s="281">
        <v>3</v>
      </c>
      <c r="CH14" s="281">
        <v>3</v>
      </c>
      <c r="CI14" s="281">
        <v>3</v>
      </c>
      <c r="CJ14" s="281">
        <v>2</v>
      </c>
      <c r="CK14" s="278">
        <v>14</v>
      </c>
      <c r="CL14" s="283">
        <v>14</v>
      </c>
      <c r="CM14" s="277">
        <v>0</v>
      </c>
      <c r="CN14" s="281">
        <v>1</v>
      </c>
      <c r="CO14" s="278">
        <v>1</v>
      </c>
      <c r="CP14" s="280">
        <v>0</v>
      </c>
      <c r="CQ14" s="281">
        <v>1</v>
      </c>
      <c r="CR14" s="281">
        <v>1</v>
      </c>
      <c r="CS14" s="281">
        <v>2</v>
      </c>
      <c r="CT14" s="281">
        <v>1</v>
      </c>
      <c r="CU14" s="281">
        <v>0</v>
      </c>
      <c r="CV14" s="278">
        <v>5</v>
      </c>
      <c r="CW14" s="283">
        <v>6</v>
      </c>
      <c r="CX14" s="277">
        <v>0</v>
      </c>
      <c r="CY14" s="281">
        <v>0</v>
      </c>
      <c r="CZ14" s="278">
        <v>0</v>
      </c>
      <c r="DA14" s="280">
        <v>0</v>
      </c>
      <c r="DB14" s="281">
        <v>0</v>
      </c>
      <c r="DC14" s="281">
        <v>0</v>
      </c>
      <c r="DD14" s="281">
        <v>0</v>
      </c>
      <c r="DE14" s="281">
        <v>0</v>
      </c>
      <c r="DF14" s="281">
        <v>0</v>
      </c>
      <c r="DG14" s="278">
        <v>0</v>
      </c>
      <c r="DH14" s="283">
        <v>0</v>
      </c>
      <c r="DI14" s="277">
        <v>0</v>
      </c>
      <c r="DJ14" s="281">
        <v>0</v>
      </c>
      <c r="DK14" s="278">
        <v>0</v>
      </c>
      <c r="DL14" s="280">
        <v>0</v>
      </c>
      <c r="DM14" s="281">
        <v>0</v>
      </c>
      <c r="DN14" s="281">
        <v>0</v>
      </c>
      <c r="DO14" s="281">
        <v>0</v>
      </c>
      <c r="DP14" s="281">
        <v>0</v>
      </c>
      <c r="DQ14" s="281">
        <v>0</v>
      </c>
      <c r="DR14" s="278">
        <v>0</v>
      </c>
      <c r="DS14" s="283">
        <v>0</v>
      </c>
      <c r="DT14" s="277">
        <v>13</v>
      </c>
      <c r="DU14" s="281">
        <v>18</v>
      </c>
      <c r="DV14" s="278">
        <v>31</v>
      </c>
      <c r="DW14" s="280">
        <v>0</v>
      </c>
      <c r="DX14" s="281">
        <v>41</v>
      </c>
      <c r="DY14" s="281">
        <v>27</v>
      </c>
      <c r="DZ14" s="281">
        <v>30</v>
      </c>
      <c r="EA14" s="281">
        <v>19</v>
      </c>
      <c r="EB14" s="281">
        <v>14</v>
      </c>
      <c r="EC14" s="278">
        <v>131</v>
      </c>
      <c r="ED14" s="283">
        <v>162</v>
      </c>
      <c r="EE14" s="277">
        <v>2</v>
      </c>
      <c r="EF14" s="281">
        <v>3</v>
      </c>
      <c r="EG14" s="278">
        <v>5</v>
      </c>
      <c r="EH14" s="280">
        <v>0</v>
      </c>
      <c r="EI14" s="281">
        <v>19</v>
      </c>
      <c r="EJ14" s="281">
        <v>5</v>
      </c>
      <c r="EK14" s="281">
        <v>9</v>
      </c>
      <c r="EL14" s="281">
        <v>14</v>
      </c>
      <c r="EM14" s="281">
        <v>12</v>
      </c>
      <c r="EN14" s="278">
        <v>59</v>
      </c>
      <c r="EO14" s="283">
        <v>64</v>
      </c>
      <c r="EP14" s="277">
        <v>17</v>
      </c>
      <c r="EQ14" s="281">
        <v>22</v>
      </c>
      <c r="ER14" s="278">
        <v>39</v>
      </c>
      <c r="ES14" s="280">
        <v>0</v>
      </c>
      <c r="ET14" s="281">
        <v>82</v>
      </c>
      <c r="EU14" s="281">
        <v>36</v>
      </c>
      <c r="EV14" s="281">
        <v>32</v>
      </c>
      <c r="EW14" s="281">
        <v>23</v>
      </c>
      <c r="EX14" s="281">
        <v>16</v>
      </c>
      <c r="EY14" s="278">
        <v>189</v>
      </c>
      <c r="EZ14" s="283">
        <v>228</v>
      </c>
    </row>
    <row r="15" spans="2:156" ht="19.5" customHeight="1" x14ac:dyDescent="0.2">
      <c r="B15" s="262" t="s">
        <v>12</v>
      </c>
      <c r="C15" s="277">
        <v>0</v>
      </c>
      <c r="D15" s="281">
        <v>0</v>
      </c>
      <c r="E15" s="385">
        <v>0</v>
      </c>
      <c r="F15" s="280">
        <v>0</v>
      </c>
      <c r="G15" s="281">
        <v>39</v>
      </c>
      <c r="H15" s="281">
        <v>17</v>
      </c>
      <c r="I15" s="281">
        <v>20</v>
      </c>
      <c r="J15" s="281">
        <v>15</v>
      </c>
      <c r="K15" s="281">
        <v>11</v>
      </c>
      <c r="L15" s="282">
        <v>102</v>
      </c>
      <c r="M15" s="283">
        <v>102</v>
      </c>
      <c r="N15" s="277">
        <v>0</v>
      </c>
      <c r="O15" s="281">
        <v>0</v>
      </c>
      <c r="P15" s="278">
        <v>0</v>
      </c>
      <c r="Q15" s="280">
        <v>0</v>
      </c>
      <c r="R15" s="281">
        <v>0</v>
      </c>
      <c r="S15" s="281">
        <v>1</v>
      </c>
      <c r="T15" s="281">
        <v>0</v>
      </c>
      <c r="U15" s="281">
        <v>1</v>
      </c>
      <c r="V15" s="281">
        <v>10</v>
      </c>
      <c r="W15" s="278">
        <v>12</v>
      </c>
      <c r="X15" s="283">
        <v>12</v>
      </c>
      <c r="Y15" s="277">
        <v>9</v>
      </c>
      <c r="Z15" s="281">
        <v>12</v>
      </c>
      <c r="AA15" s="278">
        <v>21</v>
      </c>
      <c r="AB15" s="280">
        <v>0</v>
      </c>
      <c r="AC15" s="281">
        <v>14</v>
      </c>
      <c r="AD15" s="281">
        <v>18</v>
      </c>
      <c r="AE15" s="281">
        <v>20</v>
      </c>
      <c r="AF15" s="281">
        <v>14</v>
      </c>
      <c r="AG15" s="281">
        <v>10</v>
      </c>
      <c r="AH15" s="278">
        <v>76</v>
      </c>
      <c r="AI15" s="283">
        <v>97</v>
      </c>
      <c r="AJ15" s="277">
        <v>0</v>
      </c>
      <c r="AK15" s="281">
        <v>0</v>
      </c>
      <c r="AL15" s="278">
        <v>0</v>
      </c>
      <c r="AM15" s="280">
        <v>0</v>
      </c>
      <c r="AN15" s="281">
        <v>3</v>
      </c>
      <c r="AO15" s="281">
        <v>2</v>
      </c>
      <c r="AP15" s="281">
        <v>0</v>
      </c>
      <c r="AQ15" s="281">
        <v>1</v>
      </c>
      <c r="AR15" s="281">
        <v>0</v>
      </c>
      <c r="AS15" s="278">
        <v>6</v>
      </c>
      <c r="AT15" s="283">
        <v>6</v>
      </c>
      <c r="AU15" s="277">
        <v>10</v>
      </c>
      <c r="AV15" s="281">
        <v>7</v>
      </c>
      <c r="AW15" s="278">
        <v>17</v>
      </c>
      <c r="AX15" s="280">
        <v>0</v>
      </c>
      <c r="AY15" s="281">
        <v>23</v>
      </c>
      <c r="AZ15" s="281">
        <v>19</v>
      </c>
      <c r="BA15" s="281">
        <v>21</v>
      </c>
      <c r="BB15" s="281">
        <v>29</v>
      </c>
      <c r="BC15" s="281">
        <v>18</v>
      </c>
      <c r="BD15" s="282">
        <v>110</v>
      </c>
      <c r="BE15" s="283">
        <v>127</v>
      </c>
      <c r="BF15" s="277">
        <v>0</v>
      </c>
      <c r="BG15" s="281">
        <v>0</v>
      </c>
      <c r="BH15" s="278">
        <v>0</v>
      </c>
      <c r="BI15" s="280">
        <v>0</v>
      </c>
      <c r="BJ15" s="281">
        <v>37</v>
      </c>
      <c r="BK15" s="281">
        <v>22</v>
      </c>
      <c r="BL15" s="281">
        <v>12</v>
      </c>
      <c r="BM15" s="281">
        <v>15</v>
      </c>
      <c r="BN15" s="281">
        <v>3</v>
      </c>
      <c r="BO15" s="278">
        <v>89</v>
      </c>
      <c r="BP15" s="283">
        <v>89</v>
      </c>
      <c r="BQ15" s="277">
        <v>11</v>
      </c>
      <c r="BR15" s="281">
        <v>9</v>
      </c>
      <c r="BS15" s="278">
        <v>20</v>
      </c>
      <c r="BT15" s="280">
        <v>0</v>
      </c>
      <c r="BU15" s="281">
        <v>10</v>
      </c>
      <c r="BV15" s="281">
        <v>10</v>
      </c>
      <c r="BW15" s="281">
        <v>11</v>
      </c>
      <c r="BX15" s="281">
        <v>7</v>
      </c>
      <c r="BY15" s="281">
        <v>1</v>
      </c>
      <c r="BZ15" s="278">
        <v>39</v>
      </c>
      <c r="CA15" s="283">
        <v>59</v>
      </c>
      <c r="CB15" s="277">
        <v>0</v>
      </c>
      <c r="CC15" s="281">
        <v>2</v>
      </c>
      <c r="CD15" s="278">
        <v>2</v>
      </c>
      <c r="CE15" s="280">
        <v>0</v>
      </c>
      <c r="CF15" s="281">
        <v>9</v>
      </c>
      <c r="CG15" s="281">
        <v>2</v>
      </c>
      <c r="CH15" s="281">
        <v>9</v>
      </c>
      <c r="CI15" s="281">
        <v>8</v>
      </c>
      <c r="CJ15" s="281">
        <v>2</v>
      </c>
      <c r="CK15" s="278">
        <v>30</v>
      </c>
      <c r="CL15" s="283">
        <v>32</v>
      </c>
      <c r="CM15" s="277">
        <v>0</v>
      </c>
      <c r="CN15" s="281">
        <v>0</v>
      </c>
      <c r="CO15" s="278">
        <v>0</v>
      </c>
      <c r="CP15" s="280">
        <v>0</v>
      </c>
      <c r="CQ15" s="281">
        <v>0</v>
      </c>
      <c r="CR15" s="281">
        <v>0</v>
      </c>
      <c r="CS15" s="281">
        <v>0</v>
      </c>
      <c r="CT15" s="281">
        <v>0</v>
      </c>
      <c r="CU15" s="281">
        <v>0</v>
      </c>
      <c r="CV15" s="278">
        <v>0</v>
      </c>
      <c r="CW15" s="283">
        <v>0</v>
      </c>
      <c r="CX15" s="277">
        <v>0</v>
      </c>
      <c r="CY15" s="281">
        <v>0</v>
      </c>
      <c r="CZ15" s="278">
        <v>0</v>
      </c>
      <c r="DA15" s="280">
        <v>0</v>
      </c>
      <c r="DB15" s="281">
        <v>0</v>
      </c>
      <c r="DC15" s="281">
        <v>0</v>
      </c>
      <c r="DD15" s="281">
        <v>0</v>
      </c>
      <c r="DE15" s="281">
        <v>0</v>
      </c>
      <c r="DF15" s="281">
        <v>0</v>
      </c>
      <c r="DG15" s="278">
        <v>0</v>
      </c>
      <c r="DH15" s="283">
        <v>0</v>
      </c>
      <c r="DI15" s="277">
        <v>0</v>
      </c>
      <c r="DJ15" s="281">
        <v>0</v>
      </c>
      <c r="DK15" s="278">
        <v>0</v>
      </c>
      <c r="DL15" s="280">
        <v>0</v>
      </c>
      <c r="DM15" s="281">
        <v>0</v>
      </c>
      <c r="DN15" s="281">
        <v>0</v>
      </c>
      <c r="DO15" s="281">
        <v>0</v>
      </c>
      <c r="DP15" s="281">
        <v>0</v>
      </c>
      <c r="DQ15" s="281">
        <v>0</v>
      </c>
      <c r="DR15" s="278">
        <v>0</v>
      </c>
      <c r="DS15" s="283">
        <v>0</v>
      </c>
      <c r="DT15" s="277">
        <v>27</v>
      </c>
      <c r="DU15" s="281">
        <v>43</v>
      </c>
      <c r="DV15" s="278">
        <v>70</v>
      </c>
      <c r="DW15" s="280">
        <v>0</v>
      </c>
      <c r="DX15" s="281">
        <v>33</v>
      </c>
      <c r="DY15" s="281">
        <v>44</v>
      </c>
      <c r="DZ15" s="281">
        <v>45</v>
      </c>
      <c r="EA15" s="281">
        <v>43</v>
      </c>
      <c r="EB15" s="281">
        <v>19</v>
      </c>
      <c r="EC15" s="278">
        <v>184</v>
      </c>
      <c r="ED15" s="283">
        <v>254</v>
      </c>
      <c r="EE15" s="277">
        <v>6</v>
      </c>
      <c r="EF15" s="281">
        <v>4</v>
      </c>
      <c r="EG15" s="278">
        <v>10</v>
      </c>
      <c r="EH15" s="280">
        <v>0</v>
      </c>
      <c r="EI15" s="281">
        <v>7</v>
      </c>
      <c r="EJ15" s="281">
        <v>9</v>
      </c>
      <c r="EK15" s="281">
        <v>8</v>
      </c>
      <c r="EL15" s="281">
        <v>11</v>
      </c>
      <c r="EM15" s="281">
        <v>9</v>
      </c>
      <c r="EN15" s="278">
        <v>44</v>
      </c>
      <c r="EO15" s="283">
        <v>54</v>
      </c>
      <c r="EP15" s="277">
        <v>42</v>
      </c>
      <c r="EQ15" s="281">
        <v>52</v>
      </c>
      <c r="ER15" s="278">
        <v>94</v>
      </c>
      <c r="ES15" s="280">
        <v>0</v>
      </c>
      <c r="ET15" s="281">
        <v>95</v>
      </c>
      <c r="EU15" s="281">
        <v>61</v>
      </c>
      <c r="EV15" s="281">
        <v>52</v>
      </c>
      <c r="EW15" s="281">
        <v>43</v>
      </c>
      <c r="EX15" s="281">
        <v>19</v>
      </c>
      <c r="EY15" s="278">
        <v>270</v>
      </c>
      <c r="EZ15" s="283">
        <v>364</v>
      </c>
    </row>
    <row r="16" spans="2:156" ht="19.5" customHeight="1" x14ac:dyDescent="0.2">
      <c r="B16" s="262" t="s">
        <v>13</v>
      </c>
      <c r="C16" s="277">
        <v>0</v>
      </c>
      <c r="D16" s="281">
        <v>0</v>
      </c>
      <c r="E16" s="385">
        <v>0</v>
      </c>
      <c r="F16" s="280">
        <v>0</v>
      </c>
      <c r="G16" s="281">
        <v>14</v>
      </c>
      <c r="H16" s="281">
        <v>20</v>
      </c>
      <c r="I16" s="281">
        <v>17</v>
      </c>
      <c r="J16" s="281">
        <v>16</v>
      </c>
      <c r="K16" s="281">
        <v>11</v>
      </c>
      <c r="L16" s="282">
        <v>78</v>
      </c>
      <c r="M16" s="283">
        <v>78</v>
      </c>
      <c r="N16" s="277">
        <v>0</v>
      </c>
      <c r="O16" s="281">
        <v>0</v>
      </c>
      <c r="P16" s="278">
        <v>0</v>
      </c>
      <c r="Q16" s="280">
        <v>0</v>
      </c>
      <c r="R16" s="281">
        <v>0</v>
      </c>
      <c r="S16" s="281">
        <v>0</v>
      </c>
      <c r="T16" s="281">
        <v>1</v>
      </c>
      <c r="U16" s="281">
        <v>2</v>
      </c>
      <c r="V16" s="281">
        <v>0</v>
      </c>
      <c r="W16" s="278">
        <v>3</v>
      </c>
      <c r="X16" s="283">
        <v>3</v>
      </c>
      <c r="Y16" s="277">
        <v>0</v>
      </c>
      <c r="Z16" s="281">
        <v>4</v>
      </c>
      <c r="AA16" s="278">
        <v>4</v>
      </c>
      <c r="AB16" s="280">
        <v>0</v>
      </c>
      <c r="AC16" s="281">
        <v>11</v>
      </c>
      <c r="AD16" s="281">
        <v>13</v>
      </c>
      <c r="AE16" s="281">
        <v>11</v>
      </c>
      <c r="AF16" s="281">
        <v>10</v>
      </c>
      <c r="AG16" s="281">
        <v>7</v>
      </c>
      <c r="AH16" s="278">
        <v>52</v>
      </c>
      <c r="AI16" s="283">
        <v>56</v>
      </c>
      <c r="AJ16" s="277">
        <v>0</v>
      </c>
      <c r="AK16" s="281">
        <v>0</v>
      </c>
      <c r="AL16" s="278">
        <v>0</v>
      </c>
      <c r="AM16" s="280">
        <v>0</v>
      </c>
      <c r="AN16" s="281">
        <v>1</v>
      </c>
      <c r="AO16" s="281">
        <v>6</v>
      </c>
      <c r="AP16" s="281">
        <v>0</v>
      </c>
      <c r="AQ16" s="281">
        <v>1</v>
      </c>
      <c r="AR16" s="281">
        <v>2</v>
      </c>
      <c r="AS16" s="278">
        <v>10</v>
      </c>
      <c r="AT16" s="283">
        <v>10</v>
      </c>
      <c r="AU16" s="277">
        <v>8</v>
      </c>
      <c r="AV16" s="281">
        <v>6</v>
      </c>
      <c r="AW16" s="278">
        <v>14</v>
      </c>
      <c r="AX16" s="280">
        <v>0</v>
      </c>
      <c r="AY16" s="281">
        <v>18</v>
      </c>
      <c r="AZ16" s="281">
        <v>20</v>
      </c>
      <c r="BA16" s="281">
        <v>25</v>
      </c>
      <c r="BB16" s="281">
        <v>18</v>
      </c>
      <c r="BC16" s="281">
        <v>16</v>
      </c>
      <c r="BD16" s="282">
        <v>97</v>
      </c>
      <c r="BE16" s="283">
        <v>111</v>
      </c>
      <c r="BF16" s="277">
        <v>0</v>
      </c>
      <c r="BG16" s="281">
        <v>0</v>
      </c>
      <c r="BH16" s="278">
        <v>0</v>
      </c>
      <c r="BI16" s="280">
        <v>0</v>
      </c>
      <c r="BJ16" s="281">
        <v>15</v>
      </c>
      <c r="BK16" s="281">
        <v>18</v>
      </c>
      <c r="BL16" s="281">
        <v>13</v>
      </c>
      <c r="BM16" s="281">
        <v>6</v>
      </c>
      <c r="BN16" s="281">
        <v>3</v>
      </c>
      <c r="BO16" s="278">
        <v>55</v>
      </c>
      <c r="BP16" s="283">
        <v>55</v>
      </c>
      <c r="BQ16" s="277">
        <v>0</v>
      </c>
      <c r="BR16" s="281">
        <v>1</v>
      </c>
      <c r="BS16" s="278">
        <v>1</v>
      </c>
      <c r="BT16" s="280">
        <v>0</v>
      </c>
      <c r="BU16" s="281">
        <v>1</v>
      </c>
      <c r="BV16" s="281">
        <v>3</v>
      </c>
      <c r="BW16" s="281">
        <v>4</v>
      </c>
      <c r="BX16" s="281">
        <v>3</v>
      </c>
      <c r="BY16" s="281">
        <v>0</v>
      </c>
      <c r="BZ16" s="278">
        <v>11</v>
      </c>
      <c r="CA16" s="283">
        <v>12</v>
      </c>
      <c r="CB16" s="277">
        <v>0</v>
      </c>
      <c r="CC16" s="281">
        <v>0</v>
      </c>
      <c r="CD16" s="278">
        <v>0</v>
      </c>
      <c r="CE16" s="280">
        <v>0</v>
      </c>
      <c r="CF16" s="281">
        <v>3</v>
      </c>
      <c r="CG16" s="281">
        <v>1</v>
      </c>
      <c r="CH16" s="281">
        <v>5</v>
      </c>
      <c r="CI16" s="281">
        <v>2</v>
      </c>
      <c r="CJ16" s="281">
        <v>2</v>
      </c>
      <c r="CK16" s="278">
        <v>13</v>
      </c>
      <c r="CL16" s="283">
        <v>13</v>
      </c>
      <c r="CM16" s="277">
        <v>0</v>
      </c>
      <c r="CN16" s="281">
        <v>0</v>
      </c>
      <c r="CO16" s="278">
        <v>0</v>
      </c>
      <c r="CP16" s="280">
        <v>0</v>
      </c>
      <c r="CQ16" s="281">
        <v>0</v>
      </c>
      <c r="CR16" s="281">
        <v>0</v>
      </c>
      <c r="CS16" s="281">
        <v>0</v>
      </c>
      <c r="CT16" s="281">
        <v>1</v>
      </c>
      <c r="CU16" s="281">
        <v>0</v>
      </c>
      <c r="CV16" s="278">
        <v>1</v>
      </c>
      <c r="CW16" s="283">
        <v>1</v>
      </c>
      <c r="CX16" s="277">
        <v>0</v>
      </c>
      <c r="CY16" s="281">
        <v>0</v>
      </c>
      <c r="CZ16" s="278">
        <v>0</v>
      </c>
      <c r="DA16" s="280">
        <v>0</v>
      </c>
      <c r="DB16" s="281">
        <v>0</v>
      </c>
      <c r="DC16" s="281">
        <v>0</v>
      </c>
      <c r="DD16" s="281">
        <v>0</v>
      </c>
      <c r="DE16" s="281">
        <v>0</v>
      </c>
      <c r="DF16" s="281">
        <v>0</v>
      </c>
      <c r="DG16" s="278">
        <v>0</v>
      </c>
      <c r="DH16" s="283">
        <v>0</v>
      </c>
      <c r="DI16" s="277">
        <v>0</v>
      </c>
      <c r="DJ16" s="281">
        <v>0</v>
      </c>
      <c r="DK16" s="278">
        <v>0</v>
      </c>
      <c r="DL16" s="280">
        <v>0</v>
      </c>
      <c r="DM16" s="281">
        <v>0</v>
      </c>
      <c r="DN16" s="281">
        <v>0</v>
      </c>
      <c r="DO16" s="281">
        <v>0</v>
      </c>
      <c r="DP16" s="281">
        <v>0</v>
      </c>
      <c r="DQ16" s="281">
        <v>0</v>
      </c>
      <c r="DR16" s="278">
        <v>0</v>
      </c>
      <c r="DS16" s="283">
        <v>0</v>
      </c>
      <c r="DT16" s="277">
        <v>4</v>
      </c>
      <c r="DU16" s="281">
        <v>16</v>
      </c>
      <c r="DV16" s="278">
        <v>20</v>
      </c>
      <c r="DW16" s="280">
        <v>0</v>
      </c>
      <c r="DX16" s="281">
        <v>18</v>
      </c>
      <c r="DY16" s="281">
        <v>36</v>
      </c>
      <c r="DZ16" s="281">
        <v>20</v>
      </c>
      <c r="EA16" s="281">
        <v>19</v>
      </c>
      <c r="EB16" s="281">
        <v>14</v>
      </c>
      <c r="EC16" s="278">
        <v>107</v>
      </c>
      <c r="ED16" s="283">
        <v>127</v>
      </c>
      <c r="EE16" s="277">
        <v>6</v>
      </c>
      <c r="EF16" s="281">
        <v>4</v>
      </c>
      <c r="EG16" s="278">
        <v>10</v>
      </c>
      <c r="EH16" s="280">
        <v>0</v>
      </c>
      <c r="EI16" s="281">
        <v>12</v>
      </c>
      <c r="EJ16" s="281">
        <v>9</v>
      </c>
      <c r="EK16" s="281">
        <v>11</v>
      </c>
      <c r="EL16" s="281">
        <v>5</v>
      </c>
      <c r="EM16" s="281">
        <v>6</v>
      </c>
      <c r="EN16" s="278">
        <v>43</v>
      </c>
      <c r="EO16" s="283">
        <v>53</v>
      </c>
      <c r="EP16" s="277">
        <v>4</v>
      </c>
      <c r="EQ16" s="281">
        <v>18</v>
      </c>
      <c r="ER16" s="278">
        <v>22</v>
      </c>
      <c r="ES16" s="280">
        <v>0</v>
      </c>
      <c r="ET16" s="281">
        <v>46</v>
      </c>
      <c r="EU16" s="281">
        <v>55</v>
      </c>
      <c r="EV16" s="281">
        <v>35</v>
      </c>
      <c r="EW16" s="281">
        <v>21</v>
      </c>
      <c r="EX16" s="281">
        <v>16</v>
      </c>
      <c r="EY16" s="278">
        <v>173</v>
      </c>
      <c r="EZ16" s="283">
        <v>195</v>
      </c>
    </row>
    <row r="17" spans="2:156" ht="19.5" customHeight="1" x14ac:dyDescent="0.2">
      <c r="B17" s="262" t="s">
        <v>15</v>
      </c>
      <c r="C17" s="277">
        <v>0</v>
      </c>
      <c r="D17" s="281">
        <v>0</v>
      </c>
      <c r="E17" s="385">
        <v>0</v>
      </c>
      <c r="F17" s="280">
        <v>0</v>
      </c>
      <c r="G17" s="281">
        <v>5</v>
      </c>
      <c r="H17" s="281">
        <v>7</v>
      </c>
      <c r="I17" s="281">
        <v>0</v>
      </c>
      <c r="J17" s="281">
        <v>2</v>
      </c>
      <c r="K17" s="281">
        <v>3</v>
      </c>
      <c r="L17" s="282">
        <v>17</v>
      </c>
      <c r="M17" s="283">
        <v>17</v>
      </c>
      <c r="N17" s="277">
        <v>0</v>
      </c>
      <c r="O17" s="281">
        <v>0</v>
      </c>
      <c r="P17" s="278">
        <v>0</v>
      </c>
      <c r="Q17" s="280">
        <v>0</v>
      </c>
      <c r="R17" s="281">
        <v>0</v>
      </c>
      <c r="S17" s="281">
        <v>0</v>
      </c>
      <c r="T17" s="281">
        <v>0</v>
      </c>
      <c r="U17" s="281">
        <v>0</v>
      </c>
      <c r="V17" s="281">
        <v>2</v>
      </c>
      <c r="W17" s="278">
        <v>2</v>
      </c>
      <c r="X17" s="283">
        <v>2</v>
      </c>
      <c r="Y17" s="277">
        <v>0</v>
      </c>
      <c r="Z17" s="281">
        <v>0</v>
      </c>
      <c r="AA17" s="278">
        <v>0</v>
      </c>
      <c r="AB17" s="280">
        <v>0</v>
      </c>
      <c r="AC17" s="281">
        <v>0</v>
      </c>
      <c r="AD17" s="281">
        <v>2</v>
      </c>
      <c r="AE17" s="281">
        <v>1</v>
      </c>
      <c r="AF17" s="281">
        <v>5</v>
      </c>
      <c r="AG17" s="281">
        <v>3</v>
      </c>
      <c r="AH17" s="278">
        <v>11</v>
      </c>
      <c r="AI17" s="283">
        <v>11</v>
      </c>
      <c r="AJ17" s="277">
        <v>0</v>
      </c>
      <c r="AK17" s="281">
        <v>0</v>
      </c>
      <c r="AL17" s="278">
        <v>0</v>
      </c>
      <c r="AM17" s="280">
        <v>0</v>
      </c>
      <c r="AN17" s="281">
        <v>0</v>
      </c>
      <c r="AO17" s="281">
        <v>0</v>
      </c>
      <c r="AP17" s="281">
        <v>1</v>
      </c>
      <c r="AQ17" s="281">
        <v>0</v>
      </c>
      <c r="AR17" s="281">
        <v>1</v>
      </c>
      <c r="AS17" s="278">
        <v>2</v>
      </c>
      <c r="AT17" s="283">
        <v>2</v>
      </c>
      <c r="AU17" s="277">
        <v>0</v>
      </c>
      <c r="AV17" s="281">
        <v>1</v>
      </c>
      <c r="AW17" s="278">
        <v>1</v>
      </c>
      <c r="AX17" s="280">
        <v>0</v>
      </c>
      <c r="AY17" s="281">
        <v>6</v>
      </c>
      <c r="AZ17" s="281">
        <v>10</v>
      </c>
      <c r="BA17" s="281">
        <v>3</v>
      </c>
      <c r="BB17" s="281">
        <v>3</v>
      </c>
      <c r="BC17" s="281">
        <v>4</v>
      </c>
      <c r="BD17" s="282">
        <v>26</v>
      </c>
      <c r="BE17" s="283">
        <v>27</v>
      </c>
      <c r="BF17" s="277">
        <v>0</v>
      </c>
      <c r="BG17" s="281">
        <v>0</v>
      </c>
      <c r="BH17" s="278">
        <v>0</v>
      </c>
      <c r="BI17" s="280">
        <v>0</v>
      </c>
      <c r="BJ17" s="281">
        <v>5</v>
      </c>
      <c r="BK17" s="281">
        <v>3</v>
      </c>
      <c r="BL17" s="281">
        <v>2</v>
      </c>
      <c r="BM17" s="281">
        <v>2</v>
      </c>
      <c r="BN17" s="281">
        <v>1</v>
      </c>
      <c r="BO17" s="278">
        <v>13</v>
      </c>
      <c r="BP17" s="283">
        <v>13</v>
      </c>
      <c r="BQ17" s="277">
        <v>0</v>
      </c>
      <c r="BR17" s="281">
        <v>1</v>
      </c>
      <c r="BS17" s="278">
        <v>1</v>
      </c>
      <c r="BT17" s="280">
        <v>0</v>
      </c>
      <c r="BU17" s="281">
        <v>4</v>
      </c>
      <c r="BV17" s="281">
        <v>2</v>
      </c>
      <c r="BW17" s="281">
        <v>2</v>
      </c>
      <c r="BX17" s="281">
        <v>1</v>
      </c>
      <c r="BY17" s="281">
        <v>2</v>
      </c>
      <c r="BZ17" s="278">
        <v>11</v>
      </c>
      <c r="CA17" s="283">
        <v>12</v>
      </c>
      <c r="CB17" s="277">
        <v>0</v>
      </c>
      <c r="CC17" s="281">
        <v>0</v>
      </c>
      <c r="CD17" s="278">
        <v>0</v>
      </c>
      <c r="CE17" s="280">
        <v>0</v>
      </c>
      <c r="CF17" s="281">
        <v>1</v>
      </c>
      <c r="CG17" s="281">
        <v>1</v>
      </c>
      <c r="CH17" s="281">
        <v>1</v>
      </c>
      <c r="CI17" s="281">
        <v>3</v>
      </c>
      <c r="CJ17" s="281">
        <v>0</v>
      </c>
      <c r="CK17" s="278">
        <v>6</v>
      </c>
      <c r="CL17" s="283">
        <v>6</v>
      </c>
      <c r="CM17" s="277">
        <v>0</v>
      </c>
      <c r="CN17" s="281">
        <v>0</v>
      </c>
      <c r="CO17" s="278">
        <v>0</v>
      </c>
      <c r="CP17" s="280">
        <v>0</v>
      </c>
      <c r="CQ17" s="281">
        <v>0</v>
      </c>
      <c r="CR17" s="281">
        <v>0</v>
      </c>
      <c r="CS17" s="281">
        <v>0</v>
      </c>
      <c r="CT17" s="281">
        <v>0</v>
      </c>
      <c r="CU17" s="281">
        <v>0</v>
      </c>
      <c r="CV17" s="278">
        <v>0</v>
      </c>
      <c r="CW17" s="283">
        <v>0</v>
      </c>
      <c r="CX17" s="277">
        <v>0</v>
      </c>
      <c r="CY17" s="281">
        <v>0</v>
      </c>
      <c r="CZ17" s="278">
        <v>0</v>
      </c>
      <c r="DA17" s="280">
        <v>0</v>
      </c>
      <c r="DB17" s="281">
        <v>0</v>
      </c>
      <c r="DC17" s="281">
        <v>0</v>
      </c>
      <c r="DD17" s="281">
        <v>0</v>
      </c>
      <c r="DE17" s="281">
        <v>0</v>
      </c>
      <c r="DF17" s="281">
        <v>0</v>
      </c>
      <c r="DG17" s="278">
        <v>0</v>
      </c>
      <c r="DH17" s="283">
        <v>0</v>
      </c>
      <c r="DI17" s="277">
        <v>0</v>
      </c>
      <c r="DJ17" s="281">
        <v>0</v>
      </c>
      <c r="DK17" s="278">
        <v>0</v>
      </c>
      <c r="DL17" s="280">
        <v>0</v>
      </c>
      <c r="DM17" s="281">
        <v>0</v>
      </c>
      <c r="DN17" s="281">
        <v>0</v>
      </c>
      <c r="DO17" s="281">
        <v>0</v>
      </c>
      <c r="DP17" s="281">
        <v>0</v>
      </c>
      <c r="DQ17" s="281">
        <v>0</v>
      </c>
      <c r="DR17" s="278">
        <v>0</v>
      </c>
      <c r="DS17" s="283">
        <v>0</v>
      </c>
      <c r="DT17" s="277">
        <v>0</v>
      </c>
      <c r="DU17" s="281">
        <v>4</v>
      </c>
      <c r="DV17" s="278">
        <v>4</v>
      </c>
      <c r="DW17" s="280">
        <v>0</v>
      </c>
      <c r="DX17" s="281">
        <v>6</v>
      </c>
      <c r="DY17" s="281">
        <v>15</v>
      </c>
      <c r="DZ17" s="281">
        <v>4</v>
      </c>
      <c r="EA17" s="281">
        <v>8</v>
      </c>
      <c r="EB17" s="281">
        <v>6</v>
      </c>
      <c r="EC17" s="278">
        <v>39</v>
      </c>
      <c r="ED17" s="283">
        <v>43</v>
      </c>
      <c r="EE17" s="277">
        <v>2</v>
      </c>
      <c r="EF17" s="281">
        <v>1</v>
      </c>
      <c r="EG17" s="278">
        <v>3</v>
      </c>
      <c r="EH17" s="280">
        <v>0</v>
      </c>
      <c r="EI17" s="281">
        <v>8</v>
      </c>
      <c r="EJ17" s="281">
        <v>4</v>
      </c>
      <c r="EK17" s="281">
        <v>3</v>
      </c>
      <c r="EL17" s="281">
        <v>0</v>
      </c>
      <c r="EM17" s="281">
        <v>0</v>
      </c>
      <c r="EN17" s="278">
        <v>15</v>
      </c>
      <c r="EO17" s="283">
        <v>18</v>
      </c>
      <c r="EP17" s="277">
        <v>0</v>
      </c>
      <c r="EQ17" s="281">
        <v>4</v>
      </c>
      <c r="ER17" s="278">
        <v>4</v>
      </c>
      <c r="ES17" s="280">
        <v>0</v>
      </c>
      <c r="ET17" s="281">
        <v>16</v>
      </c>
      <c r="EU17" s="281">
        <v>17</v>
      </c>
      <c r="EV17" s="281">
        <v>5</v>
      </c>
      <c r="EW17" s="281">
        <v>9</v>
      </c>
      <c r="EX17" s="281">
        <v>6</v>
      </c>
      <c r="EY17" s="278">
        <v>53</v>
      </c>
      <c r="EZ17" s="283">
        <v>57</v>
      </c>
    </row>
    <row r="18" spans="2:156" ht="19.5" customHeight="1" x14ac:dyDescent="0.2">
      <c r="B18" s="262" t="s">
        <v>16</v>
      </c>
      <c r="C18" s="277">
        <v>0</v>
      </c>
      <c r="D18" s="281">
        <v>0</v>
      </c>
      <c r="E18" s="385">
        <v>0</v>
      </c>
      <c r="F18" s="280">
        <v>0</v>
      </c>
      <c r="G18" s="281">
        <v>6</v>
      </c>
      <c r="H18" s="281">
        <v>15</v>
      </c>
      <c r="I18" s="281">
        <v>6</v>
      </c>
      <c r="J18" s="281">
        <v>5</v>
      </c>
      <c r="K18" s="281">
        <v>2</v>
      </c>
      <c r="L18" s="282">
        <v>34</v>
      </c>
      <c r="M18" s="283">
        <v>34</v>
      </c>
      <c r="N18" s="277">
        <v>0</v>
      </c>
      <c r="O18" s="281">
        <v>0</v>
      </c>
      <c r="P18" s="278">
        <v>0</v>
      </c>
      <c r="Q18" s="280">
        <v>0</v>
      </c>
      <c r="R18" s="281">
        <v>0</v>
      </c>
      <c r="S18" s="281">
        <v>2</v>
      </c>
      <c r="T18" s="281">
        <v>1</v>
      </c>
      <c r="U18" s="281">
        <v>0</v>
      </c>
      <c r="V18" s="281">
        <v>4</v>
      </c>
      <c r="W18" s="278">
        <v>7</v>
      </c>
      <c r="X18" s="283">
        <v>7</v>
      </c>
      <c r="Y18" s="277">
        <v>2</v>
      </c>
      <c r="Z18" s="281">
        <v>4</v>
      </c>
      <c r="AA18" s="278">
        <v>6</v>
      </c>
      <c r="AB18" s="280">
        <v>0</v>
      </c>
      <c r="AC18" s="281">
        <v>4</v>
      </c>
      <c r="AD18" s="281">
        <v>14</v>
      </c>
      <c r="AE18" s="281">
        <v>7</v>
      </c>
      <c r="AF18" s="281">
        <v>8</v>
      </c>
      <c r="AG18" s="281">
        <v>5</v>
      </c>
      <c r="AH18" s="278">
        <v>38</v>
      </c>
      <c r="AI18" s="283">
        <v>44</v>
      </c>
      <c r="AJ18" s="277">
        <v>0</v>
      </c>
      <c r="AK18" s="281">
        <v>0</v>
      </c>
      <c r="AL18" s="278">
        <v>0</v>
      </c>
      <c r="AM18" s="280">
        <v>0</v>
      </c>
      <c r="AN18" s="281">
        <v>0</v>
      </c>
      <c r="AO18" s="281">
        <v>0</v>
      </c>
      <c r="AP18" s="281">
        <v>3</v>
      </c>
      <c r="AQ18" s="281">
        <v>1</v>
      </c>
      <c r="AR18" s="281">
        <v>0</v>
      </c>
      <c r="AS18" s="278">
        <v>4</v>
      </c>
      <c r="AT18" s="283">
        <v>4</v>
      </c>
      <c r="AU18" s="277">
        <v>4</v>
      </c>
      <c r="AV18" s="281">
        <v>2</v>
      </c>
      <c r="AW18" s="278">
        <v>6</v>
      </c>
      <c r="AX18" s="280">
        <v>0</v>
      </c>
      <c r="AY18" s="281">
        <v>14</v>
      </c>
      <c r="AZ18" s="281">
        <v>13</v>
      </c>
      <c r="BA18" s="281">
        <v>14</v>
      </c>
      <c r="BB18" s="281">
        <v>17</v>
      </c>
      <c r="BC18" s="281">
        <v>14</v>
      </c>
      <c r="BD18" s="282">
        <v>72</v>
      </c>
      <c r="BE18" s="283">
        <v>78</v>
      </c>
      <c r="BF18" s="277">
        <v>0</v>
      </c>
      <c r="BG18" s="281">
        <v>0</v>
      </c>
      <c r="BH18" s="278">
        <v>0</v>
      </c>
      <c r="BI18" s="280">
        <v>0</v>
      </c>
      <c r="BJ18" s="281">
        <v>15</v>
      </c>
      <c r="BK18" s="281">
        <v>24</v>
      </c>
      <c r="BL18" s="281">
        <v>7</v>
      </c>
      <c r="BM18" s="281">
        <v>5</v>
      </c>
      <c r="BN18" s="281">
        <v>1</v>
      </c>
      <c r="BO18" s="278">
        <v>52</v>
      </c>
      <c r="BP18" s="283">
        <v>52</v>
      </c>
      <c r="BQ18" s="277">
        <v>4</v>
      </c>
      <c r="BR18" s="281">
        <v>5</v>
      </c>
      <c r="BS18" s="278">
        <v>9</v>
      </c>
      <c r="BT18" s="280">
        <v>0</v>
      </c>
      <c r="BU18" s="281">
        <v>9</v>
      </c>
      <c r="BV18" s="281">
        <v>15</v>
      </c>
      <c r="BW18" s="281">
        <v>6</v>
      </c>
      <c r="BX18" s="281">
        <v>2</v>
      </c>
      <c r="BY18" s="281">
        <v>0</v>
      </c>
      <c r="BZ18" s="278">
        <v>32</v>
      </c>
      <c r="CA18" s="283">
        <v>41</v>
      </c>
      <c r="CB18" s="277">
        <v>0</v>
      </c>
      <c r="CC18" s="281">
        <v>0</v>
      </c>
      <c r="CD18" s="278">
        <v>0</v>
      </c>
      <c r="CE18" s="280">
        <v>0</v>
      </c>
      <c r="CF18" s="281">
        <v>3</v>
      </c>
      <c r="CG18" s="281">
        <v>4</v>
      </c>
      <c r="CH18" s="281">
        <v>3</v>
      </c>
      <c r="CI18" s="281">
        <v>1</v>
      </c>
      <c r="CJ18" s="281">
        <v>1</v>
      </c>
      <c r="CK18" s="278">
        <v>12</v>
      </c>
      <c r="CL18" s="283">
        <v>12</v>
      </c>
      <c r="CM18" s="277">
        <v>0</v>
      </c>
      <c r="CN18" s="281">
        <v>0</v>
      </c>
      <c r="CO18" s="278">
        <v>0</v>
      </c>
      <c r="CP18" s="280">
        <v>0</v>
      </c>
      <c r="CQ18" s="281">
        <v>1</v>
      </c>
      <c r="CR18" s="281">
        <v>0</v>
      </c>
      <c r="CS18" s="281">
        <v>1</v>
      </c>
      <c r="CT18" s="281">
        <v>0</v>
      </c>
      <c r="CU18" s="281">
        <v>0</v>
      </c>
      <c r="CV18" s="278">
        <v>2</v>
      </c>
      <c r="CW18" s="283">
        <v>2</v>
      </c>
      <c r="CX18" s="277">
        <v>0</v>
      </c>
      <c r="CY18" s="281">
        <v>0</v>
      </c>
      <c r="CZ18" s="278">
        <v>0</v>
      </c>
      <c r="DA18" s="280">
        <v>0</v>
      </c>
      <c r="DB18" s="281">
        <v>0</v>
      </c>
      <c r="DC18" s="281">
        <v>0</v>
      </c>
      <c r="DD18" s="281">
        <v>0</v>
      </c>
      <c r="DE18" s="281">
        <v>0</v>
      </c>
      <c r="DF18" s="281">
        <v>0</v>
      </c>
      <c r="DG18" s="278">
        <v>0</v>
      </c>
      <c r="DH18" s="283">
        <v>0</v>
      </c>
      <c r="DI18" s="277">
        <v>0</v>
      </c>
      <c r="DJ18" s="281">
        <v>0</v>
      </c>
      <c r="DK18" s="278">
        <v>0</v>
      </c>
      <c r="DL18" s="280">
        <v>0</v>
      </c>
      <c r="DM18" s="281">
        <v>0</v>
      </c>
      <c r="DN18" s="281">
        <v>0</v>
      </c>
      <c r="DO18" s="281">
        <v>0</v>
      </c>
      <c r="DP18" s="281">
        <v>0</v>
      </c>
      <c r="DQ18" s="281">
        <v>0</v>
      </c>
      <c r="DR18" s="278">
        <v>0</v>
      </c>
      <c r="DS18" s="283">
        <v>0</v>
      </c>
      <c r="DT18" s="277">
        <v>8</v>
      </c>
      <c r="DU18" s="281">
        <v>14</v>
      </c>
      <c r="DV18" s="278">
        <v>22</v>
      </c>
      <c r="DW18" s="280">
        <v>0</v>
      </c>
      <c r="DX18" s="281">
        <v>13</v>
      </c>
      <c r="DY18" s="281">
        <v>49</v>
      </c>
      <c r="DZ18" s="281">
        <v>24</v>
      </c>
      <c r="EA18" s="281">
        <v>11</v>
      </c>
      <c r="EB18" s="281">
        <v>7</v>
      </c>
      <c r="EC18" s="278">
        <v>104</v>
      </c>
      <c r="ED18" s="283">
        <v>126</v>
      </c>
      <c r="EE18" s="277">
        <v>5</v>
      </c>
      <c r="EF18" s="281">
        <v>2</v>
      </c>
      <c r="EG18" s="278">
        <v>7</v>
      </c>
      <c r="EH18" s="280">
        <v>0</v>
      </c>
      <c r="EI18" s="281">
        <v>11</v>
      </c>
      <c r="EJ18" s="281">
        <v>9</v>
      </c>
      <c r="EK18" s="281">
        <v>8</v>
      </c>
      <c r="EL18" s="281">
        <v>14</v>
      </c>
      <c r="EM18" s="281">
        <v>8</v>
      </c>
      <c r="EN18" s="278">
        <v>50</v>
      </c>
      <c r="EO18" s="283">
        <v>57</v>
      </c>
      <c r="EP18" s="277">
        <v>12</v>
      </c>
      <c r="EQ18" s="281">
        <v>20</v>
      </c>
      <c r="ER18" s="278">
        <v>32</v>
      </c>
      <c r="ES18" s="280">
        <v>0</v>
      </c>
      <c r="ET18" s="281">
        <v>36</v>
      </c>
      <c r="EU18" s="281">
        <v>69</v>
      </c>
      <c r="EV18" s="281">
        <v>26</v>
      </c>
      <c r="EW18" s="281">
        <v>13</v>
      </c>
      <c r="EX18" s="281">
        <v>8</v>
      </c>
      <c r="EY18" s="278">
        <v>152</v>
      </c>
      <c r="EZ18" s="283">
        <v>184</v>
      </c>
    </row>
    <row r="19" spans="2:156" ht="19.5" customHeight="1" x14ac:dyDescent="0.2">
      <c r="B19" s="262" t="s">
        <v>17</v>
      </c>
      <c r="C19" s="277">
        <v>0</v>
      </c>
      <c r="D19" s="281">
        <v>0</v>
      </c>
      <c r="E19" s="385">
        <v>0</v>
      </c>
      <c r="F19" s="280">
        <v>0</v>
      </c>
      <c r="G19" s="281">
        <v>10</v>
      </c>
      <c r="H19" s="281">
        <v>12</v>
      </c>
      <c r="I19" s="281">
        <v>15</v>
      </c>
      <c r="J19" s="281">
        <v>10</v>
      </c>
      <c r="K19" s="281">
        <v>8</v>
      </c>
      <c r="L19" s="282">
        <v>55</v>
      </c>
      <c r="M19" s="283">
        <v>55</v>
      </c>
      <c r="N19" s="277">
        <v>0</v>
      </c>
      <c r="O19" s="281">
        <v>0</v>
      </c>
      <c r="P19" s="278">
        <v>0</v>
      </c>
      <c r="Q19" s="280">
        <v>0</v>
      </c>
      <c r="R19" s="281">
        <v>0</v>
      </c>
      <c r="S19" s="281">
        <v>2</v>
      </c>
      <c r="T19" s="281">
        <v>1</v>
      </c>
      <c r="U19" s="281">
        <v>3</v>
      </c>
      <c r="V19" s="281">
        <v>4</v>
      </c>
      <c r="W19" s="278">
        <v>10</v>
      </c>
      <c r="X19" s="283">
        <v>10</v>
      </c>
      <c r="Y19" s="277">
        <v>5</v>
      </c>
      <c r="Z19" s="281">
        <v>7</v>
      </c>
      <c r="AA19" s="278">
        <v>12</v>
      </c>
      <c r="AB19" s="280">
        <v>0</v>
      </c>
      <c r="AC19" s="281">
        <v>13</v>
      </c>
      <c r="AD19" s="281">
        <v>19</v>
      </c>
      <c r="AE19" s="281">
        <v>13</v>
      </c>
      <c r="AF19" s="281">
        <v>9</v>
      </c>
      <c r="AG19" s="281">
        <v>7</v>
      </c>
      <c r="AH19" s="278">
        <v>61</v>
      </c>
      <c r="AI19" s="283">
        <v>73</v>
      </c>
      <c r="AJ19" s="277">
        <v>0</v>
      </c>
      <c r="AK19" s="281">
        <v>0</v>
      </c>
      <c r="AL19" s="278">
        <v>0</v>
      </c>
      <c r="AM19" s="280">
        <v>0</v>
      </c>
      <c r="AN19" s="281">
        <v>0</v>
      </c>
      <c r="AO19" s="281">
        <v>1</v>
      </c>
      <c r="AP19" s="281">
        <v>2</v>
      </c>
      <c r="AQ19" s="281">
        <v>1</v>
      </c>
      <c r="AR19" s="281">
        <v>0</v>
      </c>
      <c r="AS19" s="278">
        <v>4</v>
      </c>
      <c r="AT19" s="283">
        <v>4</v>
      </c>
      <c r="AU19" s="277">
        <v>3</v>
      </c>
      <c r="AV19" s="281">
        <v>6</v>
      </c>
      <c r="AW19" s="278">
        <v>9</v>
      </c>
      <c r="AX19" s="280">
        <v>0</v>
      </c>
      <c r="AY19" s="281">
        <v>18</v>
      </c>
      <c r="AZ19" s="281">
        <v>23</v>
      </c>
      <c r="BA19" s="281">
        <v>26</v>
      </c>
      <c r="BB19" s="281">
        <v>25</v>
      </c>
      <c r="BC19" s="281">
        <v>23</v>
      </c>
      <c r="BD19" s="282">
        <v>115</v>
      </c>
      <c r="BE19" s="283">
        <v>124</v>
      </c>
      <c r="BF19" s="277">
        <v>0</v>
      </c>
      <c r="BG19" s="281">
        <v>0</v>
      </c>
      <c r="BH19" s="278">
        <v>0</v>
      </c>
      <c r="BI19" s="280">
        <v>0</v>
      </c>
      <c r="BJ19" s="281">
        <v>21</v>
      </c>
      <c r="BK19" s="281">
        <v>31</v>
      </c>
      <c r="BL19" s="281">
        <v>16</v>
      </c>
      <c r="BM19" s="281">
        <v>7</v>
      </c>
      <c r="BN19" s="281">
        <v>1</v>
      </c>
      <c r="BO19" s="278">
        <v>76</v>
      </c>
      <c r="BP19" s="283">
        <v>76</v>
      </c>
      <c r="BQ19" s="277">
        <v>3</v>
      </c>
      <c r="BR19" s="281">
        <v>4</v>
      </c>
      <c r="BS19" s="278">
        <v>7</v>
      </c>
      <c r="BT19" s="280">
        <v>0</v>
      </c>
      <c r="BU19" s="281">
        <v>7</v>
      </c>
      <c r="BV19" s="281">
        <v>5</v>
      </c>
      <c r="BW19" s="281">
        <v>3</v>
      </c>
      <c r="BX19" s="281">
        <v>1</v>
      </c>
      <c r="BY19" s="281">
        <v>1</v>
      </c>
      <c r="BZ19" s="278">
        <v>17</v>
      </c>
      <c r="CA19" s="283">
        <v>24</v>
      </c>
      <c r="CB19" s="277">
        <v>0</v>
      </c>
      <c r="CC19" s="281">
        <v>0</v>
      </c>
      <c r="CD19" s="278">
        <v>0</v>
      </c>
      <c r="CE19" s="280">
        <v>0</v>
      </c>
      <c r="CF19" s="281">
        <v>6</v>
      </c>
      <c r="CG19" s="281">
        <v>7</v>
      </c>
      <c r="CH19" s="281">
        <v>7</v>
      </c>
      <c r="CI19" s="281">
        <v>5</v>
      </c>
      <c r="CJ19" s="281">
        <v>2</v>
      </c>
      <c r="CK19" s="278">
        <v>27</v>
      </c>
      <c r="CL19" s="283">
        <v>27</v>
      </c>
      <c r="CM19" s="277">
        <v>0</v>
      </c>
      <c r="CN19" s="281">
        <v>0</v>
      </c>
      <c r="CO19" s="278">
        <v>0</v>
      </c>
      <c r="CP19" s="280">
        <v>0</v>
      </c>
      <c r="CQ19" s="281">
        <v>1</v>
      </c>
      <c r="CR19" s="281">
        <v>0</v>
      </c>
      <c r="CS19" s="281">
        <v>0</v>
      </c>
      <c r="CT19" s="281">
        <v>2</v>
      </c>
      <c r="CU19" s="281">
        <v>0</v>
      </c>
      <c r="CV19" s="278">
        <v>3</v>
      </c>
      <c r="CW19" s="283">
        <v>3</v>
      </c>
      <c r="CX19" s="277">
        <v>0</v>
      </c>
      <c r="CY19" s="281">
        <v>0</v>
      </c>
      <c r="CZ19" s="278">
        <v>0</v>
      </c>
      <c r="DA19" s="280">
        <v>0</v>
      </c>
      <c r="DB19" s="281">
        <v>0</v>
      </c>
      <c r="DC19" s="281">
        <v>0</v>
      </c>
      <c r="DD19" s="281">
        <v>0</v>
      </c>
      <c r="DE19" s="281">
        <v>0</v>
      </c>
      <c r="DF19" s="281">
        <v>0</v>
      </c>
      <c r="DG19" s="278">
        <v>0</v>
      </c>
      <c r="DH19" s="283">
        <v>0</v>
      </c>
      <c r="DI19" s="277">
        <v>0</v>
      </c>
      <c r="DJ19" s="281">
        <v>0</v>
      </c>
      <c r="DK19" s="278">
        <v>0</v>
      </c>
      <c r="DL19" s="280">
        <v>0</v>
      </c>
      <c r="DM19" s="281">
        <v>0</v>
      </c>
      <c r="DN19" s="281">
        <v>0</v>
      </c>
      <c r="DO19" s="281">
        <v>0</v>
      </c>
      <c r="DP19" s="281">
        <v>0</v>
      </c>
      <c r="DQ19" s="281">
        <v>0</v>
      </c>
      <c r="DR19" s="278">
        <v>0</v>
      </c>
      <c r="DS19" s="283">
        <v>0</v>
      </c>
      <c r="DT19" s="277">
        <v>16</v>
      </c>
      <c r="DU19" s="281">
        <v>20</v>
      </c>
      <c r="DV19" s="278">
        <v>36</v>
      </c>
      <c r="DW19" s="280">
        <v>0</v>
      </c>
      <c r="DX19" s="281">
        <v>22</v>
      </c>
      <c r="DY19" s="281">
        <v>58</v>
      </c>
      <c r="DZ19" s="281">
        <v>46</v>
      </c>
      <c r="EA19" s="281">
        <v>23</v>
      </c>
      <c r="EB19" s="281">
        <v>16</v>
      </c>
      <c r="EC19" s="278">
        <v>165</v>
      </c>
      <c r="ED19" s="283">
        <v>201</v>
      </c>
      <c r="EE19" s="277">
        <v>2</v>
      </c>
      <c r="EF19" s="281">
        <v>4</v>
      </c>
      <c r="EG19" s="278">
        <v>6</v>
      </c>
      <c r="EH19" s="280">
        <v>0</v>
      </c>
      <c r="EI19" s="281">
        <v>11</v>
      </c>
      <c r="EJ19" s="281">
        <v>4</v>
      </c>
      <c r="EK19" s="281">
        <v>7</v>
      </c>
      <c r="EL19" s="281">
        <v>13</v>
      </c>
      <c r="EM19" s="281">
        <v>9</v>
      </c>
      <c r="EN19" s="278">
        <v>44</v>
      </c>
      <c r="EO19" s="283">
        <v>50</v>
      </c>
      <c r="EP19" s="277">
        <v>20</v>
      </c>
      <c r="EQ19" s="281">
        <v>26</v>
      </c>
      <c r="ER19" s="278">
        <v>46</v>
      </c>
      <c r="ES19" s="280">
        <v>0</v>
      </c>
      <c r="ET19" s="281">
        <v>56</v>
      </c>
      <c r="EU19" s="281">
        <v>80</v>
      </c>
      <c r="EV19" s="281">
        <v>50</v>
      </c>
      <c r="EW19" s="281">
        <v>23</v>
      </c>
      <c r="EX19" s="281">
        <v>17</v>
      </c>
      <c r="EY19" s="278">
        <v>226</v>
      </c>
      <c r="EZ19" s="283">
        <v>272</v>
      </c>
    </row>
    <row r="20" spans="2:156" ht="19.5" customHeight="1" x14ac:dyDescent="0.2">
      <c r="B20" s="262" t="s">
        <v>18</v>
      </c>
      <c r="C20" s="277">
        <v>0</v>
      </c>
      <c r="D20" s="281">
        <v>0</v>
      </c>
      <c r="E20" s="385">
        <v>0</v>
      </c>
      <c r="F20" s="280">
        <v>0</v>
      </c>
      <c r="G20" s="281">
        <v>27</v>
      </c>
      <c r="H20" s="281">
        <v>31</v>
      </c>
      <c r="I20" s="281">
        <v>15</v>
      </c>
      <c r="J20" s="281">
        <v>16</v>
      </c>
      <c r="K20" s="281">
        <v>13</v>
      </c>
      <c r="L20" s="282">
        <v>102</v>
      </c>
      <c r="M20" s="283">
        <v>102</v>
      </c>
      <c r="N20" s="277">
        <v>0</v>
      </c>
      <c r="O20" s="281">
        <v>0</v>
      </c>
      <c r="P20" s="278">
        <v>0</v>
      </c>
      <c r="Q20" s="280">
        <v>0</v>
      </c>
      <c r="R20" s="281">
        <v>0</v>
      </c>
      <c r="S20" s="281">
        <v>0</v>
      </c>
      <c r="T20" s="281">
        <v>1</v>
      </c>
      <c r="U20" s="281">
        <v>6</v>
      </c>
      <c r="V20" s="281">
        <v>5</v>
      </c>
      <c r="W20" s="278">
        <v>12</v>
      </c>
      <c r="X20" s="283">
        <v>12</v>
      </c>
      <c r="Y20" s="277">
        <v>7</v>
      </c>
      <c r="Z20" s="281">
        <v>6</v>
      </c>
      <c r="AA20" s="278">
        <v>13</v>
      </c>
      <c r="AB20" s="280">
        <v>0</v>
      </c>
      <c r="AC20" s="281">
        <v>18</v>
      </c>
      <c r="AD20" s="281">
        <v>30</v>
      </c>
      <c r="AE20" s="281">
        <v>16</v>
      </c>
      <c r="AF20" s="281">
        <v>19</v>
      </c>
      <c r="AG20" s="281">
        <v>12</v>
      </c>
      <c r="AH20" s="278">
        <v>95</v>
      </c>
      <c r="AI20" s="283">
        <v>108</v>
      </c>
      <c r="AJ20" s="277">
        <v>1</v>
      </c>
      <c r="AK20" s="281">
        <v>0</v>
      </c>
      <c r="AL20" s="278">
        <v>1</v>
      </c>
      <c r="AM20" s="280">
        <v>0</v>
      </c>
      <c r="AN20" s="281">
        <v>4</v>
      </c>
      <c r="AO20" s="281">
        <v>3</v>
      </c>
      <c r="AP20" s="281">
        <v>4</v>
      </c>
      <c r="AQ20" s="281">
        <v>3</v>
      </c>
      <c r="AR20" s="281">
        <v>0</v>
      </c>
      <c r="AS20" s="278">
        <v>14</v>
      </c>
      <c r="AT20" s="283">
        <v>15</v>
      </c>
      <c r="AU20" s="277">
        <v>5</v>
      </c>
      <c r="AV20" s="281">
        <v>4</v>
      </c>
      <c r="AW20" s="278">
        <v>9</v>
      </c>
      <c r="AX20" s="280">
        <v>0</v>
      </c>
      <c r="AY20" s="281">
        <v>26</v>
      </c>
      <c r="AZ20" s="281">
        <v>32</v>
      </c>
      <c r="BA20" s="281">
        <v>22</v>
      </c>
      <c r="BB20" s="281">
        <v>28</v>
      </c>
      <c r="BC20" s="281">
        <v>34</v>
      </c>
      <c r="BD20" s="282">
        <v>142</v>
      </c>
      <c r="BE20" s="283">
        <v>151</v>
      </c>
      <c r="BF20" s="277">
        <v>0</v>
      </c>
      <c r="BG20" s="281">
        <v>0</v>
      </c>
      <c r="BH20" s="278">
        <v>0</v>
      </c>
      <c r="BI20" s="280">
        <v>0</v>
      </c>
      <c r="BJ20" s="281">
        <v>41</v>
      </c>
      <c r="BK20" s="281">
        <v>46</v>
      </c>
      <c r="BL20" s="281">
        <v>16</v>
      </c>
      <c r="BM20" s="281">
        <v>14</v>
      </c>
      <c r="BN20" s="281">
        <v>4</v>
      </c>
      <c r="BO20" s="278">
        <v>121</v>
      </c>
      <c r="BP20" s="283">
        <v>121</v>
      </c>
      <c r="BQ20" s="277">
        <v>6</v>
      </c>
      <c r="BR20" s="281">
        <v>4</v>
      </c>
      <c r="BS20" s="278">
        <v>10</v>
      </c>
      <c r="BT20" s="280">
        <v>0</v>
      </c>
      <c r="BU20" s="281">
        <v>11</v>
      </c>
      <c r="BV20" s="281">
        <v>14</v>
      </c>
      <c r="BW20" s="281">
        <v>5</v>
      </c>
      <c r="BX20" s="281">
        <v>8</v>
      </c>
      <c r="BY20" s="281">
        <v>3</v>
      </c>
      <c r="BZ20" s="278">
        <v>41</v>
      </c>
      <c r="CA20" s="283">
        <v>51</v>
      </c>
      <c r="CB20" s="277">
        <v>0</v>
      </c>
      <c r="CC20" s="281">
        <v>1</v>
      </c>
      <c r="CD20" s="278">
        <v>1</v>
      </c>
      <c r="CE20" s="280">
        <v>0</v>
      </c>
      <c r="CF20" s="281">
        <v>4</v>
      </c>
      <c r="CG20" s="281">
        <v>6</v>
      </c>
      <c r="CH20" s="281">
        <v>14</v>
      </c>
      <c r="CI20" s="281">
        <v>11</v>
      </c>
      <c r="CJ20" s="281">
        <v>6</v>
      </c>
      <c r="CK20" s="278">
        <v>41</v>
      </c>
      <c r="CL20" s="283">
        <v>42</v>
      </c>
      <c r="CM20" s="277">
        <v>0</v>
      </c>
      <c r="CN20" s="281">
        <v>0</v>
      </c>
      <c r="CO20" s="278">
        <v>0</v>
      </c>
      <c r="CP20" s="280">
        <v>0</v>
      </c>
      <c r="CQ20" s="281">
        <v>0</v>
      </c>
      <c r="CR20" s="281">
        <v>0</v>
      </c>
      <c r="CS20" s="281">
        <v>1</v>
      </c>
      <c r="CT20" s="281">
        <v>0</v>
      </c>
      <c r="CU20" s="281">
        <v>1</v>
      </c>
      <c r="CV20" s="278">
        <v>2</v>
      </c>
      <c r="CW20" s="283">
        <v>2</v>
      </c>
      <c r="CX20" s="277">
        <v>0</v>
      </c>
      <c r="CY20" s="281">
        <v>0</v>
      </c>
      <c r="CZ20" s="278">
        <v>0</v>
      </c>
      <c r="DA20" s="280">
        <v>0</v>
      </c>
      <c r="DB20" s="281">
        <v>0</v>
      </c>
      <c r="DC20" s="281">
        <v>0</v>
      </c>
      <c r="DD20" s="281">
        <v>0</v>
      </c>
      <c r="DE20" s="281">
        <v>0</v>
      </c>
      <c r="DF20" s="281">
        <v>0</v>
      </c>
      <c r="DG20" s="278">
        <v>0</v>
      </c>
      <c r="DH20" s="283">
        <v>0</v>
      </c>
      <c r="DI20" s="277">
        <v>0</v>
      </c>
      <c r="DJ20" s="281">
        <v>0</v>
      </c>
      <c r="DK20" s="278">
        <v>0</v>
      </c>
      <c r="DL20" s="280">
        <v>0</v>
      </c>
      <c r="DM20" s="281">
        <v>0</v>
      </c>
      <c r="DN20" s="281">
        <v>0</v>
      </c>
      <c r="DO20" s="281">
        <v>0</v>
      </c>
      <c r="DP20" s="281">
        <v>0</v>
      </c>
      <c r="DQ20" s="281">
        <v>0</v>
      </c>
      <c r="DR20" s="278">
        <v>0</v>
      </c>
      <c r="DS20" s="283">
        <v>0</v>
      </c>
      <c r="DT20" s="277">
        <v>15</v>
      </c>
      <c r="DU20" s="281">
        <v>24</v>
      </c>
      <c r="DV20" s="278">
        <v>39</v>
      </c>
      <c r="DW20" s="280">
        <v>0</v>
      </c>
      <c r="DX20" s="281">
        <v>40</v>
      </c>
      <c r="DY20" s="281">
        <v>65</v>
      </c>
      <c r="DZ20" s="281">
        <v>39</v>
      </c>
      <c r="EA20" s="281">
        <v>36</v>
      </c>
      <c r="EB20" s="281">
        <v>26</v>
      </c>
      <c r="EC20" s="278">
        <v>206</v>
      </c>
      <c r="ED20" s="283">
        <v>245</v>
      </c>
      <c r="EE20" s="277">
        <v>3</v>
      </c>
      <c r="EF20" s="281">
        <v>1</v>
      </c>
      <c r="EG20" s="278">
        <v>4</v>
      </c>
      <c r="EH20" s="280">
        <v>0</v>
      </c>
      <c r="EI20" s="281">
        <v>10</v>
      </c>
      <c r="EJ20" s="281">
        <v>11</v>
      </c>
      <c r="EK20" s="281">
        <v>6</v>
      </c>
      <c r="EL20" s="281">
        <v>9</v>
      </c>
      <c r="EM20" s="281">
        <v>10</v>
      </c>
      <c r="EN20" s="278">
        <v>46</v>
      </c>
      <c r="EO20" s="283">
        <v>50</v>
      </c>
      <c r="EP20" s="277">
        <v>26</v>
      </c>
      <c r="EQ20" s="281">
        <v>33</v>
      </c>
      <c r="ER20" s="278">
        <v>59</v>
      </c>
      <c r="ES20" s="280">
        <v>0</v>
      </c>
      <c r="ET20" s="281">
        <v>96</v>
      </c>
      <c r="EU20" s="281">
        <v>101</v>
      </c>
      <c r="EV20" s="281">
        <v>49</v>
      </c>
      <c r="EW20" s="281">
        <v>45</v>
      </c>
      <c r="EX20" s="281">
        <v>26</v>
      </c>
      <c r="EY20" s="278">
        <v>317</v>
      </c>
      <c r="EZ20" s="283">
        <v>376</v>
      </c>
    </row>
    <row r="21" spans="2:156" ht="19.5" customHeight="1" x14ac:dyDescent="0.2">
      <c r="B21" s="262" t="s">
        <v>19</v>
      </c>
      <c r="C21" s="277">
        <v>0</v>
      </c>
      <c r="D21" s="281">
        <v>0</v>
      </c>
      <c r="E21" s="385">
        <v>0</v>
      </c>
      <c r="F21" s="280">
        <v>0</v>
      </c>
      <c r="G21" s="281">
        <v>8</v>
      </c>
      <c r="H21" s="281">
        <v>9</v>
      </c>
      <c r="I21" s="281">
        <v>6</v>
      </c>
      <c r="J21" s="281">
        <v>3</v>
      </c>
      <c r="K21" s="281">
        <v>1</v>
      </c>
      <c r="L21" s="282">
        <v>27</v>
      </c>
      <c r="M21" s="283">
        <v>27</v>
      </c>
      <c r="N21" s="277">
        <v>0</v>
      </c>
      <c r="O21" s="281">
        <v>0</v>
      </c>
      <c r="P21" s="278">
        <v>0</v>
      </c>
      <c r="Q21" s="280">
        <v>0</v>
      </c>
      <c r="R21" s="281">
        <v>0</v>
      </c>
      <c r="S21" s="281">
        <v>0</v>
      </c>
      <c r="T21" s="281">
        <v>2</v>
      </c>
      <c r="U21" s="281">
        <v>1</v>
      </c>
      <c r="V21" s="281">
        <v>2</v>
      </c>
      <c r="W21" s="278">
        <v>5</v>
      </c>
      <c r="X21" s="283">
        <v>5</v>
      </c>
      <c r="Y21" s="277">
        <v>3</v>
      </c>
      <c r="Z21" s="281">
        <v>2</v>
      </c>
      <c r="AA21" s="278">
        <v>5</v>
      </c>
      <c r="AB21" s="280">
        <v>0</v>
      </c>
      <c r="AC21" s="281">
        <v>5</v>
      </c>
      <c r="AD21" s="281">
        <v>13</v>
      </c>
      <c r="AE21" s="281">
        <v>6</v>
      </c>
      <c r="AF21" s="281">
        <v>5</v>
      </c>
      <c r="AG21" s="281">
        <v>2</v>
      </c>
      <c r="AH21" s="278">
        <v>31</v>
      </c>
      <c r="AI21" s="283">
        <v>36</v>
      </c>
      <c r="AJ21" s="277">
        <v>0</v>
      </c>
      <c r="AK21" s="281">
        <v>0</v>
      </c>
      <c r="AL21" s="278">
        <v>0</v>
      </c>
      <c r="AM21" s="280">
        <v>0</v>
      </c>
      <c r="AN21" s="281">
        <v>1</v>
      </c>
      <c r="AO21" s="281">
        <v>1</v>
      </c>
      <c r="AP21" s="281">
        <v>0</v>
      </c>
      <c r="AQ21" s="281">
        <v>0</v>
      </c>
      <c r="AR21" s="281">
        <v>0</v>
      </c>
      <c r="AS21" s="278">
        <v>2</v>
      </c>
      <c r="AT21" s="283">
        <v>2</v>
      </c>
      <c r="AU21" s="277">
        <v>2</v>
      </c>
      <c r="AV21" s="281">
        <v>4</v>
      </c>
      <c r="AW21" s="278">
        <v>6</v>
      </c>
      <c r="AX21" s="280">
        <v>0</v>
      </c>
      <c r="AY21" s="281">
        <v>10</v>
      </c>
      <c r="AZ21" s="281">
        <v>10</v>
      </c>
      <c r="BA21" s="281">
        <v>14</v>
      </c>
      <c r="BB21" s="281">
        <v>9</v>
      </c>
      <c r="BC21" s="281">
        <v>6</v>
      </c>
      <c r="BD21" s="282">
        <v>49</v>
      </c>
      <c r="BE21" s="283">
        <v>55</v>
      </c>
      <c r="BF21" s="277">
        <v>0</v>
      </c>
      <c r="BG21" s="281">
        <v>0</v>
      </c>
      <c r="BH21" s="278">
        <v>0</v>
      </c>
      <c r="BI21" s="280">
        <v>0</v>
      </c>
      <c r="BJ21" s="281">
        <v>14</v>
      </c>
      <c r="BK21" s="281">
        <v>5</v>
      </c>
      <c r="BL21" s="281">
        <v>6</v>
      </c>
      <c r="BM21" s="281">
        <v>3</v>
      </c>
      <c r="BN21" s="281">
        <v>3</v>
      </c>
      <c r="BO21" s="278">
        <v>31</v>
      </c>
      <c r="BP21" s="283">
        <v>31</v>
      </c>
      <c r="BQ21" s="277">
        <v>0</v>
      </c>
      <c r="BR21" s="281">
        <v>4</v>
      </c>
      <c r="BS21" s="278">
        <v>4</v>
      </c>
      <c r="BT21" s="280">
        <v>0</v>
      </c>
      <c r="BU21" s="281">
        <v>7</v>
      </c>
      <c r="BV21" s="281">
        <v>3</v>
      </c>
      <c r="BW21" s="281">
        <v>5</v>
      </c>
      <c r="BX21" s="281">
        <v>4</v>
      </c>
      <c r="BY21" s="281">
        <v>0</v>
      </c>
      <c r="BZ21" s="278">
        <v>19</v>
      </c>
      <c r="CA21" s="283">
        <v>23</v>
      </c>
      <c r="CB21" s="277">
        <v>0</v>
      </c>
      <c r="CC21" s="281">
        <v>0</v>
      </c>
      <c r="CD21" s="278">
        <v>0</v>
      </c>
      <c r="CE21" s="280">
        <v>0</v>
      </c>
      <c r="CF21" s="281">
        <v>1</v>
      </c>
      <c r="CG21" s="281">
        <v>3</v>
      </c>
      <c r="CH21" s="281">
        <v>1</v>
      </c>
      <c r="CI21" s="281">
        <v>1</v>
      </c>
      <c r="CJ21" s="281">
        <v>1</v>
      </c>
      <c r="CK21" s="278">
        <v>7</v>
      </c>
      <c r="CL21" s="283">
        <v>7</v>
      </c>
      <c r="CM21" s="277">
        <v>0</v>
      </c>
      <c r="CN21" s="281">
        <v>0</v>
      </c>
      <c r="CO21" s="278">
        <v>0</v>
      </c>
      <c r="CP21" s="280">
        <v>0</v>
      </c>
      <c r="CQ21" s="281">
        <v>0</v>
      </c>
      <c r="CR21" s="281">
        <v>1</v>
      </c>
      <c r="CS21" s="281">
        <v>1</v>
      </c>
      <c r="CT21" s="281">
        <v>1</v>
      </c>
      <c r="CU21" s="281">
        <v>0</v>
      </c>
      <c r="CV21" s="278">
        <v>3</v>
      </c>
      <c r="CW21" s="283">
        <v>3</v>
      </c>
      <c r="CX21" s="277">
        <v>0</v>
      </c>
      <c r="CY21" s="281">
        <v>0</v>
      </c>
      <c r="CZ21" s="278">
        <v>0</v>
      </c>
      <c r="DA21" s="280">
        <v>0</v>
      </c>
      <c r="DB21" s="281">
        <v>0</v>
      </c>
      <c r="DC21" s="281">
        <v>0</v>
      </c>
      <c r="DD21" s="281">
        <v>0</v>
      </c>
      <c r="DE21" s="281">
        <v>0</v>
      </c>
      <c r="DF21" s="281">
        <v>0</v>
      </c>
      <c r="DG21" s="278">
        <v>0</v>
      </c>
      <c r="DH21" s="283">
        <v>0</v>
      </c>
      <c r="DI21" s="277">
        <v>0</v>
      </c>
      <c r="DJ21" s="281">
        <v>0</v>
      </c>
      <c r="DK21" s="278">
        <v>0</v>
      </c>
      <c r="DL21" s="280">
        <v>0</v>
      </c>
      <c r="DM21" s="281">
        <v>0</v>
      </c>
      <c r="DN21" s="281">
        <v>0</v>
      </c>
      <c r="DO21" s="281">
        <v>0</v>
      </c>
      <c r="DP21" s="281">
        <v>0</v>
      </c>
      <c r="DQ21" s="281">
        <v>0</v>
      </c>
      <c r="DR21" s="278">
        <v>0</v>
      </c>
      <c r="DS21" s="283">
        <v>0</v>
      </c>
      <c r="DT21" s="277">
        <v>6</v>
      </c>
      <c r="DU21" s="281">
        <v>11</v>
      </c>
      <c r="DV21" s="278">
        <v>17</v>
      </c>
      <c r="DW21" s="280">
        <v>0</v>
      </c>
      <c r="DX21" s="281">
        <v>18</v>
      </c>
      <c r="DY21" s="281">
        <v>25</v>
      </c>
      <c r="DZ21" s="281">
        <v>19</v>
      </c>
      <c r="EA21" s="281">
        <v>12</v>
      </c>
      <c r="EB21" s="281">
        <v>4</v>
      </c>
      <c r="EC21" s="278">
        <v>78</v>
      </c>
      <c r="ED21" s="283">
        <v>95</v>
      </c>
      <c r="EE21" s="277">
        <v>1</v>
      </c>
      <c r="EF21" s="281">
        <v>3</v>
      </c>
      <c r="EG21" s="278">
        <v>4</v>
      </c>
      <c r="EH21" s="280">
        <v>0</v>
      </c>
      <c r="EI21" s="281">
        <v>8</v>
      </c>
      <c r="EJ21" s="281">
        <v>5</v>
      </c>
      <c r="EK21" s="281">
        <v>5</v>
      </c>
      <c r="EL21" s="281">
        <v>2</v>
      </c>
      <c r="EM21" s="281">
        <v>3</v>
      </c>
      <c r="EN21" s="278">
        <v>23</v>
      </c>
      <c r="EO21" s="283">
        <v>27</v>
      </c>
      <c r="EP21" s="277">
        <v>9</v>
      </c>
      <c r="EQ21" s="281">
        <v>13</v>
      </c>
      <c r="ER21" s="278">
        <v>22</v>
      </c>
      <c r="ES21" s="280">
        <v>0</v>
      </c>
      <c r="ET21" s="281">
        <v>38</v>
      </c>
      <c r="EU21" s="281">
        <v>35</v>
      </c>
      <c r="EV21" s="281">
        <v>20</v>
      </c>
      <c r="EW21" s="281">
        <v>9</v>
      </c>
      <c r="EX21" s="281">
        <v>4</v>
      </c>
      <c r="EY21" s="278">
        <v>106</v>
      </c>
      <c r="EZ21" s="283">
        <v>128</v>
      </c>
    </row>
    <row r="22" spans="2:156" ht="19.5" customHeight="1" x14ac:dyDescent="0.2">
      <c r="B22" s="262" t="s">
        <v>20</v>
      </c>
      <c r="C22" s="277">
        <v>0</v>
      </c>
      <c r="D22" s="281">
        <v>0</v>
      </c>
      <c r="E22" s="385">
        <v>0</v>
      </c>
      <c r="F22" s="280">
        <v>0</v>
      </c>
      <c r="G22" s="281">
        <v>15</v>
      </c>
      <c r="H22" s="281">
        <v>11</v>
      </c>
      <c r="I22" s="281">
        <v>4</v>
      </c>
      <c r="J22" s="281">
        <v>7</v>
      </c>
      <c r="K22" s="281">
        <v>5</v>
      </c>
      <c r="L22" s="282">
        <v>42</v>
      </c>
      <c r="M22" s="283">
        <v>42</v>
      </c>
      <c r="N22" s="277">
        <v>0</v>
      </c>
      <c r="O22" s="281">
        <v>0</v>
      </c>
      <c r="P22" s="278">
        <v>0</v>
      </c>
      <c r="Q22" s="280">
        <v>0</v>
      </c>
      <c r="R22" s="281">
        <v>0</v>
      </c>
      <c r="S22" s="281">
        <v>0</v>
      </c>
      <c r="T22" s="281">
        <v>0</v>
      </c>
      <c r="U22" s="281">
        <v>0</v>
      </c>
      <c r="V22" s="281">
        <v>2</v>
      </c>
      <c r="W22" s="278">
        <v>2</v>
      </c>
      <c r="X22" s="283">
        <v>2</v>
      </c>
      <c r="Y22" s="277">
        <v>3</v>
      </c>
      <c r="Z22" s="281">
        <v>5</v>
      </c>
      <c r="AA22" s="278">
        <v>8</v>
      </c>
      <c r="AB22" s="280">
        <v>0</v>
      </c>
      <c r="AC22" s="281">
        <v>17</v>
      </c>
      <c r="AD22" s="281">
        <v>12</v>
      </c>
      <c r="AE22" s="281">
        <v>10</v>
      </c>
      <c r="AF22" s="281">
        <v>4</v>
      </c>
      <c r="AG22" s="281">
        <v>1</v>
      </c>
      <c r="AH22" s="278">
        <v>44</v>
      </c>
      <c r="AI22" s="283">
        <v>52</v>
      </c>
      <c r="AJ22" s="277">
        <v>0</v>
      </c>
      <c r="AK22" s="281">
        <v>2</v>
      </c>
      <c r="AL22" s="278">
        <v>2</v>
      </c>
      <c r="AM22" s="280">
        <v>0</v>
      </c>
      <c r="AN22" s="281">
        <v>5</v>
      </c>
      <c r="AO22" s="281">
        <v>4</v>
      </c>
      <c r="AP22" s="281">
        <v>2</v>
      </c>
      <c r="AQ22" s="281">
        <v>0</v>
      </c>
      <c r="AR22" s="281">
        <v>1</v>
      </c>
      <c r="AS22" s="278">
        <v>12</v>
      </c>
      <c r="AT22" s="283">
        <v>14</v>
      </c>
      <c r="AU22" s="277">
        <v>0</v>
      </c>
      <c r="AV22" s="281">
        <v>1</v>
      </c>
      <c r="AW22" s="278">
        <v>1</v>
      </c>
      <c r="AX22" s="280">
        <v>0</v>
      </c>
      <c r="AY22" s="281">
        <v>20</v>
      </c>
      <c r="AZ22" s="281">
        <v>14</v>
      </c>
      <c r="BA22" s="281">
        <v>10</v>
      </c>
      <c r="BB22" s="281">
        <v>14</v>
      </c>
      <c r="BC22" s="281">
        <v>8</v>
      </c>
      <c r="BD22" s="282">
        <v>66</v>
      </c>
      <c r="BE22" s="283">
        <v>67</v>
      </c>
      <c r="BF22" s="277">
        <v>0</v>
      </c>
      <c r="BG22" s="281">
        <v>0</v>
      </c>
      <c r="BH22" s="278">
        <v>0</v>
      </c>
      <c r="BI22" s="280">
        <v>0</v>
      </c>
      <c r="BJ22" s="281">
        <v>10</v>
      </c>
      <c r="BK22" s="281">
        <v>13</v>
      </c>
      <c r="BL22" s="281">
        <v>7</v>
      </c>
      <c r="BM22" s="281">
        <v>4</v>
      </c>
      <c r="BN22" s="281">
        <v>3</v>
      </c>
      <c r="BO22" s="278">
        <v>37</v>
      </c>
      <c r="BP22" s="283">
        <v>37</v>
      </c>
      <c r="BQ22" s="277">
        <v>2</v>
      </c>
      <c r="BR22" s="281">
        <v>3</v>
      </c>
      <c r="BS22" s="278">
        <v>5</v>
      </c>
      <c r="BT22" s="280">
        <v>0</v>
      </c>
      <c r="BU22" s="281">
        <v>11</v>
      </c>
      <c r="BV22" s="281">
        <v>11</v>
      </c>
      <c r="BW22" s="281">
        <v>5</v>
      </c>
      <c r="BX22" s="281">
        <v>2</v>
      </c>
      <c r="BY22" s="281">
        <v>2</v>
      </c>
      <c r="BZ22" s="278">
        <v>31</v>
      </c>
      <c r="CA22" s="283">
        <v>36</v>
      </c>
      <c r="CB22" s="277">
        <v>0</v>
      </c>
      <c r="CC22" s="281">
        <v>0</v>
      </c>
      <c r="CD22" s="278">
        <v>0</v>
      </c>
      <c r="CE22" s="280">
        <v>0</v>
      </c>
      <c r="CF22" s="281">
        <v>3</v>
      </c>
      <c r="CG22" s="281">
        <v>2</v>
      </c>
      <c r="CH22" s="281">
        <v>2</v>
      </c>
      <c r="CI22" s="281">
        <v>2</v>
      </c>
      <c r="CJ22" s="281">
        <v>1</v>
      </c>
      <c r="CK22" s="278">
        <v>10</v>
      </c>
      <c r="CL22" s="283">
        <v>10</v>
      </c>
      <c r="CM22" s="277">
        <v>0</v>
      </c>
      <c r="CN22" s="281">
        <v>0</v>
      </c>
      <c r="CO22" s="278">
        <v>0</v>
      </c>
      <c r="CP22" s="280">
        <v>0</v>
      </c>
      <c r="CQ22" s="281">
        <v>0</v>
      </c>
      <c r="CR22" s="281">
        <v>1</v>
      </c>
      <c r="CS22" s="281">
        <v>1</v>
      </c>
      <c r="CT22" s="281">
        <v>0</v>
      </c>
      <c r="CU22" s="281">
        <v>0</v>
      </c>
      <c r="CV22" s="278">
        <v>2</v>
      </c>
      <c r="CW22" s="283">
        <v>2</v>
      </c>
      <c r="CX22" s="277">
        <v>0</v>
      </c>
      <c r="CY22" s="281">
        <v>0</v>
      </c>
      <c r="CZ22" s="278">
        <v>0</v>
      </c>
      <c r="DA22" s="280">
        <v>0</v>
      </c>
      <c r="DB22" s="281">
        <v>0</v>
      </c>
      <c r="DC22" s="281">
        <v>0</v>
      </c>
      <c r="DD22" s="281">
        <v>0</v>
      </c>
      <c r="DE22" s="281">
        <v>0</v>
      </c>
      <c r="DF22" s="281">
        <v>0</v>
      </c>
      <c r="DG22" s="278">
        <v>0</v>
      </c>
      <c r="DH22" s="283">
        <v>0</v>
      </c>
      <c r="DI22" s="277">
        <v>0</v>
      </c>
      <c r="DJ22" s="281">
        <v>0</v>
      </c>
      <c r="DK22" s="278">
        <v>0</v>
      </c>
      <c r="DL22" s="280">
        <v>0</v>
      </c>
      <c r="DM22" s="281">
        <v>0</v>
      </c>
      <c r="DN22" s="281">
        <v>0</v>
      </c>
      <c r="DO22" s="281">
        <v>0</v>
      </c>
      <c r="DP22" s="281">
        <v>0</v>
      </c>
      <c r="DQ22" s="281">
        <v>0</v>
      </c>
      <c r="DR22" s="278">
        <v>0</v>
      </c>
      <c r="DS22" s="283">
        <v>0</v>
      </c>
      <c r="DT22" s="277">
        <v>4</v>
      </c>
      <c r="DU22" s="281">
        <v>21</v>
      </c>
      <c r="DV22" s="278">
        <v>25</v>
      </c>
      <c r="DW22" s="280">
        <v>0</v>
      </c>
      <c r="DX22" s="281">
        <v>31</v>
      </c>
      <c r="DY22" s="281">
        <v>23</v>
      </c>
      <c r="DZ22" s="281">
        <v>18</v>
      </c>
      <c r="EA22" s="281">
        <v>11</v>
      </c>
      <c r="EB22" s="281">
        <v>6</v>
      </c>
      <c r="EC22" s="278">
        <v>89</v>
      </c>
      <c r="ED22" s="283">
        <v>114</v>
      </c>
      <c r="EE22" s="277">
        <v>0</v>
      </c>
      <c r="EF22" s="281">
        <v>1</v>
      </c>
      <c r="EG22" s="278">
        <v>1</v>
      </c>
      <c r="EH22" s="280">
        <v>0</v>
      </c>
      <c r="EI22" s="281">
        <v>5</v>
      </c>
      <c r="EJ22" s="281">
        <v>5</v>
      </c>
      <c r="EK22" s="281">
        <v>5</v>
      </c>
      <c r="EL22" s="281">
        <v>7</v>
      </c>
      <c r="EM22" s="281">
        <v>1</v>
      </c>
      <c r="EN22" s="278">
        <v>23</v>
      </c>
      <c r="EO22" s="283">
        <v>24</v>
      </c>
      <c r="EP22" s="277">
        <v>9</v>
      </c>
      <c r="EQ22" s="281">
        <v>26</v>
      </c>
      <c r="ER22" s="278">
        <v>35</v>
      </c>
      <c r="ES22" s="280">
        <v>0</v>
      </c>
      <c r="ET22" s="281">
        <v>63</v>
      </c>
      <c r="EU22" s="281">
        <v>38</v>
      </c>
      <c r="EV22" s="281">
        <v>25</v>
      </c>
      <c r="EW22" s="281">
        <v>14</v>
      </c>
      <c r="EX22" s="281">
        <v>6</v>
      </c>
      <c r="EY22" s="278">
        <v>146</v>
      </c>
      <c r="EZ22" s="283">
        <v>181</v>
      </c>
    </row>
    <row r="23" spans="2:156" ht="19.5" customHeight="1" x14ac:dyDescent="0.2">
      <c r="B23" s="262" t="s">
        <v>21</v>
      </c>
      <c r="C23" s="277">
        <v>0</v>
      </c>
      <c r="D23" s="281">
        <v>0</v>
      </c>
      <c r="E23" s="385">
        <v>0</v>
      </c>
      <c r="F23" s="280">
        <v>0</v>
      </c>
      <c r="G23" s="281">
        <v>10</v>
      </c>
      <c r="H23" s="281">
        <v>14</v>
      </c>
      <c r="I23" s="281">
        <v>5</v>
      </c>
      <c r="J23" s="281">
        <v>3</v>
      </c>
      <c r="K23" s="281">
        <v>2</v>
      </c>
      <c r="L23" s="282">
        <v>34</v>
      </c>
      <c r="M23" s="283">
        <v>34</v>
      </c>
      <c r="N23" s="277">
        <v>0</v>
      </c>
      <c r="O23" s="281">
        <v>0</v>
      </c>
      <c r="P23" s="278">
        <v>0</v>
      </c>
      <c r="Q23" s="280">
        <v>0</v>
      </c>
      <c r="R23" s="281">
        <v>0</v>
      </c>
      <c r="S23" s="281">
        <v>1</v>
      </c>
      <c r="T23" s="281">
        <v>1</v>
      </c>
      <c r="U23" s="281">
        <v>1</v>
      </c>
      <c r="V23" s="281">
        <v>3</v>
      </c>
      <c r="W23" s="278">
        <v>6</v>
      </c>
      <c r="X23" s="283">
        <v>6</v>
      </c>
      <c r="Y23" s="277">
        <v>2</v>
      </c>
      <c r="Z23" s="281">
        <v>1</v>
      </c>
      <c r="AA23" s="278">
        <v>3</v>
      </c>
      <c r="AB23" s="280">
        <v>0</v>
      </c>
      <c r="AC23" s="281">
        <v>10</v>
      </c>
      <c r="AD23" s="281">
        <v>12</v>
      </c>
      <c r="AE23" s="281">
        <v>6</v>
      </c>
      <c r="AF23" s="281">
        <v>2</v>
      </c>
      <c r="AG23" s="281">
        <v>4</v>
      </c>
      <c r="AH23" s="278">
        <v>34</v>
      </c>
      <c r="AI23" s="283">
        <v>37</v>
      </c>
      <c r="AJ23" s="277">
        <v>1</v>
      </c>
      <c r="AK23" s="281">
        <v>0</v>
      </c>
      <c r="AL23" s="278">
        <v>1</v>
      </c>
      <c r="AM23" s="280">
        <v>0</v>
      </c>
      <c r="AN23" s="281">
        <v>0</v>
      </c>
      <c r="AO23" s="281">
        <v>2</v>
      </c>
      <c r="AP23" s="281">
        <v>0</v>
      </c>
      <c r="AQ23" s="281">
        <v>1</v>
      </c>
      <c r="AR23" s="281">
        <v>1</v>
      </c>
      <c r="AS23" s="278">
        <v>4</v>
      </c>
      <c r="AT23" s="283">
        <v>5</v>
      </c>
      <c r="AU23" s="277">
        <v>6</v>
      </c>
      <c r="AV23" s="281">
        <v>2</v>
      </c>
      <c r="AW23" s="278">
        <v>8</v>
      </c>
      <c r="AX23" s="280">
        <v>0</v>
      </c>
      <c r="AY23" s="281">
        <v>10</v>
      </c>
      <c r="AZ23" s="281">
        <v>14</v>
      </c>
      <c r="BA23" s="281">
        <v>9</v>
      </c>
      <c r="BB23" s="281">
        <v>11</v>
      </c>
      <c r="BC23" s="281">
        <v>6</v>
      </c>
      <c r="BD23" s="282">
        <v>50</v>
      </c>
      <c r="BE23" s="283">
        <v>58</v>
      </c>
      <c r="BF23" s="277">
        <v>0</v>
      </c>
      <c r="BG23" s="281">
        <v>0</v>
      </c>
      <c r="BH23" s="278">
        <v>0</v>
      </c>
      <c r="BI23" s="280">
        <v>0</v>
      </c>
      <c r="BJ23" s="281">
        <v>13</v>
      </c>
      <c r="BK23" s="281">
        <v>17</v>
      </c>
      <c r="BL23" s="281">
        <v>7</v>
      </c>
      <c r="BM23" s="281">
        <v>6</v>
      </c>
      <c r="BN23" s="281">
        <v>0</v>
      </c>
      <c r="BO23" s="278">
        <v>43</v>
      </c>
      <c r="BP23" s="283">
        <v>43</v>
      </c>
      <c r="BQ23" s="277">
        <v>2</v>
      </c>
      <c r="BR23" s="281">
        <v>1</v>
      </c>
      <c r="BS23" s="278">
        <v>3</v>
      </c>
      <c r="BT23" s="280">
        <v>0</v>
      </c>
      <c r="BU23" s="281">
        <v>2</v>
      </c>
      <c r="BV23" s="281">
        <v>2</v>
      </c>
      <c r="BW23" s="281">
        <v>1</v>
      </c>
      <c r="BX23" s="281">
        <v>1</v>
      </c>
      <c r="BY23" s="281">
        <v>1</v>
      </c>
      <c r="BZ23" s="278">
        <v>7</v>
      </c>
      <c r="CA23" s="283">
        <v>10</v>
      </c>
      <c r="CB23" s="277">
        <v>1</v>
      </c>
      <c r="CC23" s="281">
        <v>0</v>
      </c>
      <c r="CD23" s="278">
        <v>1</v>
      </c>
      <c r="CE23" s="280">
        <v>0</v>
      </c>
      <c r="CF23" s="281">
        <v>2</v>
      </c>
      <c r="CG23" s="281">
        <v>4</v>
      </c>
      <c r="CH23" s="281">
        <v>3</v>
      </c>
      <c r="CI23" s="281">
        <v>2</v>
      </c>
      <c r="CJ23" s="281">
        <v>1</v>
      </c>
      <c r="CK23" s="278">
        <v>12</v>
      </c>
      <c r="CL23" s="283">
        <v>13</v>
      </c>
      <c r="CM23" s="277">
        <v>0</v>
      </c>
      <c r="CN23" s="281">
        <v>0</v>
      </c>
      <c r="CO23" s="278">
        <v>0</v>
      </c>
      <c r="CP23" s="280">
        <v>0</v>
      </c>
      <c r="CQ23" s="281">
        <v>0</v>
      </c>
      <c r="CR23" s="281">
        <v>2</v>
      </c>
      <c r="CS23" s="281">
        <v>0</v>
      </c>
      <c r="CT23" s="281">
        <v>0</v>
      </c>
      <c r="CU23" s="281">
        <v>1</v>
      </c>
      <c r="CV23" s="278">
        <v>3</v>
      </c>
      <c r="CW23" s="283">
        <v>3</v>
      </c>
      <c r="CX23" s="277">
        <v>0</v>
      </c>
      <c r="CY23" s="281">
        <v>0</v>
      </c>
      <c r="CZ23" s="278">
        <v>0</v>
      </c>
      <c r="DA23" s="280">
        <v>0</v>
      </c>
      <c r="DB23" s="281">
        <v>0</v>
      </c>
      <c r="DC23" s="281">
        <v>0</v>
      </c>
      <c r="DD23" s="281">
        <v>0</v>
      </c>
      <c r="DE23" s="281">
        <v>0</v>
      </c>
      <c r="DF23" s="281">
        <v>0</v>
      </c>
      <c r="DG23" s="278">
        <v>0</v>
      </c>
      <c r="DH23" s="283">
        <v>0</v>
      </c>
      <c r="DI23" s="277">
        <v>0</v>
      </c>
      <c r="DJ23" s="281">
        <v>0</v>
      </c>
      <c r="DK23" s="278">
        <v>0</v>
      </c>
      <c r="DL23" s="280">
        <v>0</v>
      </c>
      <c r="DM23" s="281">
        <v>0</v>
      </c>
      <c r="DN23" s="281">
        <v>0</v>
      </c>
      <c r="DO23" s="281">
        <v>0</v>
      </c>
      <c r="DP23" s="281">
        <v>0</v>
      </c>
      <c r="DQ23" s="281">
        <v>0</v>
      </c>
      <c r="DR23" s="278">
        <v>0</v>
      </c>
      <c r="DS23" s="283">
        <v>0</v>
      </c>
      <c r="DT23" s="277">
        <v>8</v>
      </c>
      <c r="DU23" s="281">
        <v>10</v>
      </c>
      <c r="DV23" s="278">
        <v>18</v>
      </c>
      <c r="DW23" s="280">
        <v>0</v>
      </c>
      <c r="DX23" s="281">
        <v>12</v>
      </c>
      <c r="DY23" s="281">
        <v>34</v>
      </c>
      <c r="DZ23" s="281">
        <v>17</v>
      </c>
      <c r="EA23" s="281">
        <v>11</v>
      </c>
      <c r="EB23" s="281">
        <v>4</v>
      </c>
      <c r="EC23" s="278">
        <v>78</v>
      </c>
      <c r="ED23" s="283">
        <v>96</v>
      </c>
      <c r="EE23" s="277">
        <v>3</v>
      </c>
      <c r="EF23" s="281">
        <v>0</v>
      </c>
      <c r="EG23" s="278">
        <v>3</v>
      </c>
      <c r="EH23" s="280">
        <v>0</v>
      </c>
      <c r="EI23" s="281">
        <v>3</v>
      </c>
      <c r="EJ23" s="281">
        <v>3</v>
      </c>
      <c r="EK23" s="281">
        <v>3</v>
      </c>
      <c r="EL23" s="281">
        <v>4</v>
      </c>
      <c r="EM23" s="281">
        <v>3</v>
      </c>
      <c r="EN23" s="278">
        <v>16</v>
      </c>
      <c r="EO23" s="283">
        <v>19</v>
      </c>
      <c r="EP23" s="277">
        <v>11</v>
      </c>
      <c r="EQ23" s="281">
        <v>11</v>
      </c>
      <c r="ER23" s="278">
        <v>22</v>
      </c>
      <c r="ES23" s="280">
        <v>0</v>
      </c>
      <c r="ET23" s="281">
        <v>41</v>
      </c>
      <c r="EU23" s="281">
        <v>42</v>
      </c>
      <c r="EV23" s="281">
        <v>20</v>
      </c>
      <c r="EW23" s="281">
        <v>12</v>
      </c>
      <c r="EX23" s="281">
        <v>5</v>
      </c>
      <c r="EY23" s="278">
        <v>120</v>
      </c>
      <c r="EZ23" s="283">
        <v>142</v>
      </c>
    </row>
    <row r="24" spans="2:156" ht="19.5" customHeight="1" x14ac:dyDescent="0.2">
      <c r="B24" s="262" t="s">
        <v>22</v>
      </c>
      <c r="C24" s="277">
        <v>0</v>
      </c>
      <c r="D24" s="281">
        <v>0</v>
      </c>
      <c r="E24" s="385">
        <v>0</v>
      </c>
      <c r="F24" s="280">
        <v>0</v>
      </c>
      <c r="G24" s="281">
        <v>5</v>
      </c>
      <c r="H24" s="281">
        <v>3</v>
      </c>
      <c r="I24" s="281">
        <v>1</v>
      </c>
      <c r="J24" s="281">
        <v>0</v>
      </c>
      <c r="K24" s="281">
        <v>3</v>
      </c>
      <c r="L24" s="282">
        <v>12</v>
      </c>
      <c r="M24" s="283">
        <v>12</v>
      </c>
      <c r="N24" s="277">
        <v>0</v>
      </c>
      <c r="O24" s="281">
        <v>0</v>
      </c>
      <c r="P24" s="278">
        <v>0</v>
      </c>
      <c r="Q24" s="280">
        <v>0</v>
      </c>
      <c r="R24" s="281">
        <v>0</v>
      </c>
      <c r="S24" s="281">
        <v>0</v>
      </c>
      <c r="T24" s="281">
        <v>1</v>
      </c>
      <c r="U24" s="281">
        <v>1</v>
      </c>
      <c r="V24" s="281">
        <v>4</v>
      </c>
      <c r="W24" s="278">
        <v>6</v>
      </c>
      <c r="X24" s="283">
        <v>6</v>
      </c>
      <c r="Y24" s="277">
        <v>2</v>
      </c>
      <c r="Z24" s="281">
        <v>1</v>
      </c>
      <c r="AA24" s="278">
        <v>3</v>
      </c>
      <c r="AB24" s="280">
        <v>0</v>
      </c>
      <c r="AC24" s="281">
        <v>4</v>
      </c>
      <c r="AD24" s="281">
        <v>6</v>
      </c>
      <c r="AE24" s="281">
        <v>1</v>
      </c>
      <c r="AF24" s="281">
        <v>2</v>
      </c>
      <c r="AG24" s="281">
        <v>3</v>
      </c>
      <c r="AH24" s="278">
        <v>16</v>
      </c>
      <c r="AI24" s="283">
        <v>19</v>
      </c>
      <c r="AJ24" s="277">
        <v>0</v>
      </c>
      <c r="AK24" s="281">
        <v>0</v>
      </c>
      <c r="AL24" s="278">
        <v>0</v>
      </c>
      <c r="AM24" s="280">
        <v>0</v>
      </c>
      <c r="AN24" s="281">
        <v>3</v>
      </c>
      <c r="AO24" s="281">
        <v>1</v>
      </c>
      <c r="AP24" s="281">
        <v>0</v>
      </c>
      <c r="AQ24" s="281">
        <v>1</v>
      </c>
      <c r="AR24" s="281">
        <v>0</v>
      </c>
      <c r="AS24" s="278">
        <v>5</v>
      </c>
      <c r="AT24" s="283">
        <v>5</v>
      </c>
      <c r="AU24" s="277">
        <v>0</v>
      </c>
      <c r="AV24" s="281">
        <v>1</v>
      </c>
      <c r="AW24" s="278">
        <v>1</v>
      </c>
      <c r="AX24" s="280">
        <v>0</v>
      </c>
      <c r="AY24" s="281">
        <v>4</v>
      </c>
      <c r="AZ24" s="281">
        <v>4</v>
      </c>
      <c r="BA24" s="281">
        <v>1</v>
      </c>
      <c r="BB24" s="281">
        <v>8</v>
      </c>
      <c r="BC24" s="281">
        <v>4</v>
      </c>
      <c r="BD24" s="282">
        <v>21</v>
      </c>
      <c r="BE24" s="283">
        <v>22</v>
      </c>
      <c r="BF24" s="277">
        <v>0</v>
      </c>
      <c r="BG24" s="281">
        <v>0</v>
      </c>
      <c r="BH24" s="278">
        <v>0</v>
      </c>
      <c r="BI24" s="280">
        <v>0</v>
      </c>
      <c r="BJ24" s="281">
        <v>10</v>
      </c>
      <c r="BK24" s="281">
        <v>4</v>
      </c>
      <c r="BL24" s="281">
        <v>1</v>
      </c>
      <c r="BM24" s="281">
        <v>3</v>
      </c>
      <c r="BN24" s="281">
        <v>3</v>
      </c>
      <c r="BO24" s="278">
        <v>21</v>
      </c>
      <c r="BP24" s="283">
        <v>21</v>
      </c>
      <c r="BQ24" s="277">
        <v>0</v>
      </c>
      <c r="BR24" s="281">
        <v>0</v>
      </c>
      <c r="BS24" s="278">
        <v>0</v>
      </c>
      <c r="BT24" s="280">
        <v>0</v>
      </c>
      <c r="BU24" s="281">
        <v>0</v>
      </c>
      <c r="BV24" s="281">
        <v>1</v>
      </c>
      <c r="BW24" s="281">
        <v>1</v>
      </c>
      <c r="BX24" s="281">
        <v>1</v>
      </c>
      <c r="BY24" s="281">
        <v>0</v>
      </c>
      <c r="BZ24" s="278">
        <v>3</v>
      </c>
      <c r="CA24" s="283">
        <v>3</v>
      </c>
      <c r="CB24" s="277">
        <v>0</v>
      </c>
      <c r="CC24" s="281">
        <v>0</v>
      </c>
      <c r="CD24" s="278">
        <v>0</v>
      </c>
      <c r="CE24" s="280">
        <v>0</v>
      </c>
      <c r="CF24" s="281">
        <v>1</v>
      </c>
      <c r="CG24" s="281">
        <v>0</v>
      </c>
      <c r="CH24" s="281">
        <v>2</v>
      </c>
      <c r="CI24" s="281">
        <v>0</v>
      </c>
      <c r="CJ24" s="281">
        <v>0</v>
      </c>
      <c r="CK24" s="278">
        <v>3</v>
      </c>
      <c r="CL24" s="283">
        <v>3</v>
      </c>
      <c r="CM24" s="277">
        <v>0</v>
      </c>
      <c r="CN24" s="281">
        <v>0</v>
      </c>
      <c r="CO24" s="278">
        <v>0</v>
      </c>
      <c r="CP24" s="280">
        <v>0</v>
      </c>
      <c r="CQ24" s="281">
        <v>0</v>
      </c>
      <c r="CR24" s="281">
        <v>0</v>
      </c>
      <c r="CS24" s="281">
        <v>0</v>
      </c>
      <c r="CT24" s="281">
        <v>0</v>
      </c>
      <c r="CU24" s="281">
        <v>0</v>
      </c>
      <c r="CV24" s="278">
        <v>0</v>
      </c>
      <c r="CW24" s="283">
        <v>0</v>
      </c>
      <c r="CX24" s="277">
        <v>0</v>
      </c>
      <c r="CY24" s="281">
        <v>0</v>
      </c>
      <c r="CZ24" s="278">
        <v>0</v>
      </c>
      <c r="DA24" s="280">
        <v>0</v>
      </c>
      <c r="DB24" s="281">
        <v>0</v>
      </c>
      <c r="DC24" s="281">
        <v>0</v>
      </c>
      <c r="DD24" s="281">
        <v>0</v>
      </c>
      <c r="DE24" s="281">
        <v>0</v>
      </c>
      <c r="DF24" s="281">
        <v>0</v>
      </c>
      <c r="DG24" s="278">
        <v>0</v>
      </c>
      <c r="DH24" s="283">
        <v>0</v>
      </c>
      <c r="DI24" s="277">
        <v>0</v>
      </c>
      <c r="DJ24" s="281">
        <v>0</v>
      </c>
      <c r="DK24" s="278">
        <v>0</v>
      </c>
      <c r="DL24" s="280">
        <v>0</v>
      </c>
      <c r="DM24" s="281">
        <v>0</v>
      </c>
      <c r="DN24" s="281">
        <v>0</v>
      </c>
      <c r="DO24" s="281">
        <v>0</v>
      </c>
      <c r="DP24" s="281">
        <v>0</v>
      </c>
      <c r="DQ24" s="281">
        <v>0</v>
      </c>
      <c r="DR24" s="278">
        <v>0</v>
      </c>
      <c r="DS24" s="283">
        <v>0</v>
      </c>
      <c r="DT24" s="277">
        <v>1</v>
      </c>
      <c r="DU24" s="281">
        <v>5</v>
      </c>
      <c r="DV24" s="278">
        <v>6</v>
      </c>
      <c r="DW24" s="280">
        <v>0</v>
      </c>
      <c r="DX24" s="281">
        <v>12</v>
      </c>
      <c r="DY24" s="281">
        <v>11</v>
      </c>
      <c r="DZ24" s="281">
        <v>4</v>
      </c>
      <c r="EA24" s="281">
        <v>6</v>
      </c>
      <c r="EB24" s="281">
        <v>4</v>
      </c>
      <c r="EC24" s="278">
        <v>37</v>
      </c>
      <c r="ED24" s="283">
        <v>43</v>
      </c>
      <c r="EE24" s="277">
        <v>0</v>
      </c>
      <c r="EF24" s="281">
        <v>1</v>
      </c>
      <c r="EG24" s="278">
        <v>1</v>
      </c>
      <c r="EH24" s="280">
        <v>0</v>
      </c>
      <c r="EI24" s="281">
        <v>2</v>
      </c>
      <c r="EJ24" s="281">
        <v>3</v>
      </c>
      <c r="EK24" s="281">
        <v>1</v>
      </c>
      <c r="EL24" s="281">
        <v>5</v>
      </c>
      <c r="EM24" s="281">
        <v>2</v>
      </c>
      <c r="EN24" s="278">
        <v>13</v>
      </c>
      <c r="EO24" s="283">
        <v>14</v>
      </c>
      <c r="EP24" s="277">
        <v>2</v>
      </c>
      <c r="EQ24" s="281">
        <v>5</v>
      </c>
      <c r="ER24" s="278">
        <v>7</v>
      </c>
      <c r="ES24" s="280">
        <v>0</v>
      </c>
      <c r="ET24" s="281">
        <v>24</v>
      </c>
      <c r="EU24" s="281">
        <v>14</v>
      </c>
      <c r="EV24" s="281">
        <v>6</v>
      </c>
      <c r="EW24" s="281">
        <v>6</v>
      </c>
      <c r="EX24" s="281">
        <v>6</v>
      </c>
      <c r="EY24" s="278">
        <v>56</v>
      </c>
      <c r="EZ24" s="283">
        <v>63</v>
      </c>
    </row>
    <row r="25" spans="2:156" ht="19.5" customHeight="1" x14ac:dyDescent="0.2">
      <c r="B25" s="262" t="s">
        <v>23</v>
      </c>
      <c r="C25" s="277">
        <v>0</v>
      </c>
      <c r="D25" s="281">
        <v>0</v>
      </c>
      <c r="E25" s="385">
        <v>0</v>
      </c>
      <c r="F25" s="280">
        <v>0</v>
      </c>
      <c r="G25" s="281">
        <v>1</v>
      </c>
      <c r="H25" s="281">
        <v>8</v>
      </c>
      <c r="I25" s="281">
        <v>4</v>
      </c>
      <c r="J25" s="281">
        <v>1</v>
      </c>
      <c r="K25" s="281">
        <v>0</v>
      </c>
      <c r="L25" s="282">
        <v>14</v>
      </c>
      <c r="M25" s="283">
        <v>14</v>
      </c>
      <c r="N25" s="277">
        <v>0</v>
      </c>
      <c r="O25" s="281">
        <v>0</v>
      </c>
      <c r="P25" s="278">
        <v>0</v>
      </c>
      <c r="Q25" s="280">
        <v>0</v>
      </c>
      <c r="R25" s="281">
        <v>0</v>
      </c>
      <c r="S25" s="281">
        <v>1</v>
      </c>
      <c r="T25" s="281">
        <v>0</v>
      </c>
      <c r="U25" s="281">
        <v>2</v>
      </c>
      <c r="V25" s="281">
        <v>0</v>
      </c>
      <c r="W25" s="278">
        <v>3</v>
      </c>
      <c r="X25" s="283">
        <v>3</v>
      </c>
      <c r="Y25" s="277">
        <v>3</v>
      </c>
      <c r="Z25" s="281">
        <v>1</v>
      </c>
      <c r="AA25" s="278">
        <v>4</v>
      </c>
      <c r="AB25" s="280">
        <v>0</v>
      </c>
      <c r="AC25" s="281">
        <v>3</v>
      </c>
      <c r="AD25" s="281">
        <v>9</v>
      </c>
      <c r="AE25" s="281">
        <v>7</v>
      </c>
      <c r="AF25" s="281">
        <v>4</v>
      </c>
      <c r="AG25" s="281">
        <v>1</v>
      </c>
      <c r="AH25" s="278">
        <v>24</v>
      </c>
      <c r="AI25" s="283">
        <v>28</v>
      </c>
      <c r="AJ25" s="277">
        <v>0</v>
      </c>
      <c r="AK25" s="281">
        <v>1</v>
      </c>
      <c r="AL25" s="278">
        <v>1</v>
      </c>
      <c r="AM25" s="280">
        <v>0</v>
      </c>
      <c r="AN25" s="281">
        <v>0</v>
      </c>
      <c r="AO25" s="281">
        <v>3</v>
      </c>
      <c r="AP25" s="281">
        <v>0</v>
      </c>
      <c r="AQ25" s="281">
        <v>0</v>
      </c>
      <c r="AR25" s="281">
        <v>0</v>
      </c>
      <c r="AS25" s="278">
        <v>3</v>
      </c>
      <c r="AT25" s="283">
        <v>4</v>
      </c>
      <c r="AU25" s="277">
        <v>1</v>
      </c>
      <c r="AV25" s="281">
        <v>0</v>
      </c>
      <c r="AW25" s="278">
        <v>1</v>
      </c>
      <c r="AX25" s="280">
        <v>0</v>
      </c>
      <c r="AY25" s="281">
        <v>5</v>
      </c>
      <c r="AZ25" s="281">
        <v>7</v>
      </c>
      <c r="BA25" s="281">
        <v>9</v>
      </c>
      <c r="BB25" s="281">
        <v>12</v>
      </c>
      <c r="BC25" s="281">
        <v>3</v>
      </c>
      <c r="BD25" s="282">
        <v>36</v>
      </c>
      <c r="BE25" s="283">
        <v>37</v>
      </c>
      <c r="BF25" s="277">
        <v>0</v>
      </c>
      <c r="BG25" s="281">
        <v>0</v>
      </c>
      <c r="BH25" s="278">
        <v>0</v>
      </c>
      <c r="BI25" s="280">
        <v>0</v>
      </c>
      <c r="BJ25" s="281">
        <v>12</v>
      </c>
      <c r="BK25" s="281">
        <v>15</v>
      </c>
      <c r="BL25" s="281">
        <v>6</v>
      </c>
      <c r="BM25" s="281">
        <v>5</v>
      </c>
      <c r="BN25" s="281">
        <v>0</v>
      </c>
      <c r="BO25" s="278">
        <v>38</v>
      </c>
      <c r="BP25" s="283">
        <v>38</v>
      </c>
      <c r="BQ25" s="277">
        <v>0</v>
      </c>
      <c r="BR25" s="281">
        <v>0</v>
      </c>
      <c r="BS25" s="278">
        <v>0</v>
      </c>
      <c r="BT25" s="280">
        <v>0</v>
      </c>
      <c r="BU25" s="281">
        <v>2</v>
      </c>
      <c r="BV25" s="281">
        <v>4</v>
      </c>
      <c r="BW25" s="281">
        <v>5</v>
      </c>
      <c r="BX25" s="281">
        <v>2</v>
      </c>
      <c r="BY25" s="281">
        <v>0</v>
      </c>
      <c r="BZ25" s="278">
        <v>13</v>
      </c>
      <c r="CA25" s="283">
        <v>13</v>
      </c>
      <c r="CB25" s="277">
        <v>0</v>
      </c>
      <c r="CC25" s="281">
        <v>0</v>
      </c>
      <c r="CD25" s="278">
        <v>0</v>
      </c>
      <c r="CE25" s="280">
        <v>0</v>
      </c>
      <c r="CF25" s="281">
        <v>2</v>
      </c>
      <c r="CG25" s="281">
        <v>2</v>
      </c>
      <c r="CH25" s="281">
        <v>3</v>
      </c>
      <c r="CI25" s="281">
        <v>2</v>
      </c>
      <c r="CJ25" s="281">
        <v>1</v>
      </c>
      <c r="CK25" s="278">
        <v>10</v>
      </c>
      <c r="CL25" s="283">
        <v>10</v>
      </c>
      <c r="CM25" s="277">
        <v>0</v>
      </c>
      <c r="CN25" s="281">
        <v>0</v>
      </c>
      <c r="CO25" s="278">
        <v>0</v>
      </c>
      <c r="CP25" s="280">
        <v>0</v>
      </c>
      <c r="CQ25" s="281">
        <v>0</v>
      </c>
      <c r="CR25" s="281">
        <v>0</v>
      </c>
      <c r="CS25" s="281">
        <v>0</v>
      </c>
      <c r="CT25" s="281">
        <v>0</v>
      </c>
      <c r="CU25" s="281">
        <v>0</v>
      </c>
      <c r="CV25" s="278">
        <v>0</v>
      </c>
      <c r="CW25" s="283">
        <v>0</v>
      </c>
      <c r="CX25" s="277">
        <v>0</v>
      </c>
      <c r="CY25" s="281">
        <v>0</v>
      </c>
      <c r="CZ25" s="278">
        <v>0</v>
      </c>
      <c r="DA25" s="280">
        <v>0</v>
      </c>
      <c r="DB25" s="281">
        <v>0</v>
      </c>
      <c r="DC25" s="281">
        <v>0</v>
      </c>
      <c r="DD25" s="281">
        <v>0</v>
      </c>
      <c r="DE25" s="281">
        <v>0</v>
      </c>
      <c r="DF25" s="281">
        <v>0</v>
      </c>
      <c r="DG25" s="278">
        <v>0</v>
      </c>
      <c r="DH25" s="283">
        <v>0</v>
      </c>
      <c r="DI25" s="277">
        <v>0</v>
      </c>
      <c r="DJ25" s="281">
        <v>0</v>
      </c>
      <c r="DK25" s="278">
        <v>0</v>
      </c>
      <c r="DL25" s="280">
        <v>0</v>
      </c>
      <c r="DM25" s="281">
        <v>0</v>
      </c>
      <c r="DN25" s="281">
        <v>0</v>
      </c>
      <c r="DO25" s="281">
        <v>0</v>
      </c>
      <c r="DP25" s="281">
        <v>0</v>
      </c>
      <c r="DQ25" s="281">
        <v>0</v>
      </c>
      <c r="DR25" s="278">
        <v>0</v>
      </c>
      <c r="DS25" s="283">
        <v>0</v>
      </c>
      <c r="DT25" s="277">
        <v>4</v>
      </c>
      <c r="DU25" s="281">
        <v>5</v>
      </c>
      <c r="DV25" s="278">
        <v>9</v>
      </c>
      <c r="DW25" s="280">
        <v>0</v>
      </c>
      <c r="DX25" s="281">
        <v>11</v>
      </c>
      <c r="DY25" s="281">
        <v>22</v>
      </c>
      <c r="DZ25" s="281">
        <v>11</v>
      </c>
      <c r="EA25" s="281">
        <v>11</v>
      </c>
      <c r="EB25" s="281">
        <v>3</v>
      </c>
      <c r="EC25" s="278">
        <v>58</v>
      </c>
      <c r="ED25" s="283">
        <v>67</v>
      </c>
      <c r="EE25" s="277">
        <v>0</v>
      </c>
      <c r="EF25" s="281">
        <v>0</v>
      </c>
      <c r="EG25" s="278">
        <v>0</v>
      </c>
      <c r="EH25" s="280">
        <v>0</v>
      </c>
      <c r="EI25" s="281">
        <v>5</v>
      </c>
      <c r="EJ25" s="281">
        <v>2</v>
      </c>
      <c r="EK25" s="281">
        <v>4</v>
      </c>
      <c r="EL25" s="281">
        <v>8</v>
      </c>
      <c r="EM25" s="281">
        <v>3</v>
      </c>
      <c r="EN25" s="278">
        <v>22</v>
      </c>
      <c r="EO25" s="283">
        <v>22</v>
      </c>
      <c r="EP25" s="277">
        <v>5</v>
      </c>
      <c r="EQ25" s="281">
        <v>7</v>
      </c>
      <c r="ER25" s="278">
        <v>12</v>
      </c>
      <c r="ES25" s="280">
        <v>0</v>
      </c>
      <c r="ET25" s="281">
        <v>21</v>
      </c>
      <c r="EU25" s="281">
        <v>31</v>
      </c>
      <c r="EV25" s="281">
        <v>14</v>
      </c>
      <c r="EW25" s="281">
        <v>10</v>
      </c>
      <c r="EX25" s="281">
        <v>3</v>
      </c>
      <c r="EY25" s="278">
        <v>79</v>
      </c>
      <c r="EZ25" s="283">
        <v>91</v>
      </c>
    </row>
    <row r="26" spans="2:156" ht="19.5" customHeight="1" x14ac:dyDescent="0.2">
      <c r="B26" s="262" t="s">
        <v>24</v>
      </c>
      <c r="C26" s="277">
        <v>0</v>
      </c>
      <c r="D26" s="281">
        <v>0</v>
      </c>
      <c r="E26" s="385">
        <v>0</v>
      </c>
      <c r="F26" s="280">
        <v>0</v>
      </c>
      <c r="G26" s="281">
        <v>6</v>
      </c>
      <c r="H26" s="281">
        <v>5</v>
      </c>
      <c r="I26" s="281">
        <v>6</v>
      </c>
      <c r="J26" s="281">
        <v>4</v>
      </c>
      <c r="K26" s="281">
        <v>6</v>
      </c>
      <c r="L26" s="282">
        <v>27</v>
      </c>
      <c r="M26" s="283">
        <v>27</v>
      </c>
      <c r="N26" s="277">
        <v>0</v>
      </c>
      <c r="O26" s="281">
        <v>0</v>
      </c>
      <c r="P26" s="278">
        <v>0</v>
      </c>
      <c r="Q26" s="280">
        <v>0</v>
      </c>
      <c r="R26" s="281">
        <v>0</v>
      </c>
      <c r="S26" s="281">
        <v>0</v>
      </c>
      <c r="T26" s="281">
        <v>0</v>
      </c>
      <c r="U26" s="281">
        <v>0</v>
      </c>
      <c r="V26" s="281">
        <v>5</v>
      </c>
      <c r="W26" s="278">
        <v>5</v>
      </c>
      <c r="X26" s="283">
        <v>5</v>
      </c>
      <c r="Y26" s="277">
        <v>0</v>
      </c>
      <c r="Z26" s="281">
        <v>1</v>
      </c>
      <c r="AA26" s="278">
        <v>1</v>
      </c>
      <c r="AB26" s="280">
        <v>0</v>
      </c>
      <c r="AC26" s="281">
        <v>7</v>
      </c>
      <c r="AD26" s="281">
        <v>2</v>
      </c>
      <c r="AE26" s="281">
        <v>4</v>
      </c>
      <c r="AF26" s="281">
        <v>4</v>
      </c>
      <c r="AG26" s="281">
        <v>4</v>
      </c>
      <c r="AH26" s="278">
        <v>21</v>
      </c>
      <c r="AI26" s="283">
        <v>22</v>
      </c>
      <c r="AJ26" s="277">
        <v>0</v>
      </c>
      <c r="AK26" s="281">
        <v>0</v>
      </c>
      <c r="AL26" s="278">
        <v>0</v>
      </c>
      <c r="AM26" s="280">
        <v>0</v>
      </c>
      <c r="AN26" s="281">
        <v>0</v>
      </c>
      <c r="AO26" s="281">
        <v>0</v>
      </c>
      <c r="AP26" s="281">
        <v>0</v>
      </c>
      <c r="AQ26" s="281">
        <v>0</v>
      </c>
      <c r="AR26" s="281">
        <v>2</v>
      </c>
      <c r="AS26" s="278">
        <v>2</v>
      </c>
      <c r="AT26" s="283">
        <v>2</v>
      </c>
      <c r="AU26" s="277">
        <v>4</v>
      </c>
      <c r="AV26" s="281">
        <v>1</v>
      </c>
      <c r="AW26" s="278">
        <v>5</v>
      </c>
      <c r="AX26" s="280">
        <v>0</v>
      </c>
      <c r="AY26" s="281">
        <v>6</v>
      </c>
      <c r="AZ26" s="281">
        <v>11</v>
      </c>
      <c r="BA26" s="281">
        <v>5</v>
      </c>
      <c r="BB26" s="281">
        <v>14</v>
      </c>
      <c r="BC26" s="281">
        <v>7</v>
      </c>
      <c r="BD26" s="282">
        <v>43</v>
      </c>
      <c r="BE26" s="283">
        <v>48</v>
      </c>
      <c r="BF26" s="277">
        <v>0</v>
      </c>
      <c r="BG26" s="281">
        <v>0</v>
      </c>
      <c r="BH26" s="278">
        <v>0</v>
      </c>
      <c r="BI26" s="280">
        <v>0</v>
      </c>
      <c r="BJ26" s="281">
        <v>9</v>
      </c>
      <c r="BK26" s="281">
        <v>6</v>
      </c>
      <c r="BL26" s="281">
        <v>1</v>
      </c>
      <c r="BM26" s="281">
        <v>1</v>
      </c>
      <c r="BN26" s="281">
        <v>0</v>
      </c>
      <c r="BO26" s="278">
        <v>17</v>
      </c>
      <c r="BP26" s="283">
        <v>17</v>
      </c>
      <c r="BQ26" s="277">
        <v>1</v>
      </c>
      <c r="BR26" s="281">
        <v>1</v>
      </c>
      <c r="BS26" s="278">
        <v>2</v>
      </c>
      <c r="BT26" s="280">
        <v>0</v>
      </c>
      <c r="BU26" s="281">
        <v>7</v>
      </c>
      <c r="BV26" s="281">
        <v>4</v>
      </c>
      <c r="BW26" s="281">
        <v>1</v>
      </c>
      <c r="BX26" s="281">
        <v>2</v>
      </c>
      <c r="BY26" s="281">
        <v>2</v>
      </c>
      <c r="BZ26" s="278">
        <v>16</v>
      </c>
      <c r="CA26" s="283">
        <v>18</v>
      </c>
      <c r="CB26" s="277">
        <v>0</v>
      </c>
      <c r="CC26" s="281">
        <v>0</v>
      </c>
      <c r="CD26" s="278">
        <v>0</v>
      </c>
      <c r="CE26" s="280">
        <v>0</v>
      </c>
      <c r="CF26" s="281">
        <v>0</v>
      </c>
      <c r="CG26" s="281">
        <v>0</v>
      </c>
      <c r="CH26" s="281">
        <v>0</v>
      </c>
      <c r="CI26" s="281">
        <v>1</v>
      </c>
      <c r="CJ26" s="281">
        <v>1</v>
      </c>
      <c r="CK26" s="278">
        <v>2</v>
      </c>
      <c r="CL26" s="283">
        <v>2</v>
      </c>
      <c r="CM26" s="277">
        <v>0</v>
      </c>
      <c r="CN26" s="281">
        <v>0</v>
      </c>
      <c r="CO26" s="278">
        <v>0</v>
      </c>
      <c r="CP26" s="280">
        <v>0</v>
      </c>
      <c r="CQ26" s="281">
        <v>1</v>
      </c>
      <c r="CR26" s="281">
        <v>1</v>
      </c>
      <c r="CS26" s="281">
        <v>0</v>
      </c>
      <c r="CT26" s="281">
        <v>0</v>
      </c>
      <c r="CU26" s="281">
        <v>0</v>
      </c>
      <c r="CV26" s="278">
        <v>2</v>
      </c>
      <c r="CW26" s="283">
        <v>2</v>
      </c>
      <c r="CX26" s="277">
        <v>0</v>
      </c>
      <c r="CY26" s="281">
        <v>0</v>
      </c>
      <c r="CZ26" s="278">
        <v>0</v>
      </c>
      <c r="DA26" s="280">
        <v>0</v>
      </c>
      <c r="DB26" s="281">
        <v>0</v>
      </c>
      <c r="DC26" s="281">
        <v>0</v>
      </c>
      <c r="DD26" s="281">
        <v>0</v>
      </c>
      <c r="DE26" s="281">
        <v>0</v>
      </c>
      <c r="DF26" s="281">
        <v>0</v>
      </c>
      <c r="DG26" s="278">
        <v>0</v>
      </c>
      <c r="DH26" s="283">
        <v>0</v>
      </c>
      <c r="DI26" s="277">
        <v>0</v>
      </c>
      <c r="DJ26" s="281">
        <v>0</v>
      </c>
      <c r="DK26" s="278">
        <v>0</v>
      </c>
      <c r="DL26" s="280">
        <v>0</v>
      </c>
      <c r="DM26" s="281">
        <v>0</v>
      </c>
      <c r="DN26" s="281">
        <v>0</v>
      </c>
      <c r="DO26" s="281">
        <v>0</v>
      </c>
      <c r="DP26" s="281">
        <v>0</v>
      </c>
      <c r="DQ26" s="281">
        <v>0</v>
      </c>
      <c r="DR26" s="278">
        <v>0</v>
      </c>
      <c r="DS26" s="283">
        <v>0</v>
      </c>
      <c r="DT26" s="277">
        <v>6</v>
      </c>
      <c r="DU26" s="281">
        <v>5</v>
      </c>
      <c r="DV26" s="278">
        <v>11</v>
      </c>
      <c r="DW26" s="280">
        <v>0</v>
      </c>
      <c r="DX26" s="281">
        <v>17</v>
      </c>
      <c r="DY26" s="281">
        <v>10</v>
      </c>
      <c r="DZ26" s="281">
        <v>12</v>
      </c>
      <c r="EA26" s="281">
        <v>7</v>
      </c>
      <c r="EB26" s="281">
        <v>8</v>
      </c>
      <c r="EC26" s="278">
        <v>54</v>
      </c>
      <c r="ED26" s="283">
        <v>65</v>
      </c>
      <c r="EE26" s="277">
        <v>3</v>
      </c>
      <c r="EF26" s="281">
        <v>2</v>
      </c>
      <c r="EG26" s="278">
        <v>5</v>
      </c>
      <c r="EH26" s="280">
        <v>0</v>
      </c>
      <c r="EI26" s="281">
        <v>5</v>
      </c>
      <c r="EJ26" s="281">
        <v>9</v>
      </c>
      <c r="EK26" s="281">
        <v>3</v>
      </c>
      <c r="EL26" s="281">
        <v>6</v>
      </c>
      <c r="EM26" s="281">
        <v>3</v>
      </c>
      <c r="EN26" s="278">
        <v>26</v>
      </c>
      <c r="EO26" s="283">
        <v>31</v>
      </c>
      <c r="EP26" s="277">
        <v>7</v>
      </c>
      <c r="EQ26" s="281">
        <v>6</v>
      </c>
      <c r="ER26" s="278">
        <v>13</v>
      </c>
      <c r="ES26" s="280">
        <v>0</v>
      </c>
      <c r="ET26" s="281">
        <v>24</v>
      </c>
      <c r="EU26" s="281">
        <v>15</v>
      </c>
      <c r="EV26" s="281">
        <v>12</v>
      </c>
      <c r="EW26" s="281">
        <v>9</v>
      </c>
      <c r="EX26" s="281">
        <v>9</v>
      </c>
      <c r="EY26" s="278">
        <v>69</v>
      </c>
      <c r="EZ26" s="283">
        <v>82</v>
      </c>
    </row>
    <row r="27" spans="2:156" ht="19.5" customHeight="1" x14ac:dyDescent="0.2">
      <c r="B27" s="262" t="s">
        <v>25</v>
      </c>
      <c r="C27" s="277">
        <v>0</v>
      </c>
      <c r="D27" s="281">
        <v>0</v>
      </c>
      <c r="E27" s="385">
        <v>0</v>
      </c>
      <c r="F27" s="280">
        <v>0</v>
      </c>
      <c r="G27" s="281">
        <v>4</v>
      </c>
      <c r="H27" s="281">
        <v>3</v>
      </c>
      <c r="I27" s="281">
        <v>2</v>
      </c>
      <c r="J27" s="281">
        <v>1</v>
      </c>
      <c r="K27" s="281">
        <v>1</v>
      </c>
      <c r="L27" s="282">
        <v>11</v>
      </c>
      <c r="M27" s="283">
        <v>11</v>
      </c>
      <c r="N27" s="277">
        <v>0</v>
      </c>
      <c r="O27" s="281">
        <v>0</v>
      </c>
      <c r="P27" s="278">
        <v>0</v>
      </c>
      <c r="Q27" s="280">
        <v>0</v>
      </c>
      <c r="R27" s="281">
        <v>0</v>
      </c>
      <c r="S27" s="281">
        <v>1</v>
      </c>
      <c r="T27" s="281">
        <v>0</v>
      </c>
      <c r="U27" s="281">
        <v>2</v>
      </c>
      <c r="V27" s="281">
        <v>2</v>
      </c>
      <c r="W27" s="278">
        <v>5</v>
      </c>
      <c r="X27" s="283">
        <v>5</v>
      </c>
      <c r="Y27" s="277">
        <v>1</v>
      </c>
      <c r="Z27" s="281">
        <v>2</v>
      </c>
      <c r="AA27" s="278">
        <v>3</v>
      </c>
      <c r="AB27" s="280">
        <v>0</v>
      </c>
      <c r="AC27" s="281">
        <v>3</v>
      </c>
      <c r="AD27" s="281">
        <v>4</v>
      </c>
      <c r="AE27" s="281">
        <v>3</v>
      </c>
      <c r="AF27" s="281">
        <v>2</v>
      </c>
      <c r="AG27" s="281">
        <v>1</v>
      </c>
      <c r="AH27" s="278">
        <v>13</v>
      </c>
      <c r="AI27" s="283">
        <v>16</v>
      </c>
      <c r="AJ27" s="277">
        <v>0</v>
      </c>
      <c r="AK27" s="281">
        <v>0</v>
      </c>
      <c r="AL27" s="278">
        <v>0</v>
      </c>
      <c r="AM27" s="280">
        <v>0</v>
      </c>
      <c r="AN27" s="281">
        <v>0</v>
      </c>
      <c r="AO27" s="281">
        <v>0</v>
      </c>
      <c r="AP27" s="281">
        <v>0</v>
      </c>
      <c r="AQ27" s="281">
        <v>0</v>
      </c>
      <c r="AR27" s="281">
        <v>0</v>
      </c>
      <c r="AS27" s="278">
        <v>0</v>
      </c>
      <c r="AT27" s="283">
        <v>0</v>
      </c>
      <c r="AU27" s="277">
        <v>1</v>
      </c>
      <c r="AV27" s="281">
        <v>0</v>
      </c>
      <c r="AW27" s="278">
        <v>1</v>
      </c>
      <c r="AX27" s="280">
        <v>0</v>
      </c>
      <c r="AY27" s="281">
        <v>4</v>
      </c>
      <c r="AZ27" s="281">
        <v>4</v>
      </c>
      <c r="BA27" s="281">
        <v>1</v>
      </c>
      <c r="BB27" s="281">
        <v>3</v>
      </c>
      <c r="BC27" s="281">
        <v>3</v>
      </c>
      <c r="BD27" s="282">
        <v>15</v>
      </c>
      <c r="BE27" s="283">
        <v>16</v>
      </c>
      <c r="BF27" s="277">
        <v>0</v>
      </c>
      <c r="BG27" s="281">
        <v>0</v>
      </c>
      <c r="BH27" s="278">
        <v>0</v>
      </c>
      <c r="BI27" s="280">
        <v>0</v>
      </c>
      <c r="BJ27" s="281">
        <v>8</v>
      </c>
      <c r="BK27" s="281">
        <v>6</v>
      </c>
      <c r="BL27" s="281">
        <v>4</v>
      </c>
      <c r="BM27" s="281">
        <v>2</v>
      </c>
      <c r="BN27" s="281">
        <v>0</v>
      </c>
      <c r="BO27" s="278">
        <v>20</v>
      </c>
      <c r="BP27" s="283">
        <v>20</v>
      </c>
      <c r="BQ27" s="277">
        <v>0</v>
      </c>
      <c r="BR27" s="281">
        <v>1</v>
      </c>
      <c r="BS27" s="278">
        <v>1</v>
      </c>
      <c r="BT27" s="280">
        <v>0</v>
      </c>
      <c r="BU27" s="281">
        <v>1</v>
      </c>
      <c r="BV27" s="281">
        <v>5</v>
      </c>
      <c r="BW27" s="281">
        <v>4</v>
      </c>
      <c r="BX27" s="281">
        <v>2</v>
      </c>
      <c r="BY27" s="281">
        <v>1</v>
      </c>
      <c r="BZ27" s="278">
        <v>13</v>
      </c>
      <c r="CA27" s="283">
        <v>14</v>
      </c>
      <c r="CB27" s="277">
        <v>0</v>
      </c>
      <c r="CC27" s="281">
        <v>0</v>
      </c>
      <c r="CD27" s="278">
        <v>0</v>
      </c>
      <c r="CE27" s="280">
        <v>0</v>
      </c>
      <c r="CF27" s="281">
        <v>2</v>
      </c>
      <c r="CG27" s="281">
        <v>2</v>
      </c>
      <c r="CH27" s="281">
        <v>2</v>
      </c>
      <c r="CI27" s="281">
        <v>1</v>
      </c>
      <c r="CJ27" s="281">
        <v>0</v>
      </c>
      <c r="CK27" s="278">
        <v>7</v>
      </c>
      <c r="CL27" s="283">
        <v>7</v>
      </c>
      <c r="CM27" s="277">
        <v>0</v>
      </c>
      <c r="CN27" s="281">
        <v>0</v>
      </c>
      <c r="CO27" s="278">
        <v>0</v>
      </c>
      <c r="CP27" s="280">
        <v>0</v>
      </c>
      <c r="CQ27" s="281">
        <v>0</v>
      </c>
      <c r="CR27" s="281">
        <v>0</v>
      </c>
      <c r="CS27" s="281">
        <v>1</v>
      </c>
      <c r="CT27" s="281">
        <v>0</v>
      </c>
      <c r="CU27" s="281">
        <v>1</v>
      </c>
      <c r="CV27" s="278">
        <v>2</v>
      </c>
      <c r="CW27" s="283">
        <v>2</v>
      </c>
      <c r="CX27" s="277">
        <v>0</v>
      </c>
      <c r="CY27" s="281">
        <v>0</v>
      </c>
      <c r="CZ27" s="278">
        <v>0</v>
      </c>
      <c r="DA27" s="280">
        <v>0</v>
      </c>
      <c r="DB27" s="281">
        <v>0</v>
      </c>
      <c r="DC27" s="281">
        <v>0</v>
      </c>
      <c r="DD27" s="281">
        <v>0</v>
      </c>
      <c r="DE27" s="281">
        <v>0</v>
      </c>
      <c r="DF27" s="281">
        <v>0</v>
      </c>
      <c r="DG27" s="278">
        <v>0</v>
      </c>
      <c r="DH27" s="283">
        <v>0</v>
      </c>
      <c r="DI27" s="277">
        <v>0</v>
      </c>
      <c r="DJ27" s="281">
        <v>0</v>
      </c>
      <c r="DK27" s="278">
        <v>0</v>
      </c>
      <c r="DL27" s="280">
        <v>0</v>
      </c>
      <c r="DM27" s="281">
        <v>0</v>
      </c>
      <c r="DN27" s="281">
        <v>0</v>
      </c>
      <c r="DO27" s="281">
        <v>0</v>
      </c>
      <c r="DP27" s="281">
        <v>0</v>
      </c>
      <c r="DQ27" s="281">
        <v>0</v>
      </c>
      <c r="DR27" s="278">
        <v>0</v>
      </c>
      <c r="DS27" s="283">
        <v>0</v>
      </c>
      <c r="DT27" s="277">
        <v>2</v>
      </c>
      <c r="DU27" s="281">
        <v>6</v>
      </c>
      <c r="DV27" s="278">
        <v>8</v>
      </c>
      <c r="DW27" s="280">
        <v>0</v>
      </c>
      <c r="DX27" s="281">
        <v>5</v>
      </c>
      <c r="DY27" s="281">
        <v>10</v>
      </c>
      <c r="DZ27" s="281">
        <v>7</v>
      </c>
      <c r="EA27" s="281">
        <v>8</v>
      </c>
      <c r="EB27" s="281">
        <v>3</v>
      </c>
      <c r="EC27" s="278">
        <v>33</v>
      </c>
      <c r="ED27" s="283">
        <v>41</v>
      </c>
      <c r="EE27" s="277">
        <v>0</v>
      </c>
      <c r="EF27" s="281">
        <v>0</v>
      </c>
      <c r="EG27" s="278">
        <v>0</v>
      </c>
      <c r="EH27" s="280">
        <v>0</v>
      </c>
      <c r="EI27" s="281">
        <v>1</v>
      </c>
      <c r="EJ27" s="281">
        <v>2</v>
      </c>
      <c r="EK27" s="281">
        <v>0</v>
      </c>
      <c r="EL27" s="281">
        <v>2</v>
      </c>
      <c r="EM27" s="281">
        <v>1</v>
      </c>
      <c r="EN27" s="278">
        <v>6</v>
      </c>
      <c r="EO27" s="283">
        <v>6</v>
      </c>
      <c r="EP27" s="277">
        <v>3</v>
      </c>
      <c r="EQ27" s="281">
        <v>7</v>
      </c>
      <c r="ER27" s="278">
        <v>10</v>
      </c>
      <c r="ES27" s="280">
        <v>0</v>
      </c>
      <c r="ET27" s="281">
        <v>15</v>
      </c>
      <c r="EU27" s="281">
        <v>13</v>
      </c>
      <c r="EV27" s="281">
        <v>8</v>
      </c>
      <c r="EW27" s="281">
        <v>6</v>
      </c>
      <c r="EX27" s="281">
        <v>3</v>
      </c>
      <c r="EY27" s="278">
        <v>45</v>
      </c>
      <c r="EZ27" s="283">
        <v>55</v>
      </c>
    </row>
    <row r="28" spans="2:156" ht="19.5" customHeight="1" x14ac:dyDescent="0.2">
      <c r="B28" s="262" t="s">
        <v>26</v>
      </c>
      <c r="C28" s="277">
        <v>0</v>
      </c>
      <c r="D28" s="281">
        <v>0</v>
      </c>
      <c r="E28" s="385">
        <v>0</v>
      </c>
      <c r="F28" s="280">
        <v>0</v>
      </c>
      <c r="G28" s="281">
        <v>5</v>
      </c>
      <c r="H28" s="281">
        <v>2</v>
      </c>
      <c r="I28" s="281">
        <v>6</v>
      </c>
      <c r="J28" s="281">
        <v>1</v>
      </c>
      <c r="K28" s="281">
        <v>1</v>
      </c>
      <c r="L28" s="282">
        <v>15</v>
      </c>
      <c r="M28" s="283">
        <v>15</v>
      </c>
      <c r="N28" s="277">
        <v>0</v>
      </c>
      <c r="O28" s="281">
        <v>0</v>
      </c>
      <c r="P28" s="278">
        <v>0</v>
      </c>
      <c r="Q28" s="280">
        <v>0</v>
      </c>
      <c r="R28" s="281">
        <v>0</v>
      </c>
      <c r="S28" s="281">
        <v>0</v>
      </c>
      <c r="T28" s="281">
        <v>1</v>
      </c>
      <c r="U28" s="281">
        <v>0</v>
      </c>
      <c r="V28" s="281">
        <v>1</v>
      </c>
      <c r="W28" s="278">
        <v>2</v>
      </c>
      <c r="X28" s="283">
        <v>2</v>
      </c>
      <c r="Y28" s="277">
        <v>0</v>
      </c>
      <c r="Z28" s="281">
        <v>3</v>
      </c>
      <c r="AA28" s="278">
        <v>3</v>
      </c>
      <c r="AB28" s="280">
        <v>0</v>
      </c>
      <c r="AC28" s="281">
        <v>5</v>
      </c>
      <c r="AD28" s="281">
        <v>4</v>
      </c>
      <c r="AE28" s="281">
        <v>4</v>
      </c>
      <c r="AF28" s="281">
        <v>3</v>
      </c>
      <c r="AG28" s="281">
        <v>2</v>
      </c>
      <c r="AH28" s="278">
        <v>18</v>
      </c>
      <c r="AI28" s="283">
        <v>21</v>
      </c>
      <c r="AJ28" s="277">
        <v>0</v>
      </c>
      <c r="AK28" s="281">
        <v>0</v>
      </c>
      <c r="AL28" s="278">
        <v>0</v>
      </c>
      <c r="AM28" s="280">
        <v>0</v>
      </c>
      <c r="AN28" s="281">
        <v>0</v>
      </c>
      <c r="AO28" s="281">
        <v>0</v>
      </c>
      <c r="AP28" s="281">
        <v>1</v>
      </c>
      <c r="AQ28" s="281">
        <v>0</v>
      </c>
      <c r="AR28" s="281">
        <v>0</v>
      </c>
      <c r="AS28" s="278">
        <v>1</v>
      </c>
      <c r="AT28" s="283">
        <v>1</v>
      </c>
      <c r="AU28" s="277">
        <v>3</v>
      </c>
      <c r="AV28" s="281">
        <v>0</v>
      </c>
      <c r="AW28" s="278">
        <v>3</v>
      </c>
      <c r="AX28" s="280">
        <v>0</v>
      </c>
      <c r="AY28" s="281">
        <v>2</v>
      </c>
      <c r="AZ28" s="281">
        <v>6</v>
      </c>
      <c r="BA28" s="281">
        <v>2</v>
      </c>
      <c r="BB28" s="281">
        <v>7</v>
      </c>
      <c r="BC28" s="281">
        <v>4</v>
      </c>
      <c r="BD28" s="282">
        <v>21</v>
      </c>
      <c r="BE28" s="283">
        <v>24</v>
      </c>
      <c r="BF28" s="277">
        <v>0</v>
      </c>
      <c r="BG28" s="281">
        <v>0</v>
      </c>
      <c r="BH28" s="278">
        <v>0</v>
      </c>
      <c r="BI28" s="280">
        <v>0</v>
      </c>
      <c r="BJ28" s="281">
        <v>11</v>
      </c>
      <c r="BK28" s="281">
        <v>2</v>
      </c>
      <c r="BL28" s="281">
        <v>3</v>
      </c>
      <c r="BM28" s="281">
        <v>0</v>
      </c>
      <c r="BN28" s="281">
        <v>0</v>
      </c>
      <c r="BO28" s="278">
        <v>16</v>
      </c>
      <c r="BP28" s="283">
        <v>16</v>
      </c>
      <c r="BQ28" s="277">
        <v>0</v>
      </c>
      <c r="BR28" s="281">
        <v>1</v>
      </c>
      <c r="BS28" s="278">
        <v>1</v>
      </c>
      <c r="BT28" s="280">
        <v>0</v>
      </c>
      <c r="BU28" s="281">
        <v>2</v>
      </c>
      <c r="BV28" s="281">
        <v>4</v>
      </c>
      <c r="BW28" s="281">
        <v>3</v>
      </c>
      <c r="BX28" s="281">
        <v>0</v>
      </c>
      <c r="BY28" s="281">
        <v>0</v>
      </c>
      <c r="BZ28" s="278">
        <v>9</v>
      </c>
      <c r="CA28" s="283">
        <v>10</v>
      </c>
      <c r="CB28" s="277">
        <v>0</v>
      </c>
      <c r="CC28" s="281">
        <v>0</v>
      </c>
      <c r="CD28" s="278">
        <v>0</v>
      </c>
      <c r="CE28" s="280">
        <v>0</v>
      </c>
      <c r="CF28" s="281">
        <v>0</v>
      </c>
      <c r="CG28" s="281">
        <v>0</v>
      </c>
      <c r="CH28" s="281">
        <v>1</v>
      </c>
      <c r="CI28" s="281">
        <v>0</v>
      </c>
      <c r="CJ28" s="281">
        <v>0</v>
      </c>
      <c r="CK28" s="278">
        <v>1</v>
      </c>
      <c r="CL28" s="283">
        <v>1</v>
      </c>
      <c r="CM28" s="277">
        <v>0</v>
      </c>
      <c r="CN28" s="281">
        <v>0</v>
      </c>
      <c r="CO28" s="278">
        <v>0</v>
      </c>
      <c r="CP28" s="280">
        <v>0</v>
      </c>
      <c r="CQ28" s="281">
        <v>0</v>
      </c>
      <c r="CR28" s="281">
        <v>0</v>
      </c>
      <c r="CS28" s="281">
        <v>0</v>
      </c>
      <c r="CT28" s="281">
        <v>0</v>
      </c>
      <c r="CU28" s="281">
        <v>0</v>
      </c>
      <c r="CV28" s="278">
        <v>0</v>
      </c>
      <c r="CW28" s="283">
        <v>0</v>
      </c>
      <c r="CX28" s="277">
        <v>0</v>
      </c>
      <c r="CY28" s="281">
        <v>0</v>
      </c>
      <c r="CZ28" s="278">
        <v>0</v>
      </c>
      <c r="DA28" s="280">
        <v>0</v>
      </c>
      <c r="DB28" s="281">
        <v>0</v>
      </c>
      <c r="DC28" s="281">
        <v>0</v>
      </c>
      <c r="DD28" s="281">
        <v>0</v>
      </c>
      <c r="DE28" s="281">
        <v>0</v>
      </c>
      <c r="DF28" s="281">
        <v>0</v>
      </c>
      <c r="DG28" s="278">
        <v>0</v>
      </c>
      <c r="DH28" s="283">
        <v>0</v>
      </c>
      <c r="DI28" s="277">
        <v>0</v>
      </c>
      <c r="DJ28" s="281">
        <v>0</v>
      </c>
      <c r="DK28" s="278">
        <v>0</v>
      </c>
      <c r="DL28" s="280">
        <v>0</v>
      </c>
      <c r="DM28" s="281">
        <v>0</v>
      </c>
      <c r="DN28" s="281">
        <v>0</v>
      </c>
      <c r="DO28" s="281">
        <v>0</v>
      </c>
      <c r="DP28" s="281">
        <v>0</v>
      </c>
      <c r="DQ28" s="281">
        <v>0</v>
      </c>
      <c r="DR28" s="278">
        <v>0</v>
      </c>
      <c r="DS28" s="283">
        <v>0</v>
      </c>
      <c r="DT28" s="277">
        <v>3</v>
      </c>
      <c r="DU28" s="281">
        <v>6</v>
      </c>
      <c r="DV28" s="278">
        <v>9</v>
      </c>
      <c r="DW28" s="280">
        <v>0</v>
      </c>
      <c r="DX28" s="281">
        <v>11</v>
      </c>
      <c r="DY28" s="281">
        <v>5</v>
      </c>
      <c r="DZ28" s="281">
        <v>11</v>
      </c>
      <c r="EA28" s="281">
        <v>4</v>
      </c>
      <c r="EB28" s="281">
        <v>3</v>
      </c>
      <c r="EC28" s="278">
        <v>34</v>
      </c>
      <c r="ED28" s="283">
        <v>43</v>
      </c>
      <c r="EE28" s="277">
        <v>3</v>
      </c>
      <c r="EF28" s="281">
        <v>0</v>
      </c>
      <c r="EG28" s="278">
        <v>3</v>
      </c>
      <c r="EH28" s="280">
        <v>0</v>
      </c>
      <c r="EI28" s="281">
        <v>1</v>
      </c>
      <c r="EJ28" s="281">
        <v>6</v>
      </c>
      <c r="EK28" s="281">
        <v>0</v>
      </c>
      <c r="EL28" s="281">
        <v>2</v>
      </c>
      <c r="EM28" s="281">
        <v>0</v>
      </c>
      <c r="EN28" s="278">
        <v>9</v>
      </c>
      <c r="EO28" s="283">
        <v>12</v>
      </c>
      <c r="EP28" s="277">
        <v>3</v>
      </c>
      <c r="EQ28" s="281">
        <v>9</v>
      </c>
      <c r="ER28" s="278">
        <v>12</v>
      </c>
      <c r="ES28" s="280">
        <v>0</v>
      </c>
      <c r="ET28" s="281">
        <v>23</v>
      </c>
      <c r="EU28" s="281">
        <v>9</v>
      </c>
      <c r="EV28" s="281">
        <v>11</v>
      </c>
      <c r="EW28" s="281">
        <v>4</v>
      </c>
      <c r="EX28" s="281">
        <v>3</v>
      </c>
      <c r="EY28" s="278">
        <v>50</v>
      </c>
      <c r="EZ28" s="283">
        <v>62</v>
      </c>
    </row>
    <row r="29" spans="2:156" ht="19.5" customHeight="1" x14ac:dyDescent="0.2">
      <c r="B29" s="262" t="s">
        <v>27</v>
      </c>
      <c r="C29" s="277">
        <v>0</v>
      </c>
      <c r="D29" s="281">
        <v>0</v>
      </c>
      <c r="E29" s="385">
        <v>0</v>
      </c>
      <c r="F29" s="280">
        <v>0</v>
      </c>
      <c r="G29" s="281">
        <v>0</v>
      </c>
      <c r="H29" s="281">
        <v>3</v>
      </c>
      <c r="I29" s="281">
        <v>1</v>
      </c>
      <c r="J29" s="281">
        <v>0</v>
      </c>
      <c r="K29" s="281">
        <v>2</v>
      </c>
      <c r="L29" s="282">
        <v>6</v>
      </c>
      <c r="M29" s="283">
        <v>6</v>
      </c>
      <c r="N29" s="277">
        <v>0</v>
      </c>
      <c r="O29" s="281">
        <v>0</v>
      </c>
      <c r="P29" s="278">
        <v>0</v>
      </c>
      <c r="Q29" s="280">
        <v>0</v>
      </c>
      <c r="R29" s="281">
        <v>0</v>
      </c>
      <c r="S29" s="281">
        <v>0</v>
      </c>
      <c r="T29" s="281">
        <v>1</v>
      </c>
      <c r="U29" s="281">
        <v>0</v>
      </c>
      <c r="V29" s="281">
        <v>0</v>
      </c>
      <c r="W29" s="278">
        <v>1</v>
      </c>
      <c r="X29" s="283">
        <v>1</v>
      </c>
      <c r="Y29" s="277">
        <v>2</v>
      </c>
      <c r="Z29" s="281">
        <v>3</v>
      </c>
      <c r="AA29" s="278">
        <v>5</v>
      </c>
      <c r="AB29" s="280">
        <v>0</v>
      </c>
      <c r="AC29" s="281">
        <v>3</v>
      </c>
      <c r="AD29" s="281">
        <v>2</v>
      </c>
      <c r="AE29" s="281">
        <v>2</v>
      </c>
      <c r="AF29" s="281">
        <v>1</v>
      </c>
      <c r="AG29" s="281">
        <v>2</v>
      </c>
      <c r="AH29" s="278">
        <v>10</v>
      </c>
      <c r="AI29" s="283">
        <v>15</v>
      </c>
      <c r="AJ29" s="277">
        <v>0</v>
      </c>
      <c r="AK29" s="281">
        <v>1</v>
      </c>
      <c r="AL29" s="278">
        <v>1</v>
      </c>
      <c r="AM29" s="280">
        <v>0</v>
      </c>
      <c r="AN29" s="281">
        <v>0</v>
      </c>
      <c r="AO29" s="281">
        <v>0</v>
      </c>
      <c r="AP29" s="281">
        <v>0</v>
      </c>
      <c r="AQ29" s="281">
        <v>0</v>
      </c>
      <c r="AR29" s="281">
        <v>0</v>
      </c>
      <c r="AS29" s="278">
        <v>0</v>
      </c>
      <c r="AT29" s="283">
        <v>1</v>
      </c>
      <c r="AU29" s="277">
        <v>1</v>
      </c>
      <c r="AV29" s="281">
        <v>1</v>
      </c>
      <c r="AW29" s="278">
        <v>2</v>
      </c>
      <c r="AX29" s="280">
        <v>0</v>
      </c>
      <c r="AY29" s="281">
        <v>2</v>
      </c>
      <c r="AZ29" s="281">
        <v>3</v>
      </c>
      <c r="BA29" s="281">
        <v>8</v>
      </c>
      <c r="BB29" s="281">
        <v>5</v>
      </c>
      <c r="BC29" s="281">
        <v>4</v>
      </c>
      <c r="BD29" s="282">
        <v>22</v>
      </c>
      <c r="BE29" s="283">
        <v>24</v>
      </c>
      <c r="BF29" s="277">
        <v>0</v>
      </c>
      <c r="BG29" s="281">
        <v>0</v>
      </c>
      <c r="BH29" s="278">
        <v>0</v>
      </c>
      <c r="BI29" s="280">
        <v>0</v>
      </c>
      <c r="BJ29" s="281">
        <v>0</v>
      </c>
      <c r="BK29" s="281">
        <v>1</v>
      </c>
      <c r="BL29" s="281">
        <v>2</v>
      </c>
      <c r="BM29" s="281">
        <v>1</v>
      </c>
      <c r="BN29" s="281">
        <v>0</v>
      </c>
      <c r="BO29" s="278">
        <v>4</v>
      </c>
      <c r="BP29" s="283">
        <v>4</v>
      </c>
      <c r="BQ29" s="277">
        <v>3</v>
      </c>
      <c r="BR29" s="281">
        <v>1</v>
      </c>
      <c r="BS29" s="278">
        <v>4</v>
      </c>
      <c r="BT29" s="280">
        <v>0</v>
      </c>
      <c r="BU29" s="281">
        <v>1</v>
      </c>
      <c r="BV29" s="281">
        <v>1</v>
      </c>
      <c r="BW29" s="281">
        <v>2</v>
      </c>
      <c r="BX29" s="281">
        <v>0</v>
      </c>
      <c r="BY29" s="281">
        <v>0</v>
      </c>
      <c r="BZ29" s="278">
        <v>4</v>
      </c>
      <c r="CA29" s="283">
        <v>8</v>
      </c>
      <c r="CB29" s="277">
        <v>0</v>
      </c>
      <c r="CC29" s="281">
        <v>0</v>
      </c>
      <c r="CD29" s="278">
        <v>0</v>
      </c>
      <c r="CE29" s="280">
        <v>0</v>
      </c>
      <c r="CF29" s="281">
        <v>0</v>
      </c>
      <c r="CG29" s="281">
        <v>1</v>
      </c>
      <c r="CH29" s="281">
        <v>2</v>
      </c>
      <c r="CI29" s="281">
        <v>1</v>
      </c>
      <c r="CJ29" s="281">
        <v>0</v>
      </c>
      <c r="CK29" s="278">
        <v>4</v>
      </c>
      <c r="CL29" s="283">
        <v>4</v>
      </c>
      <c r="CM29" s="277">
        <v>0</v>
      </c>
      <c r="CN29" s="281">
        <v>0</v>
      </c>
      <c r="CO29" s="278">
        <v>0</v>
      </c>
      <c r="CP29" s="280">
        <v>0</v>
      </c>
      <c r="CQ29" s="281">
        <v>0</v>
      </c>
      <c r="CR29" s="281">
        <v>0</v>
      </c>
      <c r="CS29" s="281">
        <v>0</v>
      </c>
      <c r="CT29" s="281">
        <v>0</v>
      </c>
      <c r="CU29" s="281">
        <v>0</v>
      </c>
      <c r="CV29" s="278">
        <v>0</v>
      </c>
      <c r="CW29" s="283">
        <v>0</v>
      </c>
      <c r="CX29" s="277">
        <v>0</v>
      </c>
      <c r="CY29" s="281">
        <v>0</v>
      </c>
      <c r="CZ29" s="278">
        <v>0</v>
      </c>
      <c r="DA29" s="280">
        <v>0</v>
      </c>
      <c r="DB29" s="281">
        <v>0</v>
      </c>
      <c r="DC29" s="281">
        <v>0</v>
      </c>
      <c r="DD29" s="281">
        <v>0</v>
      </c>
      <c r="DE29" s="281">
        <v>0</v>
      </c>
      <c r="DF29" s="281">
        <v>0</v>
      </c>
      <c r="DG29" s="278">
        <v>0</v>
      </c>
      <c r="DH29" s="283">
        <v>0</v>
      </c>
      <c r="DI29" s="277">
        <v>0</v>
      </c>
      <c r="DJ29" s="281">
        <v>0</v>
      </c>
      <c r="DK29" s="278">
        <v>0</v>
      </c>
      <c r="DL29" s="280">
        <v>0</v>
      </c>
      <c r="DM29" s="281">
        <v>0</v>
      </c>
      <c r="DN29" s="281">
        <v>0</v>
      </c>
      <c r="DO29" s="281">
        <v>0</v>
      </c>
      <c r="DP29" s="281">
        <v>0</v>
      </c>
      <c r="DQ29" s="281">
        <v>0</v>
      </c>
      <c r="DR29" s="278">
        <v>0</v>
      </c>
      <c r="DS29" s="283">
        <v>0</v>
      </c>
      <c r="DT29" s="277">
        <v>3</v>
      </c>
      <c r="DU29" s="281">
        <v>13</v>
      </c>
      <c r="DV29" s="278">
        <v>16</v>
      </c>
      <c r="DW29" s="280">
        <v>0</v>
      </c>
      <c r="DX29" s="281">
        <v>1</v>
      </c>
      <c r="DY29" s="281">
        <v>5</v>
      </c>
      <c r="DZ29" s="281">
        <v>6</v>
      </c>
      <c r="EA29" s="281">
        <v>1</v>
      </c>
      <c r="EB29" s="281">
        <v>3</v>
      </c>
      <c r="EC29" s="278">
        <v>16</v>
      </c>
      <c r="ED29" s="283">
        <v>32</v>
      </c>
      <c r="EE29" s="277">
        <v>1</v>
      </c>
      <c r="EF29" s="281">
        <v>1</v>
      </c>
      <c r="EG29" s="278">
        <v>2</v>
      </c>
      <c r="EH29" s="280">
        <v>0</v>
      </c>
      <c r="EI29" s="281">
        <v>3</v>
      </c>
      <c r="EJ29" s="281">
        <v>2</v>
      </c>
      <c r="EK29" s="281">
        <v>6</v>
      </c>
      <c r="EL29" s="281">
        <v>4</v>
      </c>
      <c r="EM29" s="281">
        <v>2</v>
      </c>
      <c r="EN29" s="278">
        <v>17</v>
      </c>
      <c r="EO29" s="283">
        <v>19</v>
      </c>
      <c r="EP29" s="277">
        <v>6</v>
      </c>
      <c r="EQ29" s="281">
        <v>15</v>
      </c>
      <c r="ER29" s="278">
        <v>21</v>
      </c>
      <c r="ES29" s="280">
        <v>0</v>
      </c>
      <c r="ET29" s="281">
        <v>5</v>
      </c>
      <c r="EU29" s="281">
        <v>8</v>
      </c>
      <c r="EV29" s="281">
        <v>8</v>
      </c>
      <c r="EW29" s="281">
        <v>1</v>
      </c>
      <c r="EX29" s="281">
        <v>2</v>
      </c>
      <c r="EY29" s="278">
        <v>24</v>
      </c>
      <c r="EZ29" s="283">
        <v>45</v>
      </c>
    </row>
    <row r="30" spans="2:156" ht="19.5" customHeight="1" x14ac:dyDescent="0.2">
      <c r="B30" s="262" t="s">
        <v>28</v>
      </c>
      <c r="C30" s="277">
        <v>0</v>
      </c>
      <c r="D30" s="281">
        <v>0</v>
      </c>
      <c r="E30" s="385">
        <v>0</v>
      </c>
      <c r="F30" s="280">
        <v>0</v>
      </c>
      <c r="G30" s="281">
        <v>1</v>
      </c>
      <c r="H30" s="281">
        <v>1</v>
      </c>
      <c r="I30" s="281">
        <v>0</v>
      </c>
      <c r="J30" s="281">
        <v>0</v>
      </c>
      <c r="K30" s="281">
        <v>1</v>
      </c>
      <c r="L30" s="282">
        <v>3</v>
      </c>
      <c r="M30" s="283">
        <v>3</v>
      </c>
      <c r="N30" s="277">
        <v>0</v>
      </c>
      <c r="O30" s="281">
        <v>0</v>
      </c>
      <c r="P30" s="278">
        <v>0</v>
      </c>
      <c r="Q30" s="280">
        <v>0</v>
      </c>
      <c r="R30" s="281">
        <v>0</v>
      </c>
      <c r="S30" s="281">
        <v>0</v>
      </c>
      <c r="T30" s="281">
        <v>0</v>
      </c>
      <c r="U30" s="281">
        <v>0</v>
      </c>
      <c r="V30" s="281">
        <v>0</v>
      </c>
      <c r="W30" s="278">
        <v>0</v>
      </c>
      <c r="X30" s="283">
        <v>0</v>
      </c>
      <c r="Y30" s="277">
        <v>0</v>
      </c>
      <c r="Z30" s="281">
        <v>0</v>
      </c>
      <c r="AA30" s="278">
        <v>0</v>
      </c>
      <c r="AB30" s="280">
        <v>0</v>
      </c>
      <c r="AC30" s="281">
        <v>1</v>
      </c>
      <c r="AD30" s="281">
        <v>1</v>
      </c>
      <c r="AE30" s="281">
        <v>1</v>
      </c>
      <c r="AF30" s="281">
        <v>0</v>
      </c>
      <c r="AG30" s="281">
        <v>0</v>
      </c>
      <c r="AH30" s="278">
        <v>3</v>
      </c>
      <c r="AI30" s="283">
        <v>3</v>
      </c>
      <c r="AJ30" s="277">
        <v>0</v>
      </c>
      <c r="AK30" s="281">
        <v>0</v>
      </c>
      <c r="AL30" s="278">
        <v>0</v>
      </c>
      <c r="AM30" s="280">
        <v>0</v>
      </c>
      <c r="AN30" s="281">
        <v>1</v>
      </c>
      <c r="AO30" s="281">
        <v>0</v>
      </c>
      <c r="AP30" s="281">
        <v>0</v>
      </c>
      <c r="AQ30" s="281">
        <v>0</v>
      </c>
      <c r="AR30" s="281">
        <v>0</v>
      </c>
      <c r="AS30" s="278">
        <v>1</v>
      </c>
      <c r="AT30" s="283">
        <v>1</v>
      </c>
      <c r="AU30" s="277">
        <v>0</v>
      </c>
      <c r="AV30" s="281">
        <v>0</v>
      </c>
      <c r="AW30" s="278">
        <v>0</v>
      </c>
      <c r="AX30" s="280">
        <v>0</v>
      </c>
      <c r="AY30" s="281">
        <v>2</v>
      </c>
      <c r="AZ30" s="281">
        <v>3</v>
      </c>
      <c r="BA30" s="281">
        <v>1</v>
      </c>
      <c r="BB30" s="281">
        <v>0</v>
      </c>
      <c r="BC30" s="281">
        <v>1</v>
      </c>
      <c r="BD30" s="282">
        <v>7</v>
      </c>
      <c r="BE30" s="283">
        <v>7</v>
      </c>
      <c r="BF30" s="277">
        <v>0</v>
      </c>
      <c r="BG30" s="281">
        <v>0</v>
      </c>
      <c r="BH30" s="278">
        <v>0</v>
      </c>
      <c r="BI30" s="280">
        <v>0</v>
      </c>
      <c r="BJ30" s="281">
        <v>1</v>
      </c>
      <c r="BK30" s="281">
        <v>2</v>
      </c>
      <c r="BL30" s="281">
        <v>0</v>
      </c>
      <c r="BM30" s="281">
        <v>1</v>
      </c>
      <c r="BN30" s="281">
        <v>0</v>
      </c>
      <c r="BO30" s="278">
        <v>4</v>
      </c>
      <c r="BP30" s="283">
        <v>4</v>
      </c>
      <c r="BQ30" s="277">
        <v>0</v>
      </c>
      <c r="BR30" s="281">
        <v>1</v>
      </c>
      <c r="BS30" s="278">
        <v>1</v>
      </c>
      <c r="BT30" s="280">
        <v>0</v>
      </c>
      <c r="BU30" s="281">
        <v>1</v>
      </c>
      <c r="BV30" s="281">
        <v>1</v>
      </c>
      <c r="BW30" s="281">
        <v>1</v>
      </c>
      <c r="BX30" s="281">
        <v>0</v>
      </c>
      <c r="BY30" s="281">
        <v>1</v>
      </c>
      <c r="BZ30" s="278">
        <v>4</v>
      </c>
      <c r="CA30" s="283">
        <v>5</v>
      </c>
      <c r="CB30" s="277">
        <v>0</v>
      </c>
      <c r="CC30" s="281">
        <v>0</v>
      </c>
      <c r="CD30" s="278">
        <v>0</v>
      </c>
      <c r="CE30" s="280">
        <v>0</v>
      </c>
      <c r="CF30" s="281">
        <v>0</v>
      </c>
      <c r="CG30" s="281">
        <v>1</v>
      </c>
      <c r="CH30" s="281">
        <v>0</v>
      </c>
      <c r="CI30" s="281">
        <v>0</v>
      </c>
      <c r="CJ30" s="281">
        <v>0</v>
      </c>
      <c r="CK30" s="278">
        <v>1</v>
      </c>
      <c r="CL30" s="283">
        <v>1</v>
      </c>
      <c r="CM30" s="277">
        <v>0</v>
      </c>
      <c r="CN30" s="281">
        <v>0</v>
      </c>
      <c r="CO30" s="278">
        <v>0</v>
      </c>
      <c r="CP30" s="280">
        <v>0</v>
      </c>
      <c r="CQ30" s="281">
        <v>0</v>
      </c>
      <c r="CR30" s="281">
        <v>0</v>
      </c>
      <c r="CS30" s="281">
        <v>0</v>
      </c>
      <c r="CT30" s="281">
        <v>0</v>
      </c>
      <c r="CU30" s="281">
        <v>0</v>
      </c>
      <c r="CV30" s="278">
        <v>0</v>
      </c>
      <c r="CW30" s="283">
        <v>0</v>
      </c>
      <c r="CX30" s="277">
        <v>0</v>
      </c>
      <c r="CY30" s="281">
        <v>0</v>
      </c>
      <c r="CZ30" s="278">
        <v>0</v>
      </c>
      <c r="DA30" s="280">
        <v>0</v>
      </c>
      <c r="DB30" s="281">
        <v>0</v>
      </c>
      <c r="DC30" s="281">
        <v>0</v>
      </c>
      <c r="DD30" s="281">
        <v>0</v>
      </c>
      <c r="DE30" s="281">
        <v>0</v>
      </c>
      <c r="DF30" s="281">
        <v>0</v>
      </c>
      <c r="DG30" s="278">
        <v>0</v>
      </c>
      <c r="DH30" s="283">
        <v>0</v>
      </c>
      <c r="DI30" s="277">
        <v>0</v>
      </c>
      <c r="DJ30" s="281">
        <v>0</v>
      </c>
      <c r="DK30" s="278">
        <v>0</v>
      </c>
      <c r="DL30" s="280">
        <v>0</v>
      </c>
      <c r="DM30" s="281">
        <v>0</v>
      </c>
      <c r="DN30" s="281">
        <v>0</v>
      </c>
      <c r="DO30" s="281">
        <v>0</v>
      </c>
      <c r="DP30" s="281">
        <v>0</v>
      </c>
      <c r="DQ30" s="281">
        <v>0</v>
      </c>
      <c r="DR30" s="278">
        <v>0</v>
      </c>
      <c r="DS30" s="283">
        <v>0</v>
      </c>
      <c r="DT30" s="277">
        <v>1</v>
      </c>
      <c r="DU30" s="281">
        <v>2</v>
      </c>
      <c r="DV30" s="278">
        <v>3</v>
      </c>
      <c r="DW30" s="280">
        <v>0</v>
      </c>
      <c r="DX30" s="281">
        <v>4</v>
      </c>
      <c r="DY30" s="281">
        <v>4</v>
      </c>
      <c r="DZ30" s="281">
        <v>1</v>
      </c>
      <c r="EA30" s="281">
        <v>0</v>
      </c>
      <c r="EB30" s="281">
        <v>2</v>
      </c>
      <c r="EC30" s="278">
        <v>11</v>
      </c>
      <c r="ED30" s="283">
        <v>14</v>
      </c>
      <c r="EE30" s="277">
        <v>0</v>
      </c>
      <c r="EF30" s="281">
        <v>0</v>
      </c>
      <c r="EG30" s="278">
        <v>0</v>
      </c>
      <c r="EH30" s="280">
        <v>0</v>
      </c>
      <c r="EI30" s="281">
        <v>1</v>
      </c>
      <c r="EJ30" s="281">
        <v>0</v>
      </c>
      <c r="EK30" s="281">
        <v>1</v>
      </c>
      <c r="EL30" s="281">
        <v>0</v>
      </c>
      <c r="EM30" s="281">
        <v>0</v>
      </c>
      <c r="EN30" s="278">
        <v>2</v>
      </c>
      <c r="EO30" s="283">
        <v>2</v>
      </c>
      <c r="EP30" s="277">
        <v>1</v>
      </c>
      <c r="EQ30" s="281">
        <v>2</v>
      </c>
      <c r="ER30" s="278">
        <v>3</v>
      </c>
      <c r="ES30" s="280">
        <v>0</v>
      </c>
      <c r="ET30" s="281">
        <v>7</v>
      </c>
      <c r="EU30" s="281">
        <v>5</v>
      </c>
      <c r="EV30" s="281">
        <v>1</v>
      </c>
      <c r="EW30" s="281">
        <v>1</v>
      </c>
      <c r="EX30" s="281">
        <v>2</v>
      </c>
      <c r="EY30" s="278">
        <v>16</v>
      </c>
      <c r="EZ30" s="283">
        <v>19</v>
      </c>
    </row>
    <row r="31" spans="2:156" ht="19.5" customHeight="1" x14ac:dyDescent="0.2">
      <c r="B31" s="262" t="s">
        <v>29</v>
      </c>
      <c r="C31" s="277">
        <v>0</v>
      </c>
      <c r="D31" s="281">
        <v>0</v>
      </c>
      <c r="E31" s="385">
        <v>0</v>
      </c>
      <c r="F31" s="280">
        <v>0</v>
      </c>
      <c r="G31" s="281">
        <v>2</v>
      </c>
      <c r="H31" s="281">
        <v>2</v>
      </c>
      <c r="I31" s="281">
        <v>0</v>
      </c>
      <c r="J31" s="281">
        <v>1</v>
      </c>
      <c r="K31" s="281">
        <v>0</v>
      </c>
      <c r="L31" s="282">
        <v>5</v>
      </c>
      <c r="M31" s="283">
        <v>5</v>
      </c>
      <c r="N31" s="277">
        <v>0</v>
      </c>
      <c r="O31" s="281">
        <v>0</v>
      </c>
      <c r="P31" s="278">
        <v>0</v>
      </c>
      <c r="Q31" s="280">
        <v>0</v>
      </c>
      <c r="R31" s="281">
        <v>0</v>
      </c>
      <c r="S31" s="281">
        <v>0</v>
      </c>
      <c r="T31" s="281">
        <v>1</v>
      </c>
      <c r="U31" s="281">
        <v>0</v>
      </c>
      <c r="V31" s="281">
        <v>0</v>
      </c>
      <c r="W31" s="278">
        <v>1</v>
      </c>
      <c r="X31" s="283">
        <v>1</v>
      </c>
      <c r="Y31" s="277">
        <v>0</v>
      </c>
      <c r="Z31" s="281">
        <v>0</v>
      </c>
      <c r="AA31" s="278">
        <v>0</v>
      </c>
      <c r="AB31" s="280">
        <v>0</v>
      </c>
      <c r="AC31" s="281">
        <v>1</v>
      </c>
      <c r="AD31" s="281">
        <v>1</v>
      </c>
      <c r="AE31" s="281">
        <v>4</v>
      </c>
      <c r="AF31" s="281">
        <v>0</v>
      </c>
      <c r="AG31" s="281">
        <v>0</v>
      </c>
      <c r="AH31" s="278">
        <v>6</v>
      </c>
      <c r="AI31" s="283">
        <v>6</v>
      </c>
      <c r="AJ31" s="277">
        <v>0</v>
      </c>
      <c r="AK31" s="281">
        <v>0</v>
      </c>
      <c r="AL31" s="278">
        <v>0</v>
      </c>
      <c r="AM31" s="280">
        <v>0</v>
      </c>
      <c r="AN31" s="281">
        <v>0</v>
      </c>
      <c r="AO31" s="281">
        <v>1</v>
      </c>
      <c r="AP31" s="281">
        <v>0</v>
      </c>
      <c r="AQ31" s="281">
        <v>1</v>
      </c>
      <c r="AR31" s="281">
        <v>0</v>
      </c>
      <c r="AS31" s="278">
        <v>2</v>
      </c>
      <c r="AT31" s="283">
        <v>2</v>
      </c>
      <c r="AU31" s="277">
        <v>0</v>
      </c>
      <c r="AV31" s="281">
        <v>0</v>
      </c>
      <c r="AW31" s="278">
        <v>0</v>
      </c>
      <c r="AX31" s="280">
        <v>0</v>
      </c>
      <c r="AY31" s="281">
        <v>1</v>
      </c>
      <c r="AZ31" s="281">
        <v>1</v>
      </c>
      <c r="BA31" s="281">
        <v>2</v>
      </c>
      <c r="BB31" s="281">
        <v>2</v>
      </c>
      <c r="BC31" s="281">
        <v>0</v>
      </c>
      <c r="BD31" s="282">
        <v>6</v>
      </c>
      <c r="BE31" s="283">
        <v>6</v>
      </c>
      <c r="BF31" s="277">
        <v>0</v>
      </c>
      <c r="BG31" s="281">
        <v>0</v>
      </c>
      <c r="BH31" s="278">
        <v>0</v>
      </c>
      <c r="BI31" s="280">
        <v>0</v>
      </c>
      <c r="BJ31" s="281">
        <v>1</v>
      </c>
      <c r="BK31" s="281">
        <v>0</v>
      </c>
      <c r="BL31" s="281">
        <v>2</v>
      </c>
      <c r="BM31" s="281">
        <v>0</v>
      </c>
      <c r="BN31" s="281">
        <v>0</v>
      </c>
      <c r="BO31" s="278">
        <v>3</v>
      </c>
      <c r="BP31" s="283">
        <v>3</v>
      </c>
      <c r="BQ31" s="277">
        <v>0</v>
      </c>
      <c r="BR31" s="281">
        <v>0</v>
      </c>
      <c r="BS31" s="278">
        <v>0</v>
      </c>
      <c r="BT31" s="280">
        <v>0</v>
      </c>
      <c r="BU31" s="281">
        <v>0</v>
      </c>
      <c r="BV31" s="281">
        <v>1</v>
      </c>
      <c r="BW31" s="281">
        <v>1</v>
      </c>
      <c r="BX31" s="281">
        <v>0</v>
      </c>
      <c r="BY31" s="281">
        <v>0</v>
      </c>
      <c r="BZ31" s="278">
        <v>2</v>
      </c>
      <c r="CA31" s="283">
        <v>2</v>
      </c>
      <c r="CB31" s="277">
        <v>0</v>
      </c>
      <c r="CC31" s="281">
        <v>0</v>
      </c>
      <c r="CD31" s="278">
        <v>0</v>
      </c>
      <c r="CE31" s="280">
        <v>0</v>
      </c>
      <c r="CF31" s="281">
        <v>0</v>
      </c>
      <c r="CG31" s="281">
        <v>0</v>
      </c>
      <c r="CH31" s="281">
        <v>0</v>
      </c>
      <c r="CI31" s="281">
        <v>0</v>
      </c>
      <c r="CJ31" s="281">
        <v>0</v>
      </c>
      <c r="CK31" s="278">
        <v>0</v>
      </c>
      <c r="CL31" s="283">
        <v>0</v>
      </c>
      <c r="CM31" s="277">
        <v>0</v>
      </c>
      <c r="CN31" s="281">
        <v>0</v>
      </c>
      <c r="CO31" s="278">
        <v>0</v>
      </c>
      <c r="CP31" s="280">
        <v>0</v>
      </c>
      <c r="CQ31" s="281">
        <v>0</v>
      </c>
      <c r="CR31" s="281">
        <v>1</v>
      </c>
      <c r="CS31" s="281">
        <v>0</v>
      </c>
      <c r="CT31" s="281">
        <v>0</v>
      </c>
      <c r="CU31" s="281">
        <v>0</v>
      </c>
      <c r="CV31" s="278">
        <v>1</v>
      </c>
      <c r="CW31" s="283">
        <v>1</v>
      </c>
      <c r="CX31" s="277">
        <v>0</v>
      </c>
      <c r="CY31" s="281">
        <v>0</v>
      </c>
      <c r="CZ31" s="278">
        <v>0</v>
      </c>
      <c r="DA31" s="280">
        <v>0</v>
      </c>
      <c r="DB31" s="281">
        <v>0</v>
      </c>
      <c r="DC31" s="281">
        <v>0</v>
      </c>
      <c r="DD31" s="281">
        <v>0</v>
      </c>
      <c r="DE31" s="281">
        <v>0</v>
      </c>
      <c r="DF31" s="281">
        <v>0</v>
      </c>
      <c r="DG31" s="278">
        <v>0</v>
      </c>
      <c r="DH31" s="283">
        <v>0</v>
      </c>
      <c r="DI31" s="277">
        <v>0</v>
      </c>
      <c r="DJ31" s="281">
        <v>0</v>
      </c>
      <c r="DK31" s="278">
        <v>0</v>
      </c>
      <c r="DL31" s="280">
        <v>0</v>
      </c>
      <c r="DM31" s="281">
        <v>0</v>
      </c>
      <c r="DN31" s="281">
        <v>0</v>
      </c>
      <c r="DO31" s="281">
        <v>0</v>
      </c>
      <c r="DP31" s="281">
        <v>0</v>
      </c>
      <c r="DQ31" s="281">
        <v>0</v>
      </c>
      <c r="DR31" s="278">
        <v>0</v>
      </c>
      <c r="DS31" s="283">
        <v>0</v>
      </c>
      <c r="DT31" s="277">
        <v>1</v>
      </c>
      <c r="DU31" s="281">
        <v>2</v>
      </c>
      <c r="DV31" s="278">
        <v>3</v>
      </c>
      <c r="DW31" s="280">
        <v>0</v>
      </c>
      <c r="DX31" s="281">
        <v>2</v>
      </c>
      <c r="DY31" s="281">
        <v>2</v>
      </c>
      <c r="DZ31" s="281">
        <v>5</v>
      </c>
      <c r="EA31" s="281">
        <v>1</v>
      </c>
      <c r="EB31" s="281">
        <v>1</v>
      </c>
      <c r="EC31" s="278">
        <v>11</v>
      </c>
      <c r="ED31" s="283">
        <v>14</v>
      </c>
      <c r="EE31" s="277">
        <v>0</v>
      </c>
      <c r="EF31" s="281">
        <v>0</v>
      </c>
      <c r="EG31" s="278">
        <v>0</v>
      </c>
      <c r="EH31" s="280">
        <v>0</v>
      </c>
      <c r="EI31" s="281">
        <v>1</v>
      </c>
      <c r="EJ31" s="281">
        <v>1</v>
      </c>
      <c r="EK31" s="281">
        <v>0</v>
      </c>
      <c r="EL31" s="281">
        <v>2</v>
      </c>
      <c r="EM31" s="281">
        <v>0</v>
      </c>
      <c r="EN31" s="278">
        <v>4</v>
      </c>
      <c r="EO31" s="283">
        <v>4</v>
      </c>
      <c r="EP31" s="277">
        <v>1</v>
      </c>
      <c r="EQ31" s="281">
        <v>2</v>
      </c>
      <c r="ER31" s="278">
        <v>3</v>
      </c>
      <c r="ES31" s="280">
        <v>0</v>
      </c>
      <c r="ET31" s="281">
        <v>3</v>
      </c>
      <c r="EU31" s="281">
        <v>3</v>
      </c>
      <c r="EV31" s="281">
        <v>5</v>
      </c>
      <c r="EW31" s="281">
        <v>1</v>
      </c>
      <c r="EX31" s="281">
        <v>1</v>
      </c>
      <c r="EY31" s="278">
        <v>13</v>
      </c>
      <c r="EZ31" s="283">
        <v>16</v>
      </c>
    </row>
    <row r="32" spans="2:156" ht="19.5" customHeight="1" x14ac:dyDescent="0.2">
      <c r="B32" s="262" t="s">
        <v>30</v>
      </c>
      <c r="C32" s="277">
        <v>0</v>
      </c>
      <c r="D32" s="281">
        <v>0</v>
      </c>
      <c r="E32" s="385">
        <v>0</v>
      </c>
      <c r="F32" s="280">
        <v>0</v>
      </c>
      <c r="G32" s="281">
        <v>1</v>
      </c>
      <c r="H32" s="281">
        <v>0</v>
      </c>
      <c r="I32" s="281">
        <v>1</v>
      </c>
      <c r="J32" s="281">
        <v>1</v>
      </c>
      <c r="K32" s="281">
        <v>0</v>
      </c>
      <c r="L32" s="282">
        <v>3</v>
      </c>
      <c r="M32" s="283">
        <v>3</v>
      </c>
      <c r="N32" s="277">
        <v>0</v>
      </c>
      <c r="O32" s="281">
        <v>0</v>
      </c>
      <c r="P32" s="278">
        <v>0</v>
      </c>
      <c r="Q32" s="280">
        <v>0</v>
      </c>
      <c r="R32" s="281">
        <v>0</v>
      </c>
      <c r="S32" s="281">
        <v>0</v>
      </c>
      <c r="T32" s="281">
        <v>0</v>
      </c>
      <c r="U32" s="281">
        <v>1</v>
      </c>
      <c r="V32" s="281">
        <v>0</v>
      </c>
      <c r="W32" s="278">
        <v>1</v>
      </c>
      <c r="X32" s="283">
        <v>1</v>
      </c>
      <c r="Y32" s="277">
        <v>0</v>
      </c>
      <c r="Z32" s="281">
        <v>1</v>
      </c>
      <c r="AA32" s="278">
        <v>1</v>
      </c>
      <c r="AB32" s="280">
        <v>0</v>
      </c>
      <c r="AC32" s="281">
        <v>1</v>
      </c>
      <c r="AD32" s="281">
        <v>0</v>
      </c>
      <c r="AE32" s="281">
        <v>0</v>
      </c>
      <c r="AF32" s="281">
        <v>2</v>
      </c>
      <c r="AG32" s="281">
        <v>0</v>
      </c>
      <c r="AH32" s="278">
        <v>3</v>
      </c>
      <c r="AI32" s="283">
        <v>4</v>
      </c>
      <c r="AJ32" s="277">
        <v>0</v>
      </c>
      <c r="AK32" s="281">
        <v>0</v>
      </c>
      <c r="AL32" s="278">
        <v>0</v>
      </c>
      <c r="AM32" s="280">
        <v>0</v>
      </c>
      <c r="AN32" s="281">
        <v>0</v>
      </c>
      <c r="AO32" s="281">
        <v>0</v>
      </c>
      <c r="AP32" s="281">
        <v>0</v>
      </c>
      <c r="AQ32" s="281">
        <v>1</v>
      </c>
      <c r="AR32" s="281">
        <v>0</v>
      </c>
      <c r="AS32" s="278">
        <v>1</v>
      </c>
      <c r="AT32" s="283">
        <v>1</v>
      </c>
      <c r="AU32" s="277">
        <v>0</v>
      </c>
      <c r="AV32" s="281">
        <v>0</v>
      </c>
      <c r="AW32" s="278">
        <v>0</v>
      </c>
      <c r="AX32" s="280">
        <v>0</v>
      </c>
      <c r="AY32" s="281">
        <v>2</v>
      </c>
      <c r="AZ32" s="281">
        <v>1</v>
      </c>
      <c r="BA32" s="281">
        <v>1</v>
      </c>
      <c r="BB32" s="281">
        <v>2</v>
      </c>
      <c r="BC32" s="281">
        <v>0</v>
      </c>
      <c r="BD32" s="282">
        <v>6</v>
      </c>
      <c r="BE32" s="283">
        <v>6</v>
      </c>
      <c r="BF32" s="277">
        <v>0</v>
      </c>
      <c r="BG32" s="281">
        <v>0</v>
      </c>
      <c r="BH32" s="278">
        <v>0</v>
      </c>
      <c r="BI32" s="280">
        <v>0</v>
      </c>
      <c r="BJ32" s="281">
        <v>1</v>
      </c>
      <c r="BK32" s="281">
        <v>3</v>
      </c>
      <c r="BL32" s="281">
        <v>1</v>
      </c>
      <c r="BM32" s="281">
        <v>1</v>
      </c>
      <c r="BN32" s="281">
        <v>0</v>
      </c>
      <c r="BO32" s="278">
        <v>6</v>
      </c>
      <c r="BP32" s="283">
        <v>6</v>
      </c>
      <c r="BQ32" s="277">
        <v>0</v>
      </c>
      <c r="BR32" s="281">
        <v>0</v>
      </c>
      <c r="BS32" s="278">
        <v>0</v>
      </c>
      <c r="BT32" s="280">
        <v>0</v>
      </c>
      <c r="BU32" s="281">
        <v>0</v>
      </c>
      <c r="BV32" s="281">
        <v>2</v>
      </c>
      <c r="BW32" s="281">
        <v>0</v>
      </c>
      <c r="BX32" s="281">
        <v>0</v>
      </c>
      <c r="BY32" s="281">
        <v>0</v>
      </c>
      <c r="BZ32" s="278">
        <v>2</v>
      </c>
      <c r="CA32" s="283">
        <v>2</v>
      </c>
      <c r="CB32" s="277">
        <v>0</v>
      </c>
      <c r="CC32" s="281">
        <v>0</v>
      </c>
      <c r="CD32" s="278">
        <v>0</v>
      </c>
      <c r="CE32" s="280">
        <v>0</v>
      </c>
      <c r="CF32" s="281">
        <v>1</v>
      </c>
      <c r="CG32" s="281">
        <v>0</v>
      </c>
      <c r="CH32" s="281">
        <v>1</v>
      </c>
      <c r="CI32" s="281">
        <v>0</v>
      </c>
      <c r="CJ32" s="281">
        <v>0</v>
      </c>
      <c r="CK32" s="278">
        <v>2</v>
      </c>
      <c r="CL32" s="283">
        <v>2</v>
      </c>
      <c r="CM32" s="277">
        <v>0</v>
      </c>
      <c r="CN32" s="281">
        <v>0</v>
      </c>
      <c r="CO32" s="278">
        <v>0</v>
      </c>
      <c r="CP32" s="280">
        <v>0</v>
      </c>
      <c r="CQ32" s="281">
        <v>0</v>
      </c>
      <c r="CR32" s="281">
        <v>1</v>
      </c>
      <c r="CS32" s="281">
        <v>0</v>
      </c>
      <c r="CT32" s="281">
        <v>0</v>
      </c>
      <c r="CU32" s="281">
        <v>0</v>
      </c>
      <c r="CV32" s="278">
        <v>1</v>
      </c>
      <c r="CW32" s="283">
        <v>1</v>
      </c>
      <c r="CX32" s="277">
        <v>0</v>
      </c>
      <c r="CY32" s="281">
        <v>0</v>
      </c>
      <c r="CZ32" s="278">
        <v>0</v>
      </c>
      <c r="DA32" s="280">
        <v>0</v>
      </c>
      <c r="DB32" s="281">
        <v>0</v>
      </c>
      <c r="DC32" s="281">
        <v>0</v>
      </c>
      <c r="DD32" s="281">
        <v>0</v>
      </c>
      <c r="DE32" s="281">
        <v>0</v>
      </c>
      <c r="DF32" s="281">
        <v>0</v>
      </c>
      <c r="DG32" s="278">
        <v>0</v>
      </c>
      <c r="DH32" s="283">
        <v>0</v>
      </c>
      <c r="DI32" s="277">
        <v>0</v>
      </c>
      <c r="DJ32" s="281">
        <v>0</v>
      </c>
      <c r="DK32" s="278">
        <v>0</v>
      </c>
      <c r="DL32" s="280">
        <v>0</v>
      </c>
      <c r="DM32" s="281">
        <v>0</v>
      </c>
      <c r="DN32" s="281">
        <v>0</v>
      </c>
      <c r="DO32" s="281">
        <v>0</v>
      </c>
      <c r="DP32" s="281">
        <v>0</v>
      </c>
      <c r="DQ32" s="281">
        <v>0</v>
      </c>
      <c r="DR32" s="278">
        <v>0</v>
      </c>
      <c r="DS32" s="283">
        <v>0</v>
      </c>
      <c r="DT32" s="277">
        <v>2</v>
      </c>
      <c r="DU32" s="281">
        <v>1</v>
      </c>
      <c r="DV32" s="278">
        <v>3</v>
      </c>
      <c r="DW32" s="280">
        <v>0</v>
      </c>
      <c r="DX32" s="281">
        <v>0</v>
      </c>
      <c r="DY32" s="281">
        <v>4</v>
      </c>
      <c r="DZ32" s="281">
        <v>2</v>
      </c>
      <c r="EA32" s="281">
        <v>3</v>
      </c>
      <c r="EB32" s="281">
        <v>0</v>
      </c>
      <c r="EC32" s="278">
        <v>9</v>
      </c>
      <c r="ED32" s="283">
        <v>12</v>
      </c>
      <c r="EE32" s="277">
        <v>0</v>
      </c>
      <c r="EF32" s="281">
        <v>0</v>
      </c>
      <c r="EG32" s="278">
        <v>0</v>
      </c>
      <c r="EH32" s="280">
        <v>0</v>
      </c>
      <c r="EI32" s="281">
        <v>3</v>
      </c>
      <c r="EJ32" s="281">
        <v>0</v>
      </c>
      <c r="EK32" s="281">
        <v>0</v>
      </c>
      <c r="EL32" s="281">
        <v>1</v>
      </c>
      <c r="EM32" s="281">
        <v>0</v>
      </c>
      <c r="EN32" s="278">
        <v>4</v>
      </c>
      <c r="EO32" s="283">
        <v>4</v>
      </c>
      <c r="EP32" s="277">
        <v>2</v>
      </c>
      <c r="EQ32" s="281">
        <v>2</v>
      </c>
      <c r="ER32" s="278">
        <v>4</v>
      </c>
      <c r="ES32" s="280">
        <v>0</v>
      </c>
      <c r="ET32" s="281">
        <v>3</v>
      </c>
      <c r="EU32" s="281">
        <v>5</v>
      </c>
      <c r="EV32" s="281">
        <v>2</v>
      </c>
      <c r="EW32" s="281">
        <v>3</v>
      </c>
      <c r="EX32" s="281">
        <v>0</v>
      </c>
      <c r="EY32" s="278">
        <v>13</v>
      </c>
      <c r="EZ32" s="283">
        <v>17</v>
      </c>
    </row>
    <row r="33" spans="2:156" ht="19.5" customHeight="1" x14ac:dyDescent="0.2">
      <c r="B33" s="262" t="s">
        <v>31</v>
      </c>
      <c r="C33" s="277">
        <v>0</v>
      </c>
      <c r="D33" s="281">
        <v>0</v>
      </c>
      <c r="E33" s="385">
        <v>0</v>
      </c>
      <c r="F33" s="280">
        <v>0</v>
      </c>
      <c r="G33" s="281">
        <v>1</v>
      </c>
      <c r="H33" s="281">
        <v>0</v>
      </c>
      <c r="I33" s="281">
        <v>0</v>
      </c>
      <c r="J33" s="281">
        <v>0</v>
      </c>
      <c r="K33" s="281">
        <v>0</v>
      </c>
      <c r="L33" s="282">
        <v>1</v>
      </c>
      <c r="M33" s="283">
        <v>1</v>
      </c>
      <c r="N33" s="277">
        <v>0</v>
      </c>
      <c r="O33" s="281">
        <v>0</v>
      </c>
      <c r="P33" s="278">
        <v>0</v>
      </c>
      <c r="Q33" s="280">
        <v>0</v>
      </c>
      <c r="R33" s="281">
        <v>0</v>
      </c>
      <c r="S33" s="281">
        <v>0</v>
      </c>
      <c r="T33" s="281">
        <v>0</v>
      </c>
      <c r="U33" s="281">
        <v>0</v>
      </c>
      <c r="V33" s="281">
        <v>1</v>
      </c>
      <c r="W33" s="278">
        <v>1</v>
      </c>
      <c r="X33" s="283">
        <v>1</v>
      </c>
      <c r="Y33" s="277">
        <v>1</v>
      </c>
      <c r="Z33" s="281">
        <v>0</v>
      </c>
      <c r="AA33" s="278">
        <v>1</v>
      </c>
      <c r="AB33" s="280">
        <v>0</v>
      </c>
      <c r="AC33" s="281">
        <v>0</v>
      </c>
      <c r="AD33" s="281">
        <v>1</v>
      </c>
      <c r="AE33" s="281">
        <v>0</v>
      </c>
      <c r="AF33" s="281">
        <v>2</v>
      </c>
      <c r="AG33" s="281">
        <v>1</v>
      </c>
      <c r="AH33" s="278">
        <v>4</v>
      </c>
      <c r="AI33" s="283">
        <v>5</v>
      </c>
      <c r="AJ33" s="277">
        <v>0</v>
      </c>
      <c r="AK33" s="281">
        <v>0</v>
      </c>
      <c r="AL33" s="278">
        <v>0</v>
      </c>
      <c r="AM33" s="280">
        <v>0</v>
      </c>
      <c r="AN33" s="281">
        <v>0</v>
      </c>
      <c r="AO33" s="281">
        <v>0</v>
      </c>
      <c r="AP33" s="281">
        <v>1</v>
      </c>
      <c r="AQ33" s="281">
        <v>0</v>
      </c>
      <c r="AR33" s="281">
        <v>0</v>
      </c>
      <c r="AS33" s="278">
        <v>1</v>
      </c>
      <c r="AT33" s="283">
        <v>1</v>
      </c>
      <c r="AU33" s="277">
        <v>0</v>
      </c>
      <c r="AV33" s="281">
        <v>0</v>
      </c>
      <c r="AW33" s="278">
        <v>0</v>
      </c>
      <c r="AX33" s="280">
        <v>0</v>
      </c>
      <c r="AY33" s="281">
        <v>1</v>
      </c>
      <c r="AZ33" s="281">
        <v>1</v>
      </c>
      <c r="BA33" s="281">
        <v>0</v>
      </c>
      <c r="BB33" s="281">
        <v>0</v>
      </c>
      <c r="BC33" s="281">
        <v>2</v>
      </c>
      <c r="BD33" s="282">
        <v>4</v>
      </c>
      <c r="BE33" s="283">
        <v>4</v>
      </c>
      <c r="BF33" s="277">
        <v>0</v>
      </c>
      <c r="BG33" s="281">
        <v>0</v>
      </c>
      <c r="BH33" s="278">
        <v>0</v>
      </c>
      <c r="BI33" s="280">
        <v>0</v>
      </c>
      <c r="BJ33" s="281">
        <v>0</v>
      </c>
      <c r="BK33" s="281">
        <v>1</v>
      </c>
      <c r="BL33" s="281">
        <v>3</v>
      </c>
      <c r="BM33" s="281">
        <v>2</v>
      </c>
      <c r="BN33" s="281">
        <v>0</v>
      </c>
      <c r="BO33" s="278">
        <v>6</v>
      </c>
      <c r="BP33" s="283">
        <v>6</v>
      </c>
      <c r="BQ33" s="277">
        <v>0</v>
      </c>
      <c r="BR33" s="281">
        <v>0</v>
      </c>
      <c r="BS33" s="278">
        <v>0</v>
      </c>
      <c r="BT33" s="280">
        <v>0</v>
      </c>
      <c r="BU33" s="281">
        <v>0</v>
      </c>
      <c r="BV33" s="281">
        <v>0</v>
      </c>
      <c r="BW33" s="281">
        <v>0</v>
      </c>
      <c r="BX33" s="281">
        <v>0</v>
      </c>
      <c r="BY33" s="281">
        <v>0</v>
      </c>
      <c r="BZ33" s="278">
        <v>0</v>
      </c>
      <c r="CA33" s="283">
        <v>0</v>
      </c>
      <c r="CB33" s="277">
        <v>0</v>
      </c>
      <c r="CC33" s="281">
        <v>0</v>
      </c>
      <c r="CD33" s="278">
        <v>0</v>
      </c>
      <c r="CE33" s="280">
        <v>0</v>
      </c>
      <c r="CF33" s="281">
        <v>0</v>
      </c>
      <c r="CG33" s="281">
        <v>0</v>
      </c>
      <c r="CH33" s="281">
        <v>0</v>
      </c>
      <c r="CI33" s="281">
        <v>1</v>
      </c>
      <c r="CJ33" s="281">
        <v>0</v>
      </c>
      <c r="CK33" s="278">
        <v>1</v>
      </c>
      <c r="CL33" s="283">
        <v>1</v>
      </c>
      <c r="CM33" s="277">
        <v>0</v>
      </c>
      <c r="CN33" s="281">
        <v>0</v>
      </c>
      <c r="CO33" s="278">
        <v>0</v>
      </c>
      <c r="CP33" s="280">
        <v>0</v>
      </c>
      <c r="CQ33" s="281">
        <v>0</v>
      </c>
      <c r="CR33" s="281">
        <v>0</v>
      </c>
      <c r="CS33" s="281">
        <v>0</v>
      </c>
      <c r="CT33" s="281">
        <v>0</v>
      </c>
      <c r="CU33" s="281">
        <v>0</v>
      </c>
      <c r="CV33" s="278">
        <v>0</v>
      </c>
      <c r="CW33" s="283">
        <v>0</v>
      </c>
      <c r="CX33" s="277">
        <v>0</v>
      </c>
      <c r="CY33" s="281">
        <v>0</v>
      </c>
      <c r="CZ33" s="278">
        <v>0</v>
      </c>
      <c r="DA33" s="280">
        <v>0</v>
      </c>
      <c r="DB33" s="281">
        <v>0</v>
      </c>
      <c r="DC33" s="281">
        <v>0</v>
      </c>
      <c r="DD33" s="281">
        <v>0</v>
      </c>
      <c r="DE33" s="281">
        <v>0</v>
      </c>
      <c r="DF33" s="281">
        <v>0</v>
      </c>
      <c r="DG33" s="278">
        <v>0</v>
      </c>
      <c r="DH33" s="283">
        <v>0</v>
      </c>
      <c r="DI33" s="277">
        <v>0</v>
      </c>
      <c r="DJ33" s="281">
        <v>0</v>
      </c>
      <c r="DK33" s="278">
        <v>0</v>
      </c>
      <c r="DL33" s="280">
        <v>0</v>
      </c>
      <c r="DM33" s="281">
        <v>0</v>
      </c>
      <c r="DN33" s="281">
        <v>0</v>
      </c>
      <c r="DO33" s="281">
        <v>0</v>
      </c>
      <c r="DP33" s="281">
        <v>0</v>
      </c>
      <c r="DQ33" s="281">
        <v>0</v>
      </c>
      <c r="DR33" s="278">
        <v>0</v>
      </c>
      <c r="DS33" s="283">
        <v>0</v>
      </c>
      <c r="DT33" s="277">
        <v>0</v>
      </c>
      <c r="DU33" s="281">
        <v>0</v>
      </c>
      <c r="DV33" s="278">
        <v>0</v>
      </c>
      <c r="DW33" s="280">
        <v>0</v>
      </c>
      <c r="DX33" s="281">
        <v>3</v>
      </c>
      <c r="DY33" s="281">
        <v>2</v>
      </c>
      <c r="DZ33" s="281">
        <v>2</v>
      </c>
      <c r="EA33" s="281">
        <v>2</v>
      </c>
      <c r="EB33" s="281">
        <v>1</v>
      </c>
      <c r="EC33" s="278">
        <v>10</v>
      </c>
      <c r="ED33" s="283">
        <v>10</v>
      </c>
      <c r="EE33" s="277">
        <v>0</v>
      </c>
      <c r="EF33" s="281">
        <v>0</v>
      </c>
      <c r="EG33" s="278">
        <v>0</v>
      </c>
      <c r="EH33" s="280">
        <v>0</v>
      </c>
      <c r="EI33" s="281">
        <v>1</v>
      </c>
      <c r="EJ33" s="281">
        <v>0</v>
      </c>
      <c r="EK33" s="281">
        <v>0</v>
      </c>
      <c r="EL33" s="281">
        <v>0</v>
      </c>
      <c r="EM33" s="281">
        <v>1</v>
      </c>
      <c r="EN33" s="278">
        <v>2</v>
      </c>
      <c r="EO33" s="283">
        <v>2</v>
      </c>
      <c r="EP33" s="277">
        <v>1</v>
      </c>
      <c r="EQ33" s="281">
        <v>0</v>
      </c>
      <c r="ER33" s="278">
        <v>1</v>
      </c>
      <c r="ES33" s="280">
        <v>0</v>
      </c>
      <c r="ET33" s="281">
        <v>4</v>
      </c>
      <c r="EU33" s="281">
        <v>4</v>
      </c>
      <c r="EV33" s="281">
        <v>3</v>
      </c>
      <c r="EW33" s="281">
        <v>2</v>
      </c>
      <c r="EX33" s="281">
        <v>1</v>
      </c>
      <c r="EY33" s="278">
        <v>14</v>
      </c>
      <c r="EZ33" s="283">
        <v>15</v>
      </c>
    </row>
    <row r="34" spans="2:156" ht="19.5" customHeight="1" x14ac:dyDescent="0.2">
      <c r="B34" s="262" t="s">
        <v>32</v>
      </c>
      <c r="C34" s="277">
        <v>0</v>
      </c>
      <c r="D34" s="281">
        <v>0</v>
      </c>
      <c r="E34" s="385">
        <v>0</v>
      </c>
      <c r="F34" s="280">
        <v>0</v>
      </c>
      <c r="G34" s="281">
        <v>0</v>
      </c>
      <c r="H34" s="281">
        <v>0</v>
      </c>
      <c r="I34" s="281">
        <v>0</v>
      </c>
      <c r="J34" s="281">
        <v>1</v>
      </c>
      <c r="K34" s="281">
        <v>0</v>
      </c>
      <c r="L34" s="282">
        <v>1</v>
      </c>
      <c r="M34" s="283">
        <v>1</v>
      </c>
      <c r="N34" s="277">
        <v>0</v>
      </c>
      <c r="O34" s="281">
        <v>0</v>
      </c>
      <c r="P34" s="278">
        <v>0</v>
      </c>
      <c r="Q34" s="280">
        <v>0</v>
      </c>
      <c r="R34" s="281">
        <v>0</v>
      </c>
      <c r="S34" s="281">
        <v>0</v>
      </c>
      <c r="T34" s="281">
        <v>0</v>
      </c>
      <c r="U34" s="281">
        <v>0</v>
      </c>
      <c r="V34" s="281">
        <v>0</v>
      </c>
      <c r="W34" s="278">
        <v>0</v>
      </c>
      <c r="X34" s="283">
        <v>0</v>
      </c>
      <c r="Y34" s="277">
        <v>0</v>
      </c>
      <c r="Z34" s="281">
        <v>0</v>
      </c>
      <c r="AA34" s="278">
        <v>0</v>
      </c>
      <c r="AB34" s="280">
        <v>0</v>
      </c>
      <c r="AC34" s="281">
        <v>0</v>
      </c>
      <c r="AD34" s="281">
        <v>2</v>
      </c>
      <c r="AE34" s="281">
        <v>0</v>
      </c>
      <c r="AF34" s="281">
        <v>0</v>
      </c>
      <c r="AG34" s="281">
        <v>0</v>
      </c>
      <c r="AH34" s="278">
        <v>2</v>
      </c>
      <c r="AI34" s="283">
        <v>2</v>
      </c>
      <c r="AJ34" s="277">
        <v>2</v>
      </c>
      <c r="AK34" s="281">
        <v>0</v>
      </c>
      <c r="AL34" s="278">
        <v>2</v>
      </c>
      <c r="AM34" s="280">
        <v>0</v>
      </c>
      <c r="AN34" s="281">
        <v>1</v>
      </c>
      <c r="AO34" s="281">
        <v>0</v>
      </c>
      <c r="AP34" s="281">
        <v>1</v>
      </c>
      <c r="AQ34" s="281">
        <v>0</v>
      </c>
      <c r="AR34" s="281">
        <v>0</v>
      </c>
      <c r="AS34" s="278">
        <v>2</v>
      </c>
      <c r="AT34" s="283">
        <v>4</v>
      </c>
      <c r="AU34" s="277">
        <v>0</v>
      </c>
      <c r="AV34" s="281">
        <v>0</v>
      </c>
      <c r="AW34" s="278">
        <v>0</v>
      </c>
      <c r="AX34" s="280">
        <v>0</v>
      </c>
      <c r="AY34" s="281">
        <v>2</v>
      </c>
      <c r="AZ34" s="281">
        <v>2</v>
      </c>
      <c r="BA34" s="281">
        <v>2</v>
      </c>
      <c r="BB34" s="281">
        <v>3</v>
      </c>
      <c r="BC34" s="281">
        <v>2</v>
      </c>
      <c r="BD34" s="282">
        <v>11</v>
      </c>
      <c r="BE34" s="283">
        <v>11</v>
      </c>
      <c r="BF34" s="277">
        <v>0</v>
      </c>
      <c r="BG34" s="281">
        <v>0</v>
      </c>
      <c r="BH34" s="278">
        <v>0</v>
      </c>
      <c r="BI34" s="280">
        <v>0</v>
      </c>
      <c r="BJ34" s="281">
        <v>3</v>
      </c>
      <c r="BK34" s="281">
        <v>2</v>
      </c>
      <c r="BL34" s="281">
        <v>0</v>
      </c>
      <c r="BM34" s="281">
        <v>0</v>
      </c>
      <c r="BN34" s="281">
        <v>0</v>
      </c>
      <c r="BO34" s="278">
        <v>5</v>
      </c>
      <c r="BP34" s="283">
        <v>5</v>
      </c>
      <c r="BQ34" s="277">
        <v>0</v>
      </c>
      <c r="BR34" s="281">
        <v>0</v>
      </c>
      <c r="BS34" s="278">
        <v>0</v>
      </c>
      <c r="BT34" s="280">
        <v>0</v>
      </c>
      <c r="BU34" s="281">
        <v>0</v>
      </c>
      <c r="BV34" s="281">
        <v>1</v>
      </c>
      <c r="BW34" s="281">
        <v>2</v>
      </c>
      <c r="BX34" s="281">
        <v>1</v>
      </c>
      <c r="BY34" s="281">
        <v>0</v>
      </c>
      <c r="BZ34" s="278">
        <v>4</v>
      </c>
      <c r="CA34" s="283">
        <v>4</v>
      </c>
      <c r="CB34" s="277">
        <v>0</v>
      </c>
      <c r="CC34" s="281">
        <v>0</v>
      </c>
      <c r="CD34" s="278">
        <v>0</v>
      </c>
      <c r="CE34" s="280">
        <v>0</v>
      </c>
      <c r="CF34" s="281">
        <v>0</v>
      </c>
      <c r="CG34" s="281">
        <v>0</v>
      </c>
      <c r="CH34" s="281">
        <v>1</v>
      </c>
      <c r="CI34" s="281">
        <v>0</v>
      </c>
      <c r="CJ34" s="281">
        <v>0</v>
      </c>
      <c r="CK34" s="278">
        <v>1</v>
      </c>
      <c r="CL34" s="283">
        <v>1</v>
      </c>
      <c r="CM34" s="277">
        <v>0</v>
      </c>
      <c r="CN34" s="281">
        <v>0</v>
      </c>
      <c r="CO34" s="278">
        <v>0</v>
      </c>
      <c r="CP34" s="280">
        <v>0</v>
      </c>
      <c r="CQ34" s="281">
        <v>0</v>
      </c>
      <c r="CR34" s="281">
        <v>0</v>
      </c>
      <c r="CS34" s="281">
        <v>0</v>
      </c>
      <c r="CT34" s="281">
        <v>1</v>
      </c>
      <c r="CU34" s="281">
        <v>0</v>
      </c>
      <c r="CV34" s="278">
        <v>1</v>
      </c>
      <c r="CW34" s="283">
        <v>1</v>
      </c>
      <c r="CX34" s="277">
        <v>0</v>
      </c>
      <c r="CY34" s="281">
        <v>0</v>
      </c>
      <c r="CZ34" s="278">
        <v>0</v>
      </c>
      <c r="DA34" s="280">
        <v>0</v>
      </c>
      <c r="DB34" s="281">
        <v>0</v>
      </c>
      <c r="DC34" s="281">
        <v>0</v>
      </c>
      <c r="DD34" s="281">
        <v>0</v>
      </c>
      <c r="DE34" s="281">
        <v>0</v>
      </c>
      <c r="DF34" s="281">
        <v>0</v>
      </c>
      <c r="DG34" s="278">
        <v>0</v>
      </c>
      <c r="DH34" s="283">
        <v>0</v>
      </c>
      <c r="DI34" s="277">
        <v>0</v>
      </c>
      <c r="DJ34" s="281">
        <v>0</v>
      </c>
      <c r="DK34" s="278">
        <v>0</v>
      </c>
      <c r="DL34" s="280">
        <v>0</v>
      </c>
      <c r="DM34" s="281">
        <v>0</v>
      </c>
      <c r="DN34" s="281">
        <v>0</v>
      </c>
      <c r="DO34" s="281">
        <v>0</v>
      </c>
      <c r="DP34" s="281">
        <v>0</v>
      </c>
      <c r="DQ34" s="281">
        <v>0</v>
      </c>
      <c r="DR34" s="278">
        <v>0</v>
      </c>
      <c r="DS34" s="283">
        <v>0</v>
      </c>
      <c r="DT34" s="277">
        <v>2</v>
      </c>
      <c r="DU34" s="281">
        <v>1</v>
      </c>
      <c r="DV34" s="278">
        <v>3</v>
      </c>
      <c r="DW34" s="280">
        <v>0</v>
      </c>
      <c r="DX34" s="281">
        <v>2</v>
      </c>
      <c r="DY34" s="281">
        <v>3</v>
      </c>
      <c r="DZ34" s="281">
        <v>2</v>
      </c>
      <c r="EA34" s="281">
        <v>3</v>
      </c>
      <c r="EB34" s="281">
        <v>0</v>
      </c>
      <c r="EC34" s="278">
        <v>10</v>
      </c>
      <c r="ED34" s="283">
        <v>13</v>
      </c>
      <c r="EE34" s="277">
        <v>0</v>
      </c>
      <c r="EF34" s="281">
        <v>0</v>
      </c>
      <c r="EG34" s="278">
        <v>0</v>
      </c>
      <c r="EH34" s="280">
        <v>0</v>
      </c>
      <c r="EI34" s="281">
        <v>1</v>
      </c>
      <c r="EJ34" s="281">
        <v>1</v>
      </c>
      <c r="EK34" s="281">
        <v>0</v>
      </c>
      <c r="EL34" s="281">
        <v>1</v>
      </c>
      <c r="EM34" s="281">
        <v>1</v>
      </c>
      <c r="EN34" s="278">
        <v>4</v>
      </c>
      <c r="EO34" s="283">
        <v>4</v>
      </c>
      <c r="EP34" s="277">
        <v>3</v>
      </c>
      <c r="EQ34" s="281">
        <v>1</v>
      </c>
      <c r="ER34" s="278">
        <v>4</v>
      </c>
      <c r="ES34" s="280">
        <v>0</v>
      </c>
      <c r="ET34" s="281">
        <v>6</v>
      </c>
      <c r="EU34" s="281">
        <v>6</v>
      </c>
      <c r="EV34" s="281">
        <v>2</v>
      </c>
      <c r="EW34" s="281">
        <v>3</v>
      </c>
      <c r="EX34" s="281">
        <v>0</v>
      </c>
      <c r="EY34" s="278">
        <v>17</v>
      </c>
      <c r="EZ34" s="283">
        <v>21</v>
      </c>
    </row>
    <row r="35" spans="2:156" ht="19.5" customHeight="1" x14ac:dyDescent="0.2">
      <c r="B35" s="262" t="s">
        <v>33</v>
      </c>
      <c r="C35" s="277">
        <v>0</v>
      </c>
      <c r="D35" s="281">
        <v>0</v>
      </c>
      <c r="E35" s="385">
        <v>0</v>
      </c>
      <c r="F35" s="280">
        <v>0</v>
      </c>
      <c r="G35" s="281">
        <v>1</v>
      </c>
      <c r="H35" s="281">
        <v>0</v>
      </c>
      <c r="I35" s="281">
        <v>2</v>
      </c>
      <c r="J35" s="281">
        <v>1</v>
      </c>
      <c r="K35" s="281">
        <v>0</v>
      </c>
      <c r="L35" s="282">
        <v>4</v>
      </c>
      <c r="M35" s="283">
        <v>4</v>
      </c>
      <c r="N35" s="277">
        <v>0</v>
      </c>
      <c r="O35" s="281">
        <v>0</v>
      </c>
      <c r="P35" s="278">
        <v>0</v>
      </c>
      <c r="Q35" s="280">
        <v>0</v>
      </c>
      <c r="R35" s="281">
        <v>0</v>
      </c>
      <c r="S35" s="281">
        <v>0</v>
      </c>
      <c r="T35" s="281">
        <v>0</v>
      </c>
      <c r="U35" s="281">
        <v>1</v>
      </c>
      <c r="V35" s="281">
        <v>0</v>
      </c>
      <c r="W35" s="278">
        <v>1</v>
      </c>
      <c r="X35" s="283">
        <v>1</v>
      </c>
      <c r="Y35" s="277">
        <v>0</v>
      </c>
      <c r="Z35" s="281">
        <v>0</v>
      </c>
      <c r="AA35" s="278">
        <v>0</v>
      </c>
      <c r="AB35" s="280">
        <v>0</v>
      </c>
      <c r="AC35" s="281">
        <v>1</v>
      </c>
      <c r="AD35" s="281">
        <v>1</v>
      </c>
      <c r="AE35" s="281">
        <v>2</v>
      </c>
      <c r="AF35" s="281">
        <v>1</v>
      </c>
      <c r="AG35" s="281">
        <v>1</v>
      </c>
      <c r="AH35" s="278">
        <v>6</v>
      </c>
      <c r="AI35" s="283">
        <v>6</v>
      </c>
      <c r="AJ35" s="277">
        <v>1</v>
      </c>
      <c r="AK35" s="281">
        <v>0</v>
      </c>
      <c r="AL35" s="278">
        <v>1</v>
      </c>
      <c r="AM35" s="280">
        <v>0</v>
      </c>
      <c r="AN35" s="281">
        <v>1</v>
      </c>
      <c r="AO35" s="281">
        <v>1</v>
      </c>
      <c r="AP35" s="281">
        <v>1</v>
      </c>
      <c r="AQ35" s="281">
        <v>2</v>
      </c>
      <c r="AR35" s="281">
        <v>0</v>
      </c>
      <c r="AS35" s="278">
        <v>5</v>
      </c>
      <c r="AT35" s="283">
        <v>6</v>
      </c>
      <c r="AU35" s="277">
        <v>1</v>
      </c>
      <c r="AV35" s="281">
        <v>0</v>
      </c>
      <c r="AW35" s="278">
        <v>1</v>
      </c>
      <c r="AX35" s="280">
        <v>0</v>
      </c>
      <c r="AY35" s="281">
        <v>2</v>
      </c>
      <c r="AZ35" s="281">
        <v>1</v>
      </c>
      <c r="BA35" s="281">
        <v>3</v>
      </c>
      <c r="BB35" s="281">
        <v>1</v>
      </c>
      <c r="BC35" s="281">
        <v>1</v>
      </c>
      <c r="BD35" s="282">
        <v>8</v>
      </c>
      <c r="BE35" s="283">
        <v>9</v>
      </c>
      <c r="BF35" s="277">
        <v>0</v>
      </c>
      <c r="BG35" s="281">
        <v>0</v>
      </c>
      <c r="BH35" s="278">
        <v>0</v>
      </c>
      <c r="BI35" s="280">
        <v>0</v>
      </c>
      <c r="BJ35" s="281">
        <v>2</v>
      </c>
      <c r="BK35" s="281">
        <v>0</v>
      </c>
      <c r="BL35" s="281">
        <v>0</v>
      </c>
      <c r="BM35" s="281">
        <v>1</v>
      </c>
      <c r="BN35" s="281">
        <v>0</v>
      </c>
      <c r="BO35" s="278">
        <v>3</v>
      </c>
      <c r="BP35" s="283">
        <v>3</v>
      </c>
      <c r="BQ35" s="277">
        <v>0</v>
      </c>
      <c r="BR35" s="281">
        <v>0</v>
      </c>
      <c r="BS35" s="278">
        <v>0</v>
      </c>
      <c r="BT35" s="280">
        <v>0</v>
      </c>
      <c r="BU35" s="281">
        <v>3</v>
      </c>
      <c r="BV35" s="281">
        <v>0</v>
      </c>
      <c r="BW35" s="281">
        <v>0</v>
      </c>
      <c r="BX35" s="281">
        <v>0</v>
      </c>
      <c r="BY35" s="281">
        <v>0</v>
      </c>
      <c r="BZ35" s="278">
        <v>3</v>
      </c>
      <c r="CA35" s="283">
        <v>3</v>
      </c>
      <c r="CB35" s="277">
        <v>0</v>
      </c>
      <c r="CC35" s="281">
        <v>0</v>
      </c>
      <c r="CD35" s="278">
        <v>0</v>
      </c>
      <c r="CE35" s="280">
        <v>0</v>
      </c>
      <c r="CF35" s="281">
        <v>0</v>
      </c>
      <c r="CG35" s="281">
        <v>0</v>
      </c>
      <c r="CH35" s="281">
        <v>1</v>
      </c>
      <c r="CI35" s="281">
        <v>0</v>
      </c>
      <c r="CJ35" s="281">
        <v>0</v>
      </c>
      <c r="CK35" s="278">
        <v>1</v>
      </c>
      <c r="CL35" s="283">
        <v>1</v>
      </c>
      <c r="CM35" s="277">
        <v>0</v>
      </c>
      <c r="CN35" s="281">
        <v>0</v>
      </c>
      <c r="CO35" s="278">
        <v>0</v>
      </c>
      <c r="CP35" s="280">
        <v>0</v>
      </c>
      <c r="CQ35" s="281">
        <v>0</v>
      </c>
      <c r="CR35" s="281">
        <v>0</v>
      </c>
      <c r="CS35" s="281">
        <v>0</v>
      </c>
      <c r="CT35" s="281">
        <v>0</v>
      </c>
      <c r="CU35" s="281">
        <v>0</v>
      </c>
      <c r="CV35" s="278">
        <v>0</v>
      </c>
      <c r="CW35" s="283">
        <v>0</v>
      </c>
      <c r="CX35" s="277">
        <v>0</v>
      </c>
      <c r="CY35" s="281">
        <v>0</v>
      </c>
      <c r="CZ35" s="278">
        <v>0</v>
      </c>
      <c r="DA35" s="280">
        <v>0</v>
      </c>
      <c r="DB35" s="281">
        <v>0</v>
      </c>
      <c r="DC35" s="281">
        <v>0</v>
      </c>
      <c r="DD35" s="281">
        <v>0</v>
      </c>
      <c r="DE35" s="281">
        <v>0</v>
      </c>
      <c r="DF35" s="281">
        <v>0</v>
      </c>
      <c r="DG35" s="278">
        <v>0</v>
      </c>
      <c r="DH35" s="283">
        <v>0</v>
      </c>
      <c r="DI35" s="277">
        <v>0</v>
      </c>
      <c r="DJ35" s="281">
        <v>0</v>
      </c>
      <c r="DK35" s="278">
        <v>0</v>
      </c>
      <c r="DL35" s="280">
        <v>0</v>
      </c>
      <c r="DM35" s="281">
        <v>0</v>
      </c>
      <c r="DN35" s="281">
        <v>0</v>
      </c>
      <c r="DO35" s="281">
        <v>0</v>
      </c>
      <c r="DP35" s="281">
        <v>0</v>
      </c>
      <c r="DQ35" s="281">
        <v>0</v>
      </c>
      <c r="DR35" s="278">
        <v>0</v>
      </c>
      <c r="DS35" s="283">
        <v>0</v>
      </c>
      <c r="DT35" s="277">
        <v>0</v>
      </c>
      <c r="DU35" s="281">
        <v>1</v>
      </c>
      <c r="DV35" s="278">
        <v>1</v>
      </c>
      <c r="DW35" s="280">
        <v>0</v>
      </c>
      <c r="DX35" s="281">
        <v>1</v>
      </c>
      <c r="DY35" s="281">
        <v>2</v>
      </c>
      <c r="DZ35" s="281">
        <v>2</v>
      </c>
      <c r="EA35" s="281">
        <v>2</v>
      </c>
      <c r="EB35" s="281">
        <v>2</v>
      </c>
      <c r="EC35" s="278">
        <v>9</v>
      </c>
      <c r="ED35" s="283">
        <v>10</v>
      </c>
      <c r="EE35" s="277">
        <v>1</v>
      </c>
      <c r="EF35" s="281">
        <v>0</v>
      </c>
      <c r="EG35" s="278">
        <v>1</v>
      </c>
      <c r="EH35" s="280">
        <v>0</v>
      </c>
      <c r="EI35" s="281">
        <v>1</v>
      </c>
      <c r="EJ35" s="281">
        <v>1</v>
      </c>
      <c r="EK35" s="281">
        <v>2</v>
      </c>
      <c r="EL35" s="281">
        <v>1</v>
      </c>
      <c r="EM35" s="281">
        <v>0</v>
      </c>
      <c r="EN35" s="278">
        <v>5</v>
      </c>
      <c r="EO35" s="283">
        <v>6</v>
      </c>
      <c r="EP35" s="277">
        <v>1</v>
      </c>
      <c r="EQ35" s="281">
        <v>1</v>
      </c>
      <c r="ER35" s="278">
        <v>2</v>
      </c>
      <c r="ES35" s="280">
        <v>0</v>
      </c>
      <c r="ET35" s="281">
        <v>5</v>
      </c>
      <c r="EU35" s="281">
        <v>2</v>
      </c>
      <c r="EV35" s="281">
        <v>3</v>
      </c>
      <c r="EW35" s="281">
        <v>4</v>
      </c>
      <c r="EX35" s="281">
        <v>1</v>
      </c>
      <c r="EY35" s="278">
        <v>15</v>
      </c>
      <c r="EZ35" s="283">
        <v>17</v>
      </c>
    </row>
    <row r="36" spans="2:156" ht="19.5" customHeight="1" x14ac:dyDescent="0.2">
      <c r="B36" s="262" t="s">
        <v>34</v>
      </c>
      <c r="C36" s="277">
        <v>0</v>
      </c>
      <c r="D36" s="281">
        <v>0</v>
      </c>
      <c r="E36" s="385">
        <v>0</v>
      </c>
      <c r="F36" s="280">
        <v>0</v>
      </c>
      <c r="G36" s="281">
        <v>1</v>
      </c>
      <c r="H36" s="281">
        <v>0</v>
      </c>
      <c r="I36" s="281">
        <v>2</v>
      </c>
      <c r="J36" s="281">
        <v>1</v>
      </c>
      <c r="K36" s="281">
        <v>0</v>
      </c>
      <c r="L36" s="282">
        <v>4</v>
      </c>
      <c r="M36" s="283">
        <v>4</v>
      </c>
      <c r="N36" s="277">
        <v>0</v>
      </c>
      <c r="O36" s="281">
        <v>0</v>
      </c>
      <c r="P36" s="278">
        <v>0</v>
      </c>
      <c r="Q36" s="280">
        <v>0</v>
      </c>
      <c r="R36" s="281">
        <v>0</v>
      </c>
      <c r="S36" s="281">
        <v>0</v>
      </c>
      <c r="T36" s="281">
        <v>0</v>
      </c>
      <c r="U36" s="281">
        <v>0</v>
      </c>
      <c r="V36" s="281">
        <v>0</v>
      </c>
      <c r="W36" s="278">
        <v>0</v>
      </c>
      <c r="X36" s="283">
        <v>0</v>
      </c>
      <c r="Y36" s="277">
        <v>0</v>
      </c>
      <c r="Z36" s="281">
        <v>0</v>
      </c>
      <c r="AA36" s="278">
        <v>0</v>
      </c>
      <c r="AB36" s="280">
        <v>0</v>
      </c>
      <c r="AC36" s="281">
        <v>0</v>
      </c>
      <c r="AD36" s="281">
        <v>0</v>
      </c>
      <c r="AE36" s="281">
        <v>0</v>
      </c>
      <c r="AF36" s="281">
        <v>0</v>
      </c>
      <c r="AG36" s="281">
        <v>0</v>
      </c>
      <c r="AH36" s="278">
        <v>0</v>
      </c>
      <c r="AI36" s="283">
        <v>0</v>
      </c>
      <c r="AJ36" s="277">
        <v>0</v>
      </c>
      <c r="AK36" s="281">
        <v>0</v>
      </c>
      <c r="AL36" s="278">
        <v>0</v>
      </c>
      <c r="AM36" s="280">
        <v>0</v>
      </c>
      <c r="AN36" s="281">
        <v>0</v>
      </c>
      <c r="AO36" s="281">
        <v>0</v>
      </c>
      <c r="AP36" s="281">
        <v>1</v>
      </c>
      <c r="AQ36" s="281">
        <v>0</v>
      </c>
      <c r="AR36" s="281">
        <v>0</v>
      </c>
      <c r="AS36" s="278">
        <v>1</v>
      </c>
      <c r="AT36" s="283">
        <v>1</v>
      </c>
      <c r="AU36" s="277">
        <v>0</v>
      </c>
      <c r="AV36" s="281">
        <v>0</v>
      </c>
      <c r="AW36" s="278">
        <v>0</v>
      </c>
      <c r="AX36" s="280">
        <v>0</v>
      </c>
      <c r="AY36" s="281">
        <v>3</v>
      </c>
      <c r="AZ36" s="281">
        <v>2</v>
      </c>
      <c r="BA36" s="281">
        <v>1</v>
      </c>
      <c r="BB36" s="281">
        <v>1</v>
      </c>
      <c r="BC36" s="281">
        <v>0</v>
      </c>
      <c r="BD36" s="282">
        <v>7</v>
      </c>
      <c r="BE36" s="283">
        <v>7</v>
      </c>
      <c r="BF36" s="277">
        <v>0</v>
      </c>
      <c r="BG36" s="281">
        <v>0</v>
      </c>
      <c r="BH36" s="278">
        <v>0</v>
      </c>
      <c r="BI36" s="280">
        <v>0</v>
      </c>
      <c r="BJ36" s="281">
        <v>0</v>
      </c>
      <c r="BK36" s="281">
        <v>1</v>
      </c>
      <c r="BL36" s="281">
        <v>2</v>
      </c>
      <c r="BM36" s="281">
        <v>1</v>
      </c>
      <c r="BN36" s="281">
        <v>0</v>
      </c>
      <c r="BO36" s="278">
        <v>4</v>
      </c>
      <c r="BP36" s="283">
        <v>4</v>
      </c>
      <c r="BQ36" s="277">
        <v>0</v>
      </c>
      <c r="BR36" s="281">
        <v>0</v>
      </c>
      <c r="BS36" s="278">
        <v>0</v>
      </c>
      <c r="BT36" s="280">
        <v>0</v>
      </c>
      <c r="BU36" s="281">
        <v>0</v>
      </c>
      <c r="BV36" s="281">
        <v>0</v>
      </c>
      <c r="BW36" s="281">
        <v>0</v>
      </c>
      <c r="BX36" s="281">
        <v>0</v>
      </c>
      <c r="BY36" s="281">
        <v>0</v>
      </c>
      <c r="BZ36" s="278">
        <v>0</v>
      </c>
      <c r="CA36" s="283">
        <v>0</v>
      </c>
      <c r="CB36" s="277">
        <v>0</v>
      </c>
      <c r="CC36" s="281">
        <v>0</v>
      </c>
      <c r="CD36" s="278">
        <v>0</v>
      </c>
      <c r="CE36" s="280">
        <v>0</v>
      </c>
      <c r="CF36" s="281">
        <v>0</v>
      </c>
      <c r="CG36" s="281">
        <v>0</v>
      </c>
      <c r="CH36" s="281">
        <v>0</v>
      </c>
      <c r="CI36" s="281">
        <v>0</v>
      </c>
      <c r="CJ36" s="281">
        <v>0</v>
      </c>
      <c r="CK36" s="278">
        <v>0</v>
      </c>
      <c r="CL36" s="283">
        <v>0</v>
      </c>
      <c r="CM36" s="277">
        <v>0</v>
      </c>
      <c r="CN36" s="281">
        <v>0</v>
      </c>
      <c r="CO36" s="278">
        <v>0</v>
      </c>
      <c r="CP36" s="280">
        <v>0</v>
      </c>
      <c r="CQ36" s="281">
        <v>0</v>
      </c>
      <c r="CR36" s="281">
        <v>0</v>
      </c>
      <c r="CS36" s="281">
        <v>0</v>
      </c>
      <c r="CT36" s="281">
        <v>0</v>
      </c>
      <c r="CU36" s="281">
        <v>0</v>
      </c>
      <c r="CV36" s="278">
        <v>0</v>
      </c>
      <c r="CW36" s="283">
        <v>0</v>
      </c>
      <c r="CX36" s="277">
        <v>0</v>
      </c>
      <c r="CY36" s="281">
        <v>0</v>
      </c>
      <c r="CZ36" s="278">
        <v>0</v>
      </c>
      <c r="DA36" s="280">
        <v>0</v>
      </c>
      <c r="DB36" s="281">
        <v>0</v>
      </c>
      <c r="DC36" s="281">
        <v>0</v>
      </c>
      <c r="DD36" s="281">
        <v>0</v>
      </c>
      <c r="DE36" s="281">
        <v>0</v>
      </c>
      <c r="DF36" s="281">
        <v>0</v>
      </c>
      <c r="DG36" s="278">
        <v>0</v>
      </c>
      <c r="DH36" s="283">
        <v>0</v>
      </c>
      <c r="DI36" s="277">
        <v>0</v>
      </c>
      <c r="DJ36" s="281">
        <v>0</v>
      </c>
      <c r="DK36" s="278">
        <v>0</v>
      </c>
      <c r="DL36" s="280">
        <v>0</v>
      </c>
      <c r="DM36" s="281">
        <v>0</v>
      </c>
      <c r="DN36" s="281">
        <v>0</v>
      </c>
      <c r="DO36" s="281">
        <v>0</v>
      </c>
      <c r="DP36" s="281">
        <v>0</v>
      </c>
      <c r="DQ36" s="281">
        <v>0</v>
      </c>
      <c r="DR36" s="278">
        <v>0</v>
      </c>
      <c r="DS36" s="283">
        <v>0</v>
      </c>
      <c r="DT36" s="277">
        <v>0</v>
      </c>
      <c r="DU36" s="281">
        <v>1</v>
      </c>
      <c r="DV36" s="278">
        <v>1</v>
      </c>
      <c r="DW36" s="280">
        <v>0</v>
      </c>
      <c r="DX36" s="281">
        <v>2</v>
      </c>
      <c r="DY36" s="281">
        <v>0</v>
      </c>
      <c r="DZ36" s="281">
        <v>3</v>
      </c>
      <c r="EA36" s="281">
        <v>2</v>
      </c>
      <c r="EB36" s="281">
        <v>0</v>
      </c>
      <c r="EC36" s="278">
        <v>7</v>
      </c>
      <c r="ED36" s="283">
        <v>8</v>
      </c>
      <c r="EE36" s="277">
        <v>0</v>
      </c>
      <c r="EF36" s="281">
        <v>0</v>
      </c>
      <c r="EG36" s="278">
        <v>0</v>
      </c>
      <c r="EH36" s="280">
        <v>0</v>
      </c>
      <c r="EI36" s="281">
        <v>0</v>
      </c>
      <c r="EJ36" s="281">
        <v>1</v>
      </c>
      <c r="EK36" s="281">
        <v>0</v>
      </c>
      <c r="EL36" s="281">
        <v>0</v>
      </c>
      <c r="EM36" s="281">
        <v>0</v>
      </c>
      <c r="EN36" s="278">
        <v>1</v>
      </c>
      <c r="EO36" s="283">
        <v>1</v>
      </c>
      <c r="EP36" s="277">
        <v>0</v>
      </c>
      <c r="EQ36" s="281">
        <v>1</v>
      </c>
      <c r="ER36" s="278">
        <v>1</v>
      </c>
      <c r="ES36" s="280">
        <v>0</v>
      </c>
      <c r="ET36" s="281">
        <v>2</v>
      </c>
      <c r="EU36" s="281">
        <v>1</v>
      </c>
      <c r="EV36" s="281">
        <v>4</v>
      </c>
      <c r="EW36" s="281">
        <v>2</v>
      </c>
      <c r="EX36" s="281">
        <v>0</v>
      </c>
      <c r="EY36" s="278">
        <v>9</v>
      </c>
      <c r="EZ36" s="283">
        <v>10</v>
      </c>
    </row>
    <row r="37" spans="2:156" ht="19.5" customHeight="1" x14ac:dyDescent="0.2">
      <c r="B37" s="262" t="s">
        <v>35</v>
      </c>
      <c r="C37" s="277">
        <v>0</v>
      </c>
      <c r="D37" s="281">
        <v>0</v>
      </c>
      <c r="E37" s="385">
        <v>0</v>
      </c>
      <c r="F37" s="280">
        <v>0</v>
      </c>
      <c r="G37" s="281">
        <v>7</v>
      </c>
      <c r="H37" s="281">
        <v>3</v>
      </c>
      <c r="I37" s="281">
        <v>3</v>
      </c>
      <c r="J37" s="281">
        <v>1</v>
      </c>
      <c r="K37" s="281">
        <v>0</v>
      </c>
      <c r="L37" s="282">
        <v>14</v>
      </c>
      <c r="M37" s="283">
        <v>14</v>
      </c>
      <c r="N37" s="277">
        <v>0</v>
      </c>
      <c r="O37" s="281">
        <v>0</v>
      </c>
      <c r="P37" s="278">
        <v>0</v>
      </c>
      <c r="Q37" s="280">
        <v>0</v>
      </c>
      <c r="R37" s="281">
        <v>0</v>
      </c>
      <c r="S37" s="281">
        <v>0</v>
      </c>
      <c r="T37" s="281">
        <v>0</v>
      </c>
      <c r="U37" s="281">
        <v>0</v>
      </c>
      <c r="V37" s="281">
        <v>0</v>
      </c>
      <c r="W37" s="278">
        <v>0</v>
      </c>
      <c r="X37" s="283">
        <v>0</v>
      </c>
      <c r="Y37" s="277">
        <v>0</v>
      </c>
      <c r="Z37" s="281">
        <v>0</v>
      </c>
      <c r="AA37" s="278">
        <v>0</v>
      </c>
      <c r="AB37" s="280">
        <v>0</v>
      </c>
      <c r="AC37" s="281">
        <v>1</v>
      </c>
      <c r="AD37" s="281">
        <v>1</v>
      </c>
      <c r="AE37" s="281">
        <v>2</v>
      </c>
      <c r="AF37" s="281">
        <v>2</v>
      </c>
      <c r="AG37" s="281">
        <v>0</v>
      </c>
      <c r="AH37" s="278">
        <v>6</v>
      </c>
      <c r="AI37" s="283">
        <v>6</v>
      </c>
      <c r="AJ37" s="277">
        <v>0</v>
      </c>
      <c r="AK37" s="281">
        <v>0</v>
      </c>
      <c r="AL37" s="278">
        <v>0</v>
      </c>
      <c r="AM37" s="280">
        <v>0</v>
      </c>
      <c r="AN37" s="281">
        <v>2</v>
      </c>
      <c r="AO37" s="281">
        <v>0</v>
      </c>
      <c r="AP37" s="281">
        <v>1</v>
      </c>
      <c r="AQ37" s="281">
        <v>0</v>
      </c>
      <c r="AR37" s="281">
        <v>0</v>
      </c>
      <c r="AS37" s="278">
        <v>3</v>
      </c>
      <c r="AT37" s="283">
        <v>3</v>
      </c>
      <c r="AU37" s="277">
        <v>3</v>
      </c>
      <c r="AV37" s="281">
        <v>2</v>
      </c>
      <c r="AW37" s="278">
        <v>5</v>
      </c>
      <c r="AX37" s="280">
        <v>0</v>
      </c>
      <c r="AY37" s="281">
        <v>4</v>
      </c>
      <c r="AZ37" s="281">
        <v>4</v>
      </c>
      <c r="BA37" s="281">
        <v>3</v>
      </c>
      <c r="BB37" s="281">
        <v>7</v>
      </c>
      <c r="BC37" s="281">
        <v>0</v>
      </c>
      <c r="BD37" s="282">
        <v>18</v>
      </c>
      <c r="BE37" s="283">
        <v>23</v>
      </c>
      <c r="BF37" s="277">
        <v>0</v>
      </c>
      <c r="BG37" s="281">
        <v>0</v>
      </c>
      <c r="BH37" s="278">
        <v>0</v>
      </c>
      <c r="BI37" s="280">
        <v>0</v>
      </c>
      <c r="BJ37" s="281">
        <v>5</v>
      </c>
      <c r="BK37" s="281">
        <v>2</v>
      </c>
      <c r="BL37" s="281">
        <v>0</v>
      </c>
      <c r="BM37" s="281">
        <v>1</v>
      </c>
      <c r="BN37" s="281">
        <v>0</v>
      </c>
      <c r="BO37" s="278">
        <v>8</v>
      </c>
      <c r="BP37" s="283">
        <v>8</v>
      </c>
      <c r="BQ37" s="277">
        <v>1</v>
      </c>
      <c r="BR37" s="281">
        <v>2</v>
      </c>
      <c r="BS37" s="278">
        <v>3</v>
      </c>
      <c r="BT37" s="280">
        <v>0</v>
      </c>
      <c r="BU37" s="281">
        <v>0</v>
      </c>
      <c r="BV37" s="281">
        <v>3</v>
      </c>
      <c r="BW37" s="281">
        <v>0</v>
      </c>
      <c r="BX37" s="281">
        <v>1</v>
      </c>
      <c r="BY37" s="281">
        <v>0</v>
      </c>
      <c r="BZ37" s="278">
        <v>4</v>
      </c>
      <c r="CA37" s="283">
        <v>7</v>
      </c>
      <c r="CB37" s="277">
        <v>0</v>
      </c>
      <c r="CC37" s="281">
        <v>0</v>
      </c>
      <c r="CD37" s="278">
        <v>0</v>
      </c>
      <c r="CE37" s="280">
        <v>0</v>
      </c>
      <c r="CF37" s="281">
        <v>0</v>
      </c>
      <c r="CG37" s="281">
        <v>0</v>
      </c>
      <c r="CH37" s="281">
        <v>0</v>
      </c>
      <c r="CI37" s="281">
        <v>0</v>
      </c>
      <c r="CJ37" s="281">
        <v>0</v>
      </c>
      <c r="CK37" s="278">
        <v>0</v>
      </c>
      <c r="CL37" s="283">
        <v>0</v>
      </c>
      <c r="CM37" s="277">
        <v>0</v>
      </c>
      <c r="CN37" s="281">
        <v>0</v>
      </c>
      <c r="CO37" s="278">
        <v>0</v>
      </c>
      <c r="CP37" s="280">
        <v>0</v>
      </c>
      <c r="CQ37" s="281">
        <v>0</v>
      </c>
      <c r="CR37" s="281">
        <v>0</v>
      </c>
      <c r="CS37" s="281">
        <v>0</v>
      </c>
      <c r="CT37" s="281">
        <v>0</v>
      </c>
      <c r="CU37" s="281">
        <v>0</v>
      </c>
      <c r="CV37" s="278">
        <v>0</v>
      </c>
      <c r="CW37" s="283">
        <v>0</v>
      </c>
      <c r="CX37" s="277">
        <v>0</v>
      </c>
      <c r="CY37" s="281">
        <v>0</v>
      </c>
      <c r="CZ37" s="278">
        <v>0</v>
      </c>
      <c r="DA37" s="280">
        <v>0</v>
      </c>
      <c r="DB37" s="281">
        <v>0</v>
      </c>
      <c r="DC37" s="281">
        <v>0</v>
      </c>
      <c r="DD37" s="281">
        <v>0</v>
      </c>
      <c r="DE37" s="281">
        <v>0</v>
      </c>
      <c r="DF37" s="281">
        <v>0</v>
      </c>
      <c r="DG37" s="278">
        <v>0</v>
      </c>
      <c r="DH37" s="283">
        <v>0</v>
      </c>
      <c r="DI37" s="277">
        <v>0</v>
      </c>
      <c r="DJ37" s="281">
        <v>0</v>
      </c>
      <c r="DK37" s="278">
        <v>0</v>
      </c>
      <c r="DL37" s="280">
        <v>0</v>
      </c>
      <c r="DM37" s="281">
        <v>0</v>
      </c>
      <c r="DN37" s="281">
        <v>0</v>
      </c>
      <c r="DO37" s="281">
        <v>0</v>
      </c>
      <c r="DP37" s="281">
        <v>0</v>
      </c>
      <c r="DQ37" s="281">
        <v>0</v>
      </c>
      <c r="DR37" s="278">
        <v>0</v>
      </c>
      <c r="DS37" s="283">
        <v>0</v>
      </c>
      <c r="DT37" s="277">
        <v>2</v>
      </c>
      <c r="DU37" s="281">
        <v>1</v>
      </c>
      <c r="DV37" s="278">
        <v>3</v>
      </c>
      <c r="DW37" s="280">
        <v>0</v>
      </c>
      <c r="DX37" s="281">
        <v>7</v>
      </c>
      <c r="DY37" s="281">
        <v>8</v>
      </c>
      <c r="DZ37" s="281">
        <v>3</v>
      </c>
      <c r="EA37" s="281">
        <v>3</v>
      </c>
      <c r="EB37" s="281">
        <v>1</v>
      </c>
      <c r="EC37" s="278">
        <v>22</v>
      </c>
      <c r="ED37" s="283">
        <v>25</v>
      </c>
      <c r="EE37" s="277">
        <v>3</v>
      </c>
      <c r="EF37" s="281">
        <v>2</v>
      </c>
      <c r="EG37" s="278">
        <v>5</v>
      </c>
      <c r="EH37" s="280">
        <v>0</v>
      </c>
      <c r="EI37" s="281">
        <v>3</v>
      </c>
      <c r="EJ37" s="281">
        <v>1</v>
      </c>
      <c r="EK37" s="281">
        <v>3</v>
      </c>
      <c r="EL37" s="281">
        <v>3</v>
      </c>
      <c r="EM37" s="281">
        <v>0</v>
      </c>
      <c r="EN37" s="278">
        <v>10</v>
      </c>
      <c r="EO37" s="283">
        <v>15</v>
      </c>
      <c r="EP37" s="277">
        <v>2</v>
      </c>
      <c r="EQ37" s="281">
        <v>3</v>
      </c>
      <c r="ER37" s="278">
        <v>5</v>
      </c>
      <c r="ES37" s="280">
        <v>0</v>
      </c>
      <c r="ET37" s="281">
        <v>13</v>
      </c>
      <c r="EU37" s="281">
        <v>8</v>
      </c>
      <c r="EV37" s="281">
        <v>3</v>
      </c>
      <c r="EW37" s="281">
        <v>3</v>
      </c>
      <c r="EX37" s="281">
        <v>1</v>
      </c>
      <c r="EY37" s="278">
        <v>28</v>
      </c>
      <c r="EZ37" s="283">
        <v>33</v>
      </c>
    </row>
    <row r="38" spans="2:156" ht="19.5" customHeight="1" x14ac:dyDescent="0.2">
      <c r="B38" s="262" t="s">
        <v>36</v>
      </c>
      <c r="C38" s="277">
        <v>0</v>
      </c>
      <c r="D38" s="281">
        <v>0</v>
      </c>
      <c r="E38" s="385">
        <v>0</v>
      </c>
      <c r="F38" s="280">
        <v>0</v>
      </c>
      <c r="G38" s="281">
        <v>3</v>
      </c>
      <c r="H38" s="281">
        <v>1</v>
      </c>
      <c r="I38" s="281">
        <v>0</v>
      </c>
      <c r="J38" s="281">
        <v>0</v>
      </c>
      <c r="K38" s="281">
        <v>0</v>
      </c>
      <c r="L38" s="282">
        <v>4</v>
      </c>
      <c r="M38" s="283">
        <v>4</v>
      </c>
      <c r="N38" s="277">
        <v>0</v>
      </c>
      <c r="O38" s="281">
        <v>0</v>
      </c>
      <c r="P38" s="278">
        <v>0</v>
      </c>
      <c r="Q38" s="280">
        <v>0</v>
      </c>
      <c r="R38" s="281">
        <v>0</v>
      </c>
      <c r="S38" s="281">
        <v>0</v>
      </c>
      <c r="T38" s="281">
        <v>0</v>
      </c>
      <c r="U38" s="281">
        <v>0</v>
      </c>
      <c r="V38" s="281">
        <v>0</v>
      </c>
      <c r="W38" s="278">
        <v>0</v>
      </c>
      <c r="X38" s="283">
        <v>0</v>
      </c>
      <c r="Y38" s="277">
        <v>1</v>
      </c>
      <c r="Z38" s="281">
        <v>3</v>
      </c>
      <c r="AA38" s="278">
        <v>4</v>
      </c>
      <c r="AB38" s="280">
        <v>0</v>
      </c>
      <c r="AC38" s="281">
        <v>4</v>
      </c>
      <c r="AD38" s="281">
        <v>3</v>
      </c>
      <c r="AE38" s="281">
        <v>0</v>
      </c>
      <c r="AF38" s="281">
        <v>0</v>
      </c>
      <c r="AG38" s="281">
        <v>0</v>
      </c>
      <c r="AH38" s="278">
        <v>7</v>
      </c>
      <c r="AI38" s="283">
        <v>11</v>
      </c>
      <c r="AJ38" s="277">
        <v>0</v>
      </c>
      <c r="AK38" s="281">
        <v>0</v>
      </c>
      <c r="AL38" s="278">
        <v>0</v>
      </c>
      <c r="AM38" s="280">
        <v>0</v>
      </c>
      <c r="AN38" s="281">
        <v>2</v>
      </c>
      <c r="AO38" s="281">
        <v>0</v>
      </c>
      <c r="AP38" s="281">
        <v>0</v>
      </c>
      <c r="AQ38" s="281">
        <v>0</v>
      </c>
      <c r="AR38" s="281">
        <v>1</v>
      </c>
      <c r="AS38" s="278">
        <v>3</v>
      </c>
      <c r="AT38" s="283">
        <v>3</v>
      </c>
      <c r="AU38" s="277">
        <v>0</v>
      </c>
      <c r="AV38" s="281">
        <v>0</v>
      </c>
      <c r="AW38" s="278">
        <v>0</v>
      </c>
      <c r="AX38" s="280">
        <v>0</v>
      </c>
      <c r="AY38" s="281">
        <v>1</v>
      </c>
      <c r="AZ38" s="281">
        <v>3</v>
      </c>
      <c r="BA38" s="281">
        <v>3</v>
      </c>
      <c r="BB38" s="281">
        <v>3</v>
      </c>
      <c r="BC38" s="281">
        <v>0</v>
      </c>
      <c r="BD38" s="282">
        <v>10</v>
      </c>
      <c r="BE38" s="283">
        <v>10</v>
      </c>
      <c r="BF38" s="277">
        <v>0</v>
      </c>
      <c r="BG38" s="281">
        <v>0</v>
      </c>
      <c r="BH38" s="278">
        <v>0</v>
      </c>
      <c r="BI38" s="280">
        <v>0</v>
      </c>
      <c r="BJ38" s="281">
        <v>3</v>
      </c>
      <c r="BK38" s="281">
        <v>4</v>
      </c>
      <c r="BL38" s="281">
        <v>1</v>
      </c>
      <c r="BM38" s="281">
        <v>0</v>
      </c>
      <c r="BN38" s="281">
        <v>0</v>
      </c>
      <c r="BO38" s="278">
        <v>8</v>
      </c>
      <c r="BP38" s="283">
        <v>8</v>
      </c>
      <c r="BQ38" s="277">
        <v>0</v>
      </c>
      <c r="BR38" s="281">
        <v>0</v>
      </c>
      <c r="BS38" s="278">
        <v>0</v>
      </c>
      <c r="BT38" s="280">
        <v>0</v>
      </c>
      <c r="BU38" s="281">
        <v>1</v>
      </c>
      <c r="BV38" s="281">
        <v>0</v>
      </c>
      <c r="BW38" s="281">
        <v>0</v>
      </c>
      <c r="BX38" s="281">
        <v>0</v>
      </c>
      <c r="BY38" s="281">
        <v>0</v>
      </c>
      <c r="BZ38" s="278">
        <v>1</v>
      </c>
      <c r="CA38" s="283">
        <v>1</v>
      </c>
      <c r="CB38" s="277">
        <v>0</v>
      </c>
      <c r="CC38" s="281">
        <v>0</v>
      </c>
      <c r="CD38" s="278">
        <v>0</v>
      </c>
      <c r="CE38" s="280">
        <v>0</v>
      </c>
      <c r="CF38" s="281">
        <v>0</v>
      </c>
      <c r="CG38" s="281">
        <v>1</v>
      </c>
      <c r="CH38" s="281">
        <v>1</v>
      </c>
      <c r="CI38" s="281">
        <v>1</v>
      </c>
      <c r="CJ38" s="281">
        <v>0</v>
      </c>
      <c r="CK38" s="278">
        <v>3</v>
      </c>
      <c r="CL38" s="283">
        <v>3</v>
      </c>
      <c r="CM38" s="277">
        <v>0</v>
      </c>
      <c r="CN38" s="281">
        <v>0</v>
      </c>
      <c r="CO38" s="278">
        <v>0</v>
      </c>
      <c r="CP38" s="280">
        <v>0</v>
      </c>
      <c r="CQ38" s="281">
        <v>0</v>
      </c>
      <c r="CR38" s="281">
        <v>0</v>
      </c>
      <c r="CS38" s="281">
        <v>0</v>
      </c>
      <c r="CT38" s="281">
        <v>0</v>
      </c>
      <c r="CU38" s="281">
        <v>0</v>
      </c>
      <c r="CV38" s="278">
        <v>0</v>
      </c>
      <c r="CW38" s="283">
        <v>0</v>
      </c>
      <c r="CX38" s="277">
        <v>0</v>
      </c>
      <c r="CY38" s="281">
        <v>0</v>
      </c>
      <c r="CZ38" s="278">
        <v>0</v>
      </c>
      <c r="DA38" s="280">
        <v>0</v>
      </c>
      <c r="DB38" s="281">
        <v>0</v>
      </c>
      <c r="DC38" s="281">
        <v>0</v>
      </c>
      <c r="DD38" s="281">
        <v>0</v>
      </c>
      <c r="DE38" s="281">
        <v>0</v>
      </c>
      <c r="DF38" s="281">
        <v>0</v>
      </c>
      <c r="DG38" s="278">
        <v>0</v>
      </c>
      <c r="DH38" s="283">
        <v>0</v>
      </c>
      <c r="DI38" s="277">
        <v>0</v>
      </c>
      <c r="DJ38" s="281">
        <v>0</v>
      </c>
      <c r="DK38" s="278">
        <v>0</v>
      </c>
      <c r="DL38" s="280">
        <v>0</v>
      </c>
      <c r="DM38" s="281">
        <v>0</v>
      </c>
      <c r="DN38" s="281">
        <v>0</v>
      </c>
      <c r="DO38" s="281">
        <v>0</v>
      </c>
      <c r="DP38" s="281">
        <v>0</v>
      </c>
      <c r="DQ38" s="281">
        <v>0</v>
      </c>
      <c r="DR38" s="278">
        <v>0</v>
      </c>
      <c r="DS38" s="283">
        <v>0</v>
      </c>
      <c r="DT38" s="277">
        <v>0</v>
      </c>
      <c r="DU38" s="281">
        <v>1</v>
      </c>
      <c r="DV38" s="278">
        <v>1</v>
      </c>
      <c r="DW38" s="280">
        <v>0</v>
      </c>
      <c r="DX38" s="281">
        <v>3</v>
      </c>
      <c r="DY38" s="281">
        <v>6</v>
      </c>
      <c r="DZ38" s="281">
        <v>1</v>
      </c>
      <c r="EA38" s="281">
        <v>2</v>
      </c>
      <c r="EB38" s="281">
        <v>1</v>
      </c>
      <c r="EC38" s="278">
        <v>13</v>
      </c>
      <c r="ED38" s="283">
        <v>14</v>
      </c>
      <c r="EE38" s="277">
        <v>0</v>
      </c>
      <c r="EF38" s="281">
        <v>0</v>
      </c>
      <c r="EG38" s="278">
        <v>0</v>
      </c>
      <c r="EH38" s="280">
        <v>0</v>
      </c>
      <c r="EI38" s="281">
        <v>0</v>
      </c>
      <c r="EJ38" s="281">
        <v>3</v>
      </c>
      <c r="EK38" s="281">
        <v>1</v>
      </c>
      <c r="EL38" s="281">
        <v>3</v>
      </c>
      <c r="EM38" s="281">
        <v>0</v>
      </c>
      <c r="EN38" s="278">
        <v>7</v>
      </c>
      <c r="EO38" s="283">
        <v>7</v>
      </c>
      <c r="EP38" s="277">
        <v>1</v>
      </c>
      <c r="EQ38" s="281">
        <v>4</v>
      </c>
      <c r="ER38" s="278">
        <v>5</v>
      </c>
      <c r="ES38" s="280">
        <v>0</v>
      </c>
      <c r="ET38" s="281">
        <v>7</v>
      </c>
      <c r="EU38" s="281">
        <v>7</v>
      </c>
      <c r="EV38" s="281">
        <v>1</v>
      </c>
      <c r="EW38" s="281">
        <v>2</v>
      </c>
      <c r="EX38" s="281">
        <v>1</v>
      </c>
      <c r="EY38" s="278">
        <v>18</v>
      </c>
      <c r="EZ38" s="283">
        <v>23</v>
      </c>
    </row>
    <row r="39" spans="2:156" ht="19.5" customHeight="1" thickBot="1" x14ac:dyDescent="0.25">
      <c r="B39" s="263" t="s">
        <v>37</v>
      </c>
      <c r="C39" s="284">
        <v>0</v>
      </c>
      <c r="D39" s="288">
        <v>0</v>
      </c>
      <c r="E39" s="386">
        <v>0</v>
      </c>
      <c r="F39" s="287">
        <v>0</v>
      </c>
      <c r="G39" s="288">
        <v>0</v>
      </c>
      <c r="H39" s="288">
        <v>0</v>
      </c>
      <c r="I39" s="288">
        <v>0</v>
      </c>
      <c r="J39" s="288">
        <v>0</v>
      </c>
      <c r="K39" s="288">
        <v>1</v>
      </c>
      <c r="L39" s="289">
        <v>1</v>
      </c>
      <c r="M39" s="290">
        <v>1</v>
      </c>
      <c r="N39" s="284">
        <v>0</v>
      </c>
      <c r="O39" s="288">
        <v>0</v>
      </c>
      <c r="P39" s="285">
        <v>0</v>
      </c>
      <c r="Q39" s="287">
        <v>0</v>
      </c>
      <c r="R39" s="288">
        <v>0</v>
      </c>
      <c r="S39" s="288">
        <v>0</v>
      </c>
      <c r="T39" s="288">
        <v>0</v>
      </c>
      <c r="U39" s="288">
        <v>0</v>
      </c>
      <c r="V39" s="288">
        <v>0</v>
      </c>
      <c r="W39" s="285">
        <v>0</v>
      </c>
      <c r="X39" s="290">
        <v>0</v>
      </c>
      <c r="Y39" s="284">
        <v>0</v>
      </c>
      <c r="Z39" s="288">
        <v>0</v>
      </c>
      <c r="AA39" s="285">
        <v>0</v>
      </c>
      <c r="AB39" s="287">
        <v>0</v>
      </c>
      <c r="AC39" s="288">
        <v>0</v>
      </c>
      <c r="AD39" s="288">
        <v>0</v>
      </c>
      <c r="AE39" s="288">
        <v>1</v>
      </c>
      <c r="AF39" s="288">
        <v>0</v>
      </c>
      <c r="AG39" s="288">
        <v>1</v>
      </c>
      <c r="AH39" s="285">
        <v>2</v>
      </c>
      <c r="AI39" s="290">
        <v>2</v>
      </c>
      <c r="AJ39" s="284">
        <v>0</v>
      </c>
      <c r="AK39" s="288">
        <v>0</v>
      </c>
      <c r="AL39" s="285">
        <v>0</v>
      </c>
      <c r="AM39" s="287">
        <v>0</v>
      </c>
      <c r="AN39" s="288">
        <v>0</v>
      </c>
      <c r="AO39" s="288">
        <v>0</v>
      </c>
      <c r="AP39" s="288">
        <v>0</v>
      </c>
      <c r="AQ39" s="288">
        <v>0</v>
      </c>
      <c r="AR39" s="288">
        <v>0</v>
      </c>
      <c r="AS39" s="285">
        <v>0</v>
      </c>
      <c r="AT39" s="290">
        <v>0</v>
      </c>
      <c r="AU39" s="284">
        <v>0</v>
      </c>
      <c r="AV39" s="288">
        <v>0</v>
      </c>
      <c r="AW39" s="285">
        <v>0</v>
      </c>
      <c r="AX39" s="287">
        <v>0</v>
      </c>
      <c r="AY39" s="288">
        <v>0</v>
      </c>
      <c r="AZ39" s="288">
        <v>0</v>
      </c>
      <c r="BA39" s="288">
        <v>0</v>
      </c>
      <c r="BB39" s="288">
        <v>1</v>
      </c>
      <c r="BC39" s="288">
        <v>1</v>
      </c>
      <c r="BD39" s="289">
        <v>2</v>
      </c>
      <c r="BE39" s="290">
        <v>2</v>
      </c>
      <c r="BF39" s="284">
        <v>0</v>
      </c>
      <c r="BG39" s="288">
        <v>0</v>
      </c>
      <c r="BH39" s="285">
        <v>0</v>
      </c>
      <c r="BI39" s="287">
        <v>0</v>
      </c>
      <c r="BJ39" s="288">
        <v>0</v>
      </c>
      <c r="BK39" s="288">
        <v>0</v>
      </c>
      <c r="BL39" s="288">
        <v>0</v>
      </c>
      <c r="BM39" s="288">
        <v>0</v>
      </c>
      <c r="BN39" s="288">
        <v>0</v>
      </c>
      <c r="BO39" s="285">
        <v>0</v>
      </c>
      <c r="BP39" s="290">
        <v>0</v>
      </c>
      <c r="BQ39" s="284">
        <v>0</v>
      </c>
      <c r="BR39" s="288">
        <v>0</v>
      </c>
      <c r="BS39" s="285">
        <v>0</v>
      </c>
      <c r="BT39" s="287">
        <v>0</v>
      </c>
      <c r="BU39" s="288">
        <v>0</v>
      </c>
      <c r="BV39" s="288">
        <v>0</v>
      </c>
      <c r="BW39" s="288">
        <v>0</v>
      </c>
      <c r="BX39" s="288">
        <v>0</v>
      </c>
      <c r="BY39" s="288">
        <v>0</v>
      </c>
      <c r="BZ39" s="285">
        <v>0</v>
      </c>
      <c r="CA39" s="290">
        <v>0</v>
      </c>
      <c r="CB39" s="284">
        <v>0</v>
      </c>
      <c r="CC39" s="288">
        <v>0</v>
      </c>
      <c r="CD39" s="285">
        <v>0</v>
      </c>
      <c r="CE39" s="287">
        <v>0</v>
      </c>
      <c r="CF39" s="288">
        <v>0</v>
      </c>
      <c r="CG39" s="288">
        <v>0</v>
      </c>
      <c r="CH39" s="288">
        <v>0</v>
      </c>
      <c r="CI39" s="288">
        <v>0</v>
      </c>
      <c r="CJ39" s="288">
        <v>0</v>
      </c>
      <c r="CK39" s="285">
        <v>0</v>
      </c>
      <c r="CL39" s="290">
        <v>0</v>
      </c>
      <c r="CM39" s="284">
        <v>0</v>
      </c>
      <c r="CN39" s="288">
        <v>0</v>
      </c>
      <c r="CO39" s="285">
        <v>0</v>
      </c>
      <c r="CP39" s="287">
        <v>0</v>
      </c>
      <c r="CQ39" s="288">
        <v>0</v>
      </c>
      <c r="CR39" s="288">
        <v>0</v>
      </c>
      <c r="CS39" s="288">
        <v>0</v>
      </c>
      <c r="CT39" s="288">
        <v>0</v>
      </c>
      <c r="CU39" s="288">
        <v>0</v>
      </c>
      <c r="CV39" s="285">
        <v>0</v>
      </c>
      <c r="CW39" s="290">
        <v>0</v>
      </c>
      <c r="CX39" s="284">
        <v>0</v>
      </c>
      <c r="CY39" s="288">
        <v>0</v>
      </c>
      <c r="CZ39" s="285">
        <v>0</v>
      </c>
      <c r="DA39" s="287">
        <v>0</v>
      </c>
      <c r="DB39" s="288">
        <v>0</v>
      </c>
      <c r="DC39" s="288">
        <v>0</v>
      </c>
      <c r="DD39" s="288">
        <v>0</v>
      </c>
      <c r="DE39" s="288">
        <v>0</v>
      </c>
      <c r="DF39" s="288">
        <v>0</v>
      </c>
      <c r="DG39" s="285">
        <v>0</v>
      </c>
      <c r="DH39" s="290">
        <v>0</v>
      </c>
      <c r="DI39" s="284">
        <v>0</v>
      </c>
      <c r="DJ39" s="288">
        <v>0</v>
      </c>
      <c r="DK39" s="285">
        <v>0</v>
      </c>
      <c r="DL39" s="287">
        <v>0</v>
      </c>
      <c r="DM39" s="288">
        <v>0</v>
      </c>
      <c r="DN39" s="288">
        <v>0</v>
      </c>
      <c r="DO39" s="288">
        <v>0</v>
      </c>
      <c r="DP39" s="288">
        <v>0</v>
      </c>
      <c r="DQ39" s="288">
        <v>0</v>
      </c>
      <c r="DR39" s="285">
        <v>0</v>
      </c>
      <c r="DS39" s="290">
        <v>0</v>
      </c>
      <c r="DT39" s="284">
        <v>0</v>
      </c>
      <c r="DU39" s="288">
        <v>0</v>
      </c>
      <c r="DV39" s="285">
        <v>0</v>
      </c>
      <c r="DW39" s="287">
        <v>0</v>
      </c>
      <c r="DX39" s="288">
        <v>0</v>
      </c>
      <c r="DY39" s="288">
        <v>0</v>
      </c>
      <c r="DZ39" s="288">
        <v>0</v>
      </c>
      <c r="EA39" s="288">
        <v>0</v>
      </c>
      <c r="EB39" s="288">
        <v>1</v>
      </c>
      <c r="EC39" s="285">
        <v>1</v>
      </c>
      <c r="ED39" s="290">
        <v>1</v>
      </c>
      <c r="EE39" s="284">
        <v>0</v>
      </c>
      <c r="EF39" s="288">
        <v>0</v>
      </c>
      <c r="EG39" s="285">
        <v>0</v>
      </c>
      <c r="EH39" s="287">
        <v>0</v>
      </c>
      <c r="EI39" s="288">
        <v>0</v>
      </c>
      <c r="EJ39" s="288">
        <v>0</v>
      </c>
      <c r="EK39" s="288">
        <v>0</v>
      </c>
      <c r="EL39" s="288">
        <v>1</v>
      </c>
      <c r="EM39" s="288">
        <v>0</v>
      </c>
      <c r="EN39" s="285">
        <v>1</v>
      </c>
      <c r="EO39" s="290">
        <v>1</v>
      </c>
      <c r="EP39" s="284">
        <v>0</v>
      </c>
      <c r="EQ39" s="288">
        <v>0</v>
      </c>
      <c r="ER39" s="285">
        <v>0</v>
      </c>
      <c r="ES39" s="287">
        <v>0</v>
      </c>
      <c r="ET39" s="288">
        <v>0</v>
      </c>
      <c r="EU39" s="288">
        <v>0</v>
      </c>
      <c r="EV39" s="288">
        <v>1</v>
      </c>
      <c r="EW39" s="288">
        <v>0</v>
      </c>
      <c r="EX39" s="288">
        <v>1</v>
      </c>
      <c r="EY39" s="285">
        <v>2</v>
      </c>
      <c r="EZ39" s="290">
        <v>2</v>
      </c>
    </row>
  </sheetData>
  <mergeCells count="59">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 ref="C4:E4"/>
    <mergeCell ref="F4:L4"/>
    <mergeCell ref="M4:M5"/>
    <mergeCell ref="N4:P4"/>
    <mergeCell ref="Q4:W4"/>
    <mergeCell ref="CX3:DH3"/>
    <mergeCell ref="DI3:DS3"/>
    <mergeCell ref="DT3:ED3"/>
    <mergeCell ref="EE3:EO3"/>
    <mergeCell ref="EP3:EZ3"/>
    <mergeCell ref="CA4:CA5"/>
    <mergeCell ref="AJ4:AL4"/>
    <mergeCell ref="AM4:AS4"/>
    <mergeCell ref="AT4:AT5"/>
    <mergeCell ref="AU4:AW4"/>
    <mergeCell ref="AX4:BD4"/>
    <mergeCell ref="BE4:BE5"/>
    <mergeCell ref="BF4:BH4"/>
    <mergeCell ref="BI4:BO4"/>
    <mergeCell ref="BP4:BP5"/>
    <mergeCell ref="BQ4:BS4"/>
    <mergeCell ref="BT4:BZ4"/>
    <mergeCell ref="DS4:DS5"/>
    <mergeCell ref="CB4:CD4"/>
    <mergeCell ref="CE4:CK4"/>
    <mergeCell ref="CL4:CL5"/>
    <mergeCell ref="CM4:CO4"/>
    <mergeCell ref="CP4:CV4"/>
    <mergeCell ref="CW4:CW5"/>
    <mergeCell ref="CX4:CZ4"/>
    <mergeCell ref="DA4:DG4"/>
    <mergeCell ref="DH4:DH5"/>
    <mergeCell ref="DI4:DK4"/>
    <mergeCell ref="DL4:DR4"/>
    <mergeCell ref="EP4:ER4"/>
    <mergeCell ref="ES4:EY4"/>
    <mergeCell ref="EZ4:EZ5"/>
    <mergeCell ref="DT4:DV4"/>
    <mergeCell ref="DW4:EC4"/>
    <mergeCell ref="ED4:ED5"/>
    <mergeCell ref="EE4:EG4"/>
    <mergeCell ref="EH4:EN4"/>
    <mergeCell ref="EO4:EO5"/>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6"/>
    <col min="6" max="6" width="7.77734375" style="256" customWidth="1"/>
    <col min="7" max="7" width="9" style="256"/>
    <col min="8" max="8" width="10.6640625" style="256" customWidth="1"/>
    <col min="9" max="16" width="9" style="256"/>
    <col min="17" max="17" width="7.77734375" style="256" customWidth="1"/>
    <col min="18" max="27" width="9" style="256"/>
    <col min="28" max="28" width="6.88671875" style="256" customWidth="1"/>
    <col min="29" max="38" width="9" style="256"/>
    <col min="39" max="39" width="7.21875" style="256" customWidth="1"/>
    <col min="40" max="49" width="9" style="256"/>
    <col min="50" max="50" width="7.44140625" style="256" customWidth="1"/>
    <col min="51" max="60" width="9" style="256"/>
    <col min="61" max="61" width="7.6640625" style="256" customWidth="1"/>
    <col min="62" max="71" width="9" style="256"/>
    <col min="72" max="72" width="7.88671875" style="256" customWidth="1"/>
    <col min="73" max="82" width="9" style="256"/>
    <col min="83" max="83" width="7" style="256" customWidth="1"/>
    <col min="84" max="93" width="9" style="256"/>
    <col min="94" max="94" width="7.6640625" style="256" customWidth="1"/>
    <col min="95" max="16384" width="9" style="256"/>
  </cols>
  <sheetData>
    <row r="1" spans="2:112" ht="24" customHeight="1" x14ac:dyDescent="0.2">
      <c r="B1" s="291" t="s">
        <v>123</v>
      </c>
      <c r="J1" s="528">
        <f>第１表!F2</f>
        <v>4</v>
      </c>
      <c r="K1" s="528"/>
      <c r="L1" s="248">
        <f>第１表!G2</f>
        <v>9</v>
      </c>
      <c r="M1" s="529">
        <f>IF(L1&lt;3,L1+12-2,L1-2)</f>
        <v>7</v>
      </c>
      <c r="N1" s="529"/>
    </row>
    <row r="2" spans="2:112" ht="24" customHeight="1" thickBot="1" x14ac:dyDescent="0.25">
      <c r="B2" s="291" t="s">
        <v>139</v>
      </c>
    </row>
    <row r="3" spans="2:112" ht="13.8"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8</v>
      </c>
      <c r="CC3" s="547"/>
      <c r="CD3" s="547"/>
      <c r="CE3" s="547"/>
      <c r="CF3" s="547"/>
      <c r="CG3" s="547"/>
      <c r="CH3" s="547"/>
      <c r="CI3" s="547"/>
      <c r="CJ3" s="547"/>
      <c r="CK3" s="547"/>
      <c r="CL3" s="548"/>
      <c r="CM3" s="546" t="s">
        <v>105</v>
      </c>
      <c r="CN3" s="547"/>
      <c r="CO3" s="547"/>
      <c r="CP3" s="547"/>
      <c r="CQ3" s="547"/>
      <c r="CR3" s="547"/>
      <c r="CS3" s="547"/>
      <c r="CT3" s="547"/>
      <c r="CU3" s="547"/>
      <c r="CV3" s="547"/>
      <c r="CW3" s="548"/>
      <c r="CX3" s="546" t="s">
        <v>160</v>
      </c>
      <c r="CY3" s="547"/>
      <c r="CZ3" s="547"/>
      <c r="DA3" s="547"/>
      <c r="DB3" s="547"/>
      <c r="DC3" s="547"/>
      <c r="DD3" s="547"/>
      <c r="DE3" s="547"/>
      <c r="DF3" s="547"/>
      <c r="DG3" s="547"/>
      <c r="DH3" s="548"/>
    </row>
    <row r="4" spans="2:112" x14ac:dyDescent="0.2">
      <c r="B4" s="550"/>
      <c r="C4" s="554" t="s">
        <v>61</v>
      </c>
      <c r="D4" s="533"/>
      <c r="E4" s="534"/>
      <c r="F4" s="535" t="s">
        <v>62</v>
      </c>
      <c r="G4" s="533"/>
      <c r="H4" s="533"/>
      <c r="I4" s="533"/>
      <c r="J4" s="533"/>
      <c r="K4" s="533"/>
      <c r="L4" s="536"/>
      <c r="M4" s="530" t="s">
        <v>52</v>
      </c>
      <c r="N4" s="554" t="s">
        <v>61</v>
      </c>
      <c r="O4" s="533"/>
      <c r="P4" s="534"/>
      <c r="Q4" s="535" t="s">
        <v>62</v>
      </c>
      <c r="R4" s="533"/>
      <c r="S4" s="533"/>
      <c r="T4" s="533"/>
      <c r="U4" s="533"/>
      <c r="V4" s="533"/>
      <c r="W4" s="534"/>
      <c r="X4" s="530" t="s">
        <v>52</v>
      </c>
      <c r="Y4" s="532" t="s">
        <v>61</v>
      </c>
      <c r="Z4" s="533"/>
      <c r="AA4" s="536"/>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6"/>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row>
    <row r="5" spans="2:112" ht="28.5" customHeight="1" thickBot="1" x14ac:dyDescent="0.25">
      <c r="B5" s="551"/>
      <c r="C5" s="265" t="s">
        <v>43</v>
      </c>
      <c r="D5" s="260" t="s">
        <v>44</v>
      </c>
      <c r="E5" s="383" t="s">
        <v>45</v>
      </c>
      <c r="F5" s="268" t="s">
        <v>83</v>
      </c>
      <c r="G5" s="260" t="s">
        <v>47</v>
      </c>
      <c r="H5" s="260" t="s">
        <v>48</v>
      </c>
      <c r="I5" s="260" t="s">
        <v>49</v>
      </c>
      <c r="J5" s="260" t="s">
        <v>50</v>
      </c>
      <c r="K5" s="260" t="s">
        <v>51</v>
      </c>
      <c r="L5" s="269" t="s">
        <v>45</v>
      </c>
      <c r="M5" s="531"/>
      <c r="N5" s="265" t="s">
        <v>43</v>
      </c>
      <c r="O5" s="260" t="s">
        <v>44</v>
      </c>
      <c r="P5" s="266" t="s">
        <v>45</v>
      </c>
      <c r="Q5" s="268" t="s">
        <v>83</v>
      </c>
      <c r="R5" s="260" t="s">
        <v>47</v>
      </c>
      <c r="S5" s="260" t="s">
        <v>48</v>
      </c>
      <c r="T5" s="260" t="s">
        <v>49</v>
      </c>
      <c r="U5" s="260" t="s">
        <v>50</v>
      </c>
      <c r="V5" s="260" t="s">
        <v>51</v>
      </c>
      <c r="W5" s="266" t="s">
        <v>45</v>
      </c>
      <c r="X5" s="531"/>
      <c r="Y5" s="312" t="s">
        <v>43</v>
      </c>
      <c r="Z5" s="260" t="s">
        <v>44</v>
      </c>
      <c r="AA5" s="269" t="s">
        <v>45</v>
      </c>
      <c r="AB5" s="268" t="s">
        <v>83</v>
      </c>
      <c r="AC5" s="260" t="s">
        <v>47</v>
      </c>
      <c r="AD5" s="260" t="s">
        <v>48</v>
      </c>
      <c r="AE5" s="260" t="s">
        <v>49</v>
      </c>
      <c r="AF5" s="260" t="s">
        <v>50</v>
      </c>
      <c r="AG5" s="260" t="s">
        <v>51</v>
      </c>
      <c r="AH5" s="266" t="s">
        <v>45</v>
      </c>
      <c r="AI5" s="531"/>
      <c r="AJ5" s="264" t="s">
        <v>43</v>
      </c>
      <c r="AK5" s="260" t="s">
        <v>44</v>
      </c>
      <c r="AL5" s="266" t="s">
        <v>45</v>
      </c>
      <c r="AM5" s="268" t="s">
        <v>83</v>
      </c>
      <c r="AN5" s="260" t="s">
        <v>47</v>
      </c>
      <c r="AO5" s="260" t="s">
        <v>48</v>
      </c>
      <c r="AP5" s="260" t="s">
        <v>49</v>
      </c>
      <c r="AQ5" s="260" t="s">
        <v>50</v>
      </c>
      <c r="AR5" s="260" t="s">
        <v>51</v>
      </c>
      <c r="AS5" s="266" t="s">
        <v>45</v>
      </c>
      <c r="AT5" s="531"/>
      <c r="AU5" s="312" t="s">
        <v>43</v>
      </c>
      <c r="AV5" s="260" t="s">
        <v>44</v>
      </c>
      <c r="AW5" s="269" t="s">
        <v>45</v>
      </c>
      <c r="AX5" s="268" t="s">
        <v>83</v>
      </c>
      <c r="AY5" s="260" t="s">
        <v>47</v>
      </c>
      <c r="AZ5" s="260" t="s">
        <v>48</v>
      </c>
      <c r="BA5" s="260" t="s">
        <v>49</v>
      </c>
      <c r="BB5" s="260" t="s">
        <v>50</v>
      </c>
      <c r="BC5" s="260" t="s">
        <v>51</v>
      </c>
      <c r="BD5" s="269" t="s">
        <v>45</v>
      </c>
      <c r="BE5" s="531"/>
      <c r="BF5" s="312" t="s">
        <v>43</v>
      </c>
      <c r="BG5" s="260" t="s">
        <v>44</v>
      </c>
      <c r="BH5" s="266" t="s">
        <v>45</v>
      </c>
      <c r="BI5" s="268" t="s">
        <v>83</v>
      </c>
      <c r="BJ5" s="260" t="s">
        <v>47</v>
      </c>
      <c r="BK5" s="260" t="s">
        <v>48</v>
      </c>
      <c r="BL5" s="260" t="s">
        <v>49</v>
      </c>
      <c r="BM5" s="260" t="s">
        <v>50</v>
      </c>
      <c r="BN5" s="260" t="s">
        <v>51</v>
      </c>
      <c r="BO5" s="266" t="s">
        <v>45</v>
      </c>
      <c r="BP5" s="531"/>
      <c r="BQ5" s="312" t="s">
        <v>43</v>
      </c>
      <c r="BR5" s="260" t="s">
        <v>44</v>
      </c>
      <c r="BS5" s="266" t="s">
        <v>45</v>
      </c>
      <c r="BT5" s="268" t="s">
        <v>83</v>
      </c>
      <c r="BU5" s="260" t="s">
        <v>47</v>
      </c>
      <c r="BV5" s="260" t="s">
        <v>48</v>
      </c>
      <c r="BW5" s="260" t="s">
        <v>49</v>
      </c>
      <c r="BX5" s="260" t="s">
        <v>50</v>
      </c>
      <c r="BY5" s="260" t="s">
        <v>51</v>
      </c>
      <c r="BZ5" s="266" t="s">
        <v>45</v>
      </c>
      <c r="CA5" s="531"/>
      <c r="CB5" s="312" t="s">
        <v>43</v>
      </c>
      <c r="CC5" s="260" t="s">
        <v>44</v>
      </c>
      <c r="CD5" s="266" t="s">
        <v>45</v>
      </c>
      <c r="CE5" s="268" t="s">
        <v>83</v>
      </c>
      <c r="CF5" s="260" t="s">
        <v>47</v>
      </c>
      <c r="CG5" s="260" t="s">
        <v>48</v>
      </c>
      <c r="CH5" s="260" t="s">
        <v>49</v>
      </c>
      <c r="CI5" s="260" t="s">
        <v>50</v>
      </c>
      <c r="CJ5" s="260" t="s">
        <v>51</v>
      </c>
      <c r="CK5" s="266" t="s">
        <v>45</v>
      </c>
      <c r="CL5" s="531"/>
      <c r="CM5" s="312" t="s">
        <v>43</v>
      </c>
      <c r="CN5" s="260" t="s">
        <v>44</v>
      </c>
      <c r="CO5" s="266" t="s">
        <v>45</v>
      </c>
      <c r="CP5" s="268" t="s">
        <v>83</v>
      </c>
      <c r="CQ5" s="260" t="s">
        <v>47</v>
      </c>
      <c r="CR5" s="260" t="s">
        <v>48</v>
      </c>
      <c r="CS5" s="260" t="s">
        <v>49</v>
      </c>
      <c r="CT5" s="260" t="s">
        <v>50</v>
      </c>
      <c r="CU5" s="260" t="s">
        <v>51</v>
      </c>
      <c r="CV5" s="266" t="s">
        <v>45</v>
      </c>
      <c r="CW5" s="531"/>
      <c r="CX5" s="366" t="s">
        <v>43</v>
      </c>
      <c r="CY5" s="260" t="s">
        <v>44</v>
      </c>
      <c r="CZ5" s="266" t="s">
        <v>45</v>
      </c>
      <c r="DA5" s="268" t="s">
        <v>83</v>
      </c>
      <c r="DB5" s="260" t="s">
        <v>47</v>
      </c>
      <c r="DC5" s="260" t="s">
        <v>48</v>
      </c>
      <c r="DD5" s="260" t="s">
        <v>49</v>
      </c>
      <c r="DE5" s="260" t="s">
        <v>50</v>
      </c>
      <c r="DF5" s="260" t="s">
        <v>51</v>
      </c>
      <c r="DG5" s="266" t="s">
        <v>45</v>
      </c>
      <c r="DH5" s="531"/>
    </row>
    <row r="6" spans="2:112" ht="18.75" customHeight="1" x14ac:dyDescent="0.2">
      <c r="B6" s="261" t="s">
        <v>4</v>
      </c>
      <c r="C6" s="270">
        <v>0</v>
      </c>
      <c r="D6" s="274">
        <v>0</v>
      </c>
      <c r="E6" s="384">
        <v>0</v>
      </c>
      <c r="F6" s="273">
        <v>0</v>
      </c>
      <c r="G6" s="274">
        <v>208241</v>
      </c>
      <c r="H6" s="274">
        <v>328183</v>
      </c>
      <c r="I6" s="274">
        <v>341530</v>
      </c>
      <c r="J6" s="274">
        <v>420756</v>
      </c>
      <c r="K6" s="274">
        <v>397370</v>
      </c>
      <c r="L6" s="275">
        <v>1696080</v>
      </c>
      <c r="M6" s="276">
        <v>1696080</v>
      </c>
      <c r="N6" s="270">
        <v>5</v>
      </c>
      <c r="O6" s="274">
        <v>104</v>
      </c>
      <c r="P6" s="271">
        <v>109</v>
      </c>
      <c r="Q6" s="273">
        <v>0</v>
      </c>
      <c r="R6" s="274">
        <v>419</v>
      </c>
      <c r="S6" s="274">
        <v>1953</v>
      </c>
      <c r="T6" s="274">
        <v>3661</v>
      </c>
      <c r="U6" s="274">
        <v>9161</v>
      </c>
      <c r="V6" s="274">
        <v>17947</v>
      </c>
      <c r="W6" s="271">
        <v>33141</v>
      </c>
      <c r="X6" s="276">
        <v>33250</v>
      </c>
      <c r="Y6" s="270">
        <v>11267</v>
      </c>
      <c r="Z6" s="274">
        <v>35916</v>
      </c>
      <c r="AA6" s="271">
        <v>47183</v>
      </c>
      <c r="AB6" s="273">
        <v>0</v>
      </c>
      <c r="AC6" s="274">
        <v>96513</v>
      </c>
      <c r="AD6" s="274">
        <v>150648</v>
      </c>
      <c r="AE6" s="274">
        <v>95978</v>
      </c>
      <c r="AF6" s="274">
        <v>88397</v>
      </c>
      <c r="AG6" s="274">
        <v>74303</v>
      </c>
      <c r="AH6" s="271">
        <v>505839</v>
      </c>
      <c r="AI6" s="276">
        <v>553022</v>
      </c>
      <c r="AJ6" s="270">
        <v>1956</v>
      </c>
      <c r="AK6" s="274">
        <v>7512</v>
      </c>
      <c r="AL6" s="271">
        <v>9468</v>
      </c>
      <c r="AM6" s="273">
        <v>0</v>
      </c>
      <c r="AN6" s="274">
        <v>12024</v>
      </c>
      <c r="AO6" s="274">
        <v>19967</v>
      </c>
      <c r="AP6" s="274">
        <v>12805</v>
      </c>
      <c r="AQ6" s="274">
        <v>11824</v>
      </c>
      <c r="AR6" s="274">
        <v>7099</v>
      </c>
      <c r="AS6" s="271">
        <v>63719</v>
      </c>
      <c r="AT6" s="276">
        <v>73187</v>
      </c>
      <c r="AU6" s="270">
        <v>0</v>
      </c>
      <c r="AV6" s="274">
        <v>0</v>
      </c>
      <c r="AW6" s="271">
        <v>0</v>
      </c>
      <c r="AX6" s="273">
        <v>0</v>
      </c>
      <c r="AY6" s="274">
        <v>183279</v>
      </c>
      <c r="AZ6" s="274">
        <v>183959</v>
      </c>
      <c r="BA6" s="274">
        <v>114816</v>
      </c>
      <c r="BB6" s="274">
        <v>68940</v>
      </c>
      <c r="BC6" s="274">
        <v>32186</v>
      </c>
      <c r="BD6" s="275">
        <v>583180</v>
      </c>
      <c r="BE6" s="276">
        <v>583180</v>
      </c>
      <c r="BF6" s="270">
        <v>0</v>
      </c>
      <c r="BG6" s="274">
        <v>0</v>
      </c>
      <c r="BH6" s="271">
        <v>0</v>
      </c>
      <c r="BI6" s="273">
        <v>0</v>
      </c>
      <c r="BJ6" s="274">
        <v>28754</v>
      </c>
      <c r="BK6" s="274">
        <v>45038</v>
      </c>
      <c r="BL6" s="274">
        <v>27123</v>
      </c>
      <c r="BM6" s="274">
        <v>17455</v>
      </c>
      <c r="BN6" s="274">
        <v>6337</v>
      </c>
      <c r="BO6" s="271">
        <v>124707</v>
      </c>
      <c r="BP6" s="276">
        <v>124707</v>
      </c>
      <c r="BQ6" s="270">
        <v>290</v>
      </c>
      <c r="BR6" s="274">
        <v>1293</v>
      </c>
      <c r="BS6" s="271">
        <v>1583</v>
      </c>
      <c r="BT6" s="273">
        <v>0</v>
      </c>
      <c r="BU6" s="274">
        <v>16250</v>
      </c>
      <c r="BV6" s="274">
        <v>31449</v>
      </c>
      <c r="BW6" s="274">
        <v>54021</v>
      </c>
      <c r="BX6" s="274">
        <v>42654</v>
      </c>
      <c r="BY6" s="274">
        <v>21637</v>
      </c>
      <c r="BZ6" s="271">
        <v>166011</v>
      </c>
      <c r="CA6" s="276">
        <v>167594</v>
      </c>
      <c r="CB6" s="270">
        <v>9</v>
      </c>
      <c r="CC6" s="274">
        <v>70</v>
      </c>
      <c r="CD6" s="271">
        <v>79</v>
      </c>
      <c r="CE6" s="273">
        <v>0</v>
      </c>
      <c r="CF6" s="274">
        <v>1453</v>
      </c>
      <c r="CG6" s="274">
        <v>3338</v>
      </c>
      <c r="CH6" s="274">
        <v>4224</v>
      </c>
      <c r="CI6" s="274">
        <v>4051</v>
      </c>
      <c r="CJ6" s="274">
        <v>2702</v>
      </c>
      <c r="CK6" s="271">
        <v>15768</v>
      </c>
      <c r="CL6" s="276">
        <v>15847</v>
      </c>
      <c r="CM6" s="270">
        <v>0</v>
      </c>
      <c r="CN6" s="274">
        <v>0</v>
      </c>
      <c r="CO6" s="271">
        <v>0</v>
      </c>
      <c r="CP6" s="273">
        <v>0</v>
      </c>
      <c r="CQ6" s="274">
        <v>0</v>
      </c>
      <c r="CR6" s="274">
        <v>0</v>
      </c>
      <c r="CS6" s="274">
        <v>0</v>
      </c>
      <c r="CT6" s="274">
        <v>0</v>
      </c>
      <c r="CU6" s="274">
        <v>0</v>
      </c>
      <c r="CV6" s="271">
        <v>0</v>
      </c>
      <c r="CW6" s="276">
        <v>0</v>
      </c>
      <c r="CX6" s="270">
        <v>0</v>
      </c>
      <c r="CY6" s="274">
        <v>0</v>
      </c>
      <c r="CZ6" s="271">
        <v>0</v>
      </c>
      <c r="DA6" s="273">
        <v>0</v>
      </c>
      <c r="DB6" s="274">
        <v>18</v>
      </c>
      <c r="DC6" s="274">
        <v>0</v>
      </c>
      <c r="DD6" s="274">
        <v>0</v>
      </c>
      <c r="DE6" s="274">
        <v>0</v>
      </c>
      <c r="DF6" s="274">
        <v>0</v>
      </c>
      <c r="DG6" s="271">
        <v>18</v>
      </c>
      <c r="DH6" s="276">
        <v>18</v>
      </c>
    </row>
    <row r="7" spans="2:112" ht="18.75" customHeight="1" x14ac:dyDescent="0.2">
      <c r="B7" s="262" t="s">
        <v>5</v>
      </c>
      <c r="C7" s="277">
        <v>0</v>
      </c>
      <c r="D7" s="281">
        <v>0</v>
      </c>
      <c r="E7" s="385">
        <v>0</v>
      </c>
      <c r="F7" s="280">
        <v>0</v>
      </c>
      <c r="G7" s="281">
        <v>69690</v>
      </c>
      <c r="H7" s="281">
        <v>140942</v>
      </c>
      <c r="I7" s="281">
        <v>128966</v>
      </c>
      <c r="J7" s="281">
        <v>146723</v>
      </c>
      <c r="K7" s="281">
        <v>145926</v>
      </c>
      <c r="L7" s="282">
        <v>632247</v>
      </c>
      <c r="M7" s="283">
        <v>632247</v>
      </c>
      <c r="N7" s="277">
        <v>0</v>
      </c>
      <c r="O7" s="281">
        <v>43</v>
      </c>
      <c r="P7" s="278">
        <v>43</v>
      </c>
      <c r="Q7" s="280">
        <v>0</v>
      </c>
      <c r="R7" s="281">
        <v>99</v>
      </c>
      <c r="S7" s="281">
        <v>751</v>
      </c>
      <c r="T7" s="281">
        <v>1355</v>
      </c>
      <c r="U7" s="281">
        <v>3646</v>
      </c>
      <c r="V7" s="281">
        <v>7763</v>
      </c>
      <c r="W7" s="278">
        <v>13614</v>
      </c>
      <c r="X7" s="283">
        <v>13657</v>
      </c>
      <c r="Y7" s="277">
        <v>4947</v>
      </c>
      <c r="Z7" s="281">
        <v>18243</v>
      </c>
      <c r="AA7" s="278">
        <v>23190</v>
      </c>
      <c r="AB7" s="280">
        <v>0</v>
      </c>
      <c r="AC7" s="281">
        <v>35189</v>
      </c>
      <c r="AD7" s="281">
        <v>80100</v>
      </c>
      <c r="AE7" s="281">
        <v>47409</v>
      </c>
      <c r="AF7" s="281">
        <v>41895</v>
      </c>
      <c r="AG7" s="281">
        <v>34248</v>
      </c>
      <c r="AH7" s="278">
        <v>238841</v>
      </c>
      <c r="AI7" s="283">
        <v>262031</v>
      </c>
      <c r="AJ7" s="277">
        <v>817</v>
      </c>
      <c r="AK7" s="281">
        <v>3972</v>
      </c>
      <c r="AL7" s="278">
        <v>4789</v>
      </c>
      <c r="AM7" s="280">
        <v>0</v>
      </c>
      <c r="AN7" s="281">
        <v>2963</v>
      </c>
      <c r="AO7" s="281">
        <v>8289</v>
      </c>
      <c r="AP7" s="281">
        <v>5357</v>
      </c>
      <c r="AQ7" s="281">
        <v>4985</v>
      </c>
      <c r="AR7" s="281">
        <v>2777</v>
      </c>
      <c r="AS7" s="278">
        <v>24371</v>
      </c>
      <c r="AT7" s="283">
        <v>29160</v>
      </c>
      <c r="AU7" s="277">
        <v>0</v>
      </c>
      <c r="AV7" s="281">
        <v>0</v>
      </c>
      <c r="AW7" s="278">
        <v>0</v>
      </c>
      <c r="AX7" s="280">
        <v>0</v>
      </c>
      <c r="AY7" s="281">
        <v>57707</v>
      </c>
      <c r="AZ7" s="281">
        <v>73758</v>
      </c>
      <c r="BA7" s="281">
        <v>40769</v>
      </c>
      <c r="BB7" s="281">
        <v>23091</v>
      </c>
      <c r="BC7" s="281">
        <v>11028</v>
      </c>
      <c r="BD7" s="282">
        <v>206353</v>
      </c>
      <c r="BE7" s="283">
        <v>206353</v>
      </c>
      <c r="BF7" s="277">
        <v>0</v>
      </c>
      <c r="BG7" s="281">
        <v>0</v>
      </c>
      <c r="BH7" s="278">
        <v>0</v>
      </c>
      <c r="BI7" s="280">
        <v>0</v>
      </c>
      <c r="BJ7" s="281">
        <v>8737</v>
      </c>
      <c r="BK7" s="281">
        <v>21420</v>
      </c>
      <c r="BL7" s="281">
        <v>12336</v>
      </c>
      <c r="BM7" s="281">
        <v>7829</v>
      </c>
      <c r="BN7" s="281">
        <v>3034</v>
      </c>
      <c r="BO7" s="278">
        <v>53356</v>
      </c>
      <c r="BP7" s="283">
        <v>53356</v>
      </c>
      <c r="BQ7" s="277">
        <v>78</v>
      </c>
      <c r="BR7" s="281">
        <v>499</v>
      </c>
      <c r="BS7" s="278">
        <v>577</v>
      </c>
      <c r="BT7" s="280">
        <v>0</v>
      </c>
      <c r="BU7" s="281">
        <v>4922</v>
      </c>
      <c r="BV7" s="281">
        <v>12357</v>
      </c>
      <c r="BW7" s="281">
        <v>20591</v>
      </c>
      <c r="BX7" s="281">
        <v>16291</v>
      </c>
      <c r="BY7" s="281">
        <v>7968</v>
      </c>
      <c r="BZ7" s="278">
        <v>62129</v>
      </c>
      <c r="CA7" s="283">
        <v>62706</v>
      </c>
      <c r="CB7" s="277">
        <v>0</v>
      </c>
      <c r="CC7" s="281">
        <v>45</v>
      </c>
      <c r="CD7" s="278">
        <v>45</v>
      </c>
      <c r="CE7" s="280">
        <v>0</v>
      </c>
      <c r="CF7" s="281">
        <v>739</v>
      </c>
      <c r="CG7" s="281">
        <v>1947</v>
      </c>
      <c r="CH7" s="281">
        <v>2408</v>
      </c>
      <c r="CI7" s="281">
        <v>2479</v>
      </c>
      <c r="CJ7" s="281">
        <v>1717</v>
      </c>
      <c r="CK7" s="278">
        <v>9290</v>
      </c>
      <c r="CL7" s="283">
        <v>9335</v>
      </c>
      <c r="CM7" s="277">
        <v>0</v>
      </c>
      <c r="CN7" s="281">
        <v>0</v>
      </c>
      <c r="CO7" s="278">
        <v>0</v>
      </c>
      <c r="CP7" s="280">
        <v>0</v>
      </c>
      <c r="CQ7" s="281">
        <v>0</v>
      </c>
      <c r="CR7" s="281">
        <v>0</v>
      </c>
      <c r="CS7" s="281">
        <v>0</v>
      </c>
      <c r="CT7" s="281">
        <v>0</v>
      </c>
      <c r="CU7" s="281">
        <v>0</v>
      </c>
      <c r="CV7" s="278">
        <v>0</v>
      </c>
      <c r="CW7" s="283">
        <v>0</v>
      </c>
      <c r="CX7" s="277">
        <v>0</v>
      </c>
      <c r="CY7" s="281">
        <v>0</v>
      </c>
      <c r="CZ7" s="278">
        <v>0</v>
      </c>
      <c r="DA7" s="280">
        <v>0</v>
      </c>
      <c r="DB7" s="281">
        <v>0</v>
      </c>
      <c r="DC7" s="281">
        <v>0</v>
      </c>
      <c r="DD7" s="281">
        <v>0</v>
      </c>
      <c r="DE7" s="281">
        <v>0</v>
      </c>
      <c r="DF7" s="281">
        <v>0</v>
      </c>
      <c r="DG7" s="278">
        <v>0</v>
      </c>
      <c r="DH7" s="283">
        <v>0</v>
      </c>
    </row>
    <row r="8" spans="2:112" ht="18.75" customHeight="1" x14ac:dyDescent="0.2">
      <c r="B8" s="262" t="s">
        <v>6</v>
      </c>
      <c r="C8" s="277">
        <v>0</v>
      </c>
      <c r="D8" s="281">
        <v>0</v>
      </c>
      <c r="E8" s="385">
        <v>0</v>
      </c>
      <c r="F8" s="280">
        <v>0</v>
      </c>
      <c r="G8" s="281">
        <v>36027</v>
      </c>
      <c r="H8" s="281">
        <v>46394</v>
      </c>
      <c r="I8" s="281">
        <v>54187</v>
      </c>
      <c r="J8" s="281">
        <v>66412</v>
      </c>
      <c r="K8" s="281">
        <v>68833</v>
      </c>
      <c r="L8" s="282">
        <v>271853</v>
      </c>
      <c r="M8" s="283">
        <v>271853</v>
      </c>
      <c r="N8" s="277">
        <v>1</v>
      </c>
      <c r="O8" s="281">
        <v>27</v>
      </c>
      <c r="P8" s="278">
        <v>28</v>
      </c>
      <c r="Q8" s="280">
        <v>0</v>
      </c>
      <c r="R8" s="281">
        <v>63</v>
      </c>
      <c r="S8" s="281">
        <v>208</v>
      </c>
      <c r="T8" s="281">
        <v>436</v>
      </c>
      <c r="U8" s="281">
        <v>1312</v>
      </c>
      <c r="V8" s="281">
        <v>2487</v>
      </c>
      <c r="W8" s="278">
        <v>4506</v>
      </c>
      <c r="X8" s="283">
        <v>4534</v>
      </c>
      <c r="Y8" s="277">
        <v>1947</v>
      </c>
      <c r="Z8" s="281">
        <v>5521</v>
      </c>
      <c r="AA8" s="278">
        <v>7468</v>
      </c>
      <c r="AB8" s="280">
        <v>0</v>
      </c>
      <c r="AC8" s="281">
        <v>20498</v>
      </c>
      <c r="AD8" s="281">
        <v>21482</v>
      </c>
      <c r="AE8" s="281">
        <v>14778</v>
      </c>
      <c r="AF8" s="281">
        <v>14956</v>
      </c>
      <c r="AG8" s="281">
        <v>11839</v>
      </c>
      <c r="AH8" s="278">
        <v>83553</v>
      </c>
      <c r="AI8" s="283">
        <v>91021</v>
      </c>
      <c r="AJ8" s="277">
        <v>172</v>
      </c>
      <c r="AK8" s="281">
        <v>579</v>
      </c>
      <c r="AL8" s="278">
        <v>751</v>
      </c>
      <c r="AM8" s="280">
        <v>0</v>
      </c>
      <c r="AN8" s="281">
        <v>2034</v>
      </c>
      <c r="AO8" s="281">
        <v>2409</v>
      </c>
      <c r="AP8" s="281">
        <v>1534</v>
      </c>
      <c r="AQ8" s="281">
        <v>1518</v>
      </c>
      <c r="AR8" s="281">
        <v>816</v>
      </c>
      <c r="AS8" s="278">
        <v>8311</v>
      </c>
      <c r="AT8" s="283">
        <v>9062</v>
      </c>
      <c r="AU8" s="277">
        <v>0</v>
      </c>
      <c r="AV8" s="281">
        <v>0</v>
      </c>
      <c r="AW8" s="278">
        <v>0</v>
      </c>
      <c r="AX8" s="280">
        <v>0</v>
      </c>
      <c r="AY8" s="281">
        <v>31318</v>
      </c>
      <c r="AZ8" s="281">
        <v>24349</v>
      </c>
      <c r="BA8" s="281">
        <v>16055</v>
      </c>
      <c r="BB8" s="281">
        <v>11146</v>
      </c>
      <c r="BC8" s="281">
        <v>5012</v>
      </c>
      <c r="BD8" s="282">
        <v>87880</v>
      </c>
      <c r="BE8" s="283">
        <v>87880</v>
      </c>
      <c r="BF8" s="277">
        <v>0</v>
      </c>
      <c r="BG8" s="281">
        <v>0</v>
      </c>
      <c r="BH8" s="278">
        <v>0</v>
      </c>
      <c r="BI8" s="280">
        <v>0</v>
      </c>
      <c r="BJ8" s="281">
        <v>4076</v>
      </c>
      <c r="BK8" s="281">
        <v>4921</v>
      </c>
      <c r="BL8" s="281">
        <v>3601</v>
      </c>
      <c r="BM8" s="281">
        <v>2671</v>
      </c>
      <c r="BN8" s="281">
        <v>889</v>
      </c>
      <c r="BO8" s="278">
        <v>16158</v>
      </c>
      <c r="BP8" s="283">
        <v>16158</v>
      </c>
      <c r="BQ8" s="277">
        <v>26</v>
      </c>
      <c r="BR8" s="281">
        <v>132</v>
      </c>
      <c r="BS8" s="278">
        <v>158</v>
      </c>
      <c r="BT8" s="280">
        <v>0</v>
      </c>
      <c r="BU8" s="281">
        <v>2081</v>
      </c>
      <c r="BV8" s="281">
        <v>3078</v>
      </c>
      <c r="BW8" s="281">
        <v>5049</v>
      </c>
      <c r="BX8" s="281">
        <v>5163</v>
      </c>
      <c r="BY8" s="281">
        <v>2460</v>
      </c>
      <c r="BZ8" s="278">
        <v>17831</v>
      </c>
      <c r="CA8" s="283">
        <v>17989</v>
      </c>
      <c r="CB8" s="277">
        <v>0</v>
      </c>
      <c r="CC8" s="281">
        <v>0</v>
      </c>
      <c r="CD8" s="278">
        <v>0</v>
      </c>
      <c r="CE8" s="280">
        <v>0</v>
      </c>
      <c r="CF8" s="281">
        <v>113</v>
      </c>
      <c r="CG8" s="281">
        <v>293</v>
      </c>
      <c r="CH8" s="281">
        <v>492</v>
      </c>
      <c r="CI8" s="281">
        <v>591</v>
      </c>
      <c r="CJ8" s="281">
        <v>336</v>
      </c>
      <c r="CK8" s="278">
        <v>1825</v>
      </c>
      <c r="CL8" s="283">
        <v>1825</v>
      </c>
      <c r="CM8" s="277">
        <v>0</v>
      </c>
      <c r="CN8" s="281">
        <v>0</v>
      </c>
      <c r="CO8" s="278">
        <v>0</v>
      </c>
      <c r="CP8" s="280">
        <v>0</v>
      </c>
      <c r="CQ8" s="281">
        <v>0</v>
      </c>
      <c r="CR8" s="281">
        <v>0</v>
      </c>
      <c r="CS8" s="281">
        <v>0</v>
      </c>
      <c r="CT8" s="281">
        <v>0</v>
      </c>
      <c r="CU8" s="281">
        <v>0</v>
      </c>
      <c r="CV8" s="278">
        <v>0</v>
      </c>
      <c r="CW8" s="283">
        <v>0</v>
      </c>
      <c r="CX8" s="277">
        <v>0</v>
      </c>
      <c r="CY8" s="281">
        <v>0</v>
      </c>
      <c r="CZ8" s="278">
        <v>0</v>
      </c>
      <c r="DA8" s="280">
        <v>0</v>
      </c>
      <c r="DB8" s="281">
        <v>0</v>
      </c>
      <c r="DC8" s="281">
        <v>0</v>
      </c>
      <c r="DD8" s="281">
        <v>0</v>
      </c>
      <c r="DE8" s="281">
        <v>0</v>
      </c>
      <c r="DF8" s="281">
        <v>0</v>
      </c>
      <c r="DG8" s="278">
        <v>0</v>
      </c>
      <c r="DH8" s="283">
        <v>0</v>
      </c>
    </row>
    <row r="9" spans="2:112" ht="18.75" customHeight="1" x14ac:dyDescent="0.2">
      <c r="B9" s="262" t="s">
        <v>14</v>
      </c>
      <c r="C9" s="277">
        <v>0</v>
      </c>
      <c r="D9" s="281">
        <v>0</v>
      </c>
      <c r="E9" s="385">
        <v>0</v>
      </c>
      <c r="F9" s="280">
        <v>0</v>
      </c>
      <c r="G9" s="281">
        <v>13894</v>
      </c>
      <c r="H9" s="281">
        <v>24339</v>
      </c>
      <c r="I9" s="281">
        <v>26343</v>
      </c>
      <c r="J9" s="281">
        <v>27467</v>
      </c>
      <c r="K9" s="281">
        <v>25364</v>
      </c>
      <c r="L9" s="282">
        <v>117407</v>
      </c>
      <c r="M9" s="283">
        <v>117407</v>
      </c>
      <c r="N9" s="277">
        <v>4</v>
      </c>
      <c r="O9" s="281">
        <v>8</v>
      </c>
      <c r="P9" s="278">
        <v>12</v>
      </c>
      <c r="Q9" s="280">
        <v>0</v>
      </c>
      <c r="R9" s="281">
        <v>24</v>
      </c>
      <c r="S9" s="281">
        <v>87</v>
      </c>
      <c r="T9" s="281">
        <v>299</v>
      </c>
      <c r="U9" s="281">
        <v>563</v>
      </c>
      <c r="V9" s="281">
        <v>1275</v>
      </c>
      <c r="W9" s="278">
        <v>2248</v>
      </c>
      <c r="X9" s="283">
        <v>2260</v>
      </c>
      <c r="Y9" s="277">
        <v>658</v>
      </c>
      <c r="Z9" s="281">
        <v>2856</v>
      </c>
      <c r="AA9" s="278">
        <v>3514</v>
      </c>
      <c r="AB9" s="280">
        <v>0</v>
      </c>
      <c r="AC9" s="281">
        <v>5174</v>
      </c>
      <c r="AD9" s="281">
        <v>9940</v>
      </c>
      <c r="AE9" s="281">
        <v>6941</v>
      </c>
      <c r="AF9" s="281">
        <v>6628</v>
      </c>
      <c r="AG9" s="281">
        <v>5516</v>
      </c>
      <c r="AH9" s="278">
        <v>34199</v>
      </c>
      <c r="AI9" s="283">
        <v>37713</v>
      </c>
      <c r="AJ9" s="277">
        <v>54</v>
      </c>
      <c r="AK9" s="281">
        <v>369</v>
      </c>
      <c r="AL9" s="278">
        <v>423</v>
      </c>
      <c r="AM9" s="280">
        <v>0</v>
      </c>
      <c r="AN9" s="281">
        <v>246</v>
      </c>
      <c r="AO9" s="281">
        <v>1077</v>
      </c>
      <c r="AP9" s="281">
        <v>605</v>
      </c>
      <c r="AQ9" s="281">
        <v>622</v>
      </c>
      <c r="AR9" s="281">
        <v>328</v>
      </c>
      <c r="AS9" s="278">
        <v>2878</v>
      </c>
      <c r="AT9" s="283">
        <v>3301</v>
      </c>
      <c r="AU9" s="277">
        <v>0</v>
      </c>
      <c r="AV9" s="281">
        <v>0</v>
      </c>
      <c r="AW9" s="278">
        <v>0</v>
      </c>
      <c r="AX9" s="280">
        <v>0</v>
      </c>
      <c r="AY9" s="281">
        <v>13175</v>
      </c>
      <c r="AZ9" s="281">
        <v>16032</v>
      </c>
      <c r="BA9" s="281">
        <v>11517</v>
      </c>
      <c r="BB9" s="281">
        <v>6985</v>
      </c>
      <c r="BC9" s="281">
        <v>3429</v>
      </c>
      <c r="BD9" s="282">
        <v>51138</v>
      </c>
      <c r="BE9" s="283">
        <v>51138</v>
      </c>
      <c r="BF9" s="277">
        <v>0</v>
      </c>
      <c r="BG9" s="281">
        <v>0</v>
      </c>
      <c r="BH9" s="278">
        <v>0</v>
      </c>
      <c r="BI9" s="280">
        <v>0</v>
      </c>
      <c r="BJ9" s="281">
        <v>983</v>
      </c>
      <c r="BK9" s="281">
        <v>2568</v>
      </c>
      <c r="BL9" s="281">
        <v>1684</v>
      </c>
      <c r="BM9" s="281">
        <v>1160</v>
      </c>
      <c r="BN9" s="281">
        <v>338</v>
      </c>
      <c r="BO9" s="278">
        <v>6733</v>
      </c>
      <c r="BP9" s="283">
        <v>6733</v>
      </c>
      <c r="BQ9" s="277">
        <v>8</v>
      </c>
      <c r="BR9" s="281">
        <v>125</v>
      </c>
      <c r="BS9" s="278">
        <v>133</v>
      </c>
      <c r="BT9" s="280">
        <v>0</v>
      </c>
      <c r="BU9" s="281">
        <v>956</v>
      </c>
      <c r="BV9" s="281">
        <v>2707</v>
      </c>
      <c r="BW9" s="281">
        <v>4787</v>
      </c>
      <c r="BX9" s="281">
        <v>3550</v>
      </c>
      <c r="BY9" s="281">
        <v>1941</v>
      </c>
      <c r="BZ9" s="278">
        <v>13941</v>
      </c>
      <c r="CA9" s="283">
        <v>14074</v>
      </c>
      <c r="CB9" s="277">
        <v>0</v>
      </c>
      <c r="CC9" s="281">
        <v>0</v>
      </c>
      <c r="CD9" s="278">
        <v>0</v>
      </c>
      <c r="CE9" s="280">
        <v>0</v>
      </c>
      <c r="CF9" s="281">
        <v>4</v>
      </c>
      <c r="CG9" s="281">
        <v>65</v>
      </c>
      <c r="CH9" s="281">
        <v>78</v>
      </c>
      <c r="CI9" s="281">
        <v>35</v>
      </c>
      <c r="CJ9" s="281">
        <v>56</v>
      </c>
      <c r="CK9" s="278">
        <v>238</v>
      </c>
      <c r="CL9" s="283">
        <v>238</v>
      </c>
      <c r="CM9" s="277">
        <v>0</v>
      </c>
      <c r="CN9" s="281">
        <v>0</v>
      </c>
      <c r="CO9" s="278">
        <v>0</v>
      </c>
      <c r="CP9" s="280">
        <v>0</v>
      </c>
      <c r="CQ9" s="281">
        <v>0</v>
      </c>
      <c r="CR9" s="281">
        <v>0</v>
      </c>
      <c r="CS9" s="281">
        <v>0</v>
      </c>
      <c r="CT9" s="281">
        <v>0</v>
      </c>
      <c r="CU9" s="281">
        <v>0</v>
      </c>
      <c r="CV9" s="278">
        <v>0</v>
      </c>
      <c r="CW9" s="283">
        <v>0</v>
      </c>
      <c r="CX9" s="277">
        <v>0</v>
      </c>
      <c r="CY9" s="281">
        <v>0</v>
      </c>
      <c r="CZ9" s="278">
        <v>0</v>
      </c>
      <c r="DA9" s="280">
        <v>0</v>
      </c>
      <c r="DB9" s="281">
        <v>0</v>
      </c>
      <c r="DC9" s="281">
        <v>0</v>
      </c>
      <c r="DD9" s="281">
        <v>0</v>
      </c>
      <c r="DE9" s="281">
        <v>0</v>
      </c>
      <c r="DF9" s="281">
        <v>0</v>
      </c>
      <c r="DG9" s="278">
        <v>0</v>
      </c>
      <c r="DH9" s="283">
        <v>0</v>
      </c>
    </row>
    <row r="10" spans="2:112" ht="18.75" customHeight="1" x14ac:dyDescent="0.2">
      <c r="B10" s="262" t="s">
        <v>7</v>
      </c>
      <c r="C10" s="277">
        <v>0</v>
      </c>
      <c r="D10" s="281">
        <v>0</v>
      </c>
      <c r="E10" s="385">
        <v>0</v>
      </c>
      <c r="F10" s="280">
        <v>0</v>
      </c>
      <c r="G10" s="281">
        <v>16565</v>
      </c>
      <c r="H10" s="281">
        <v>19118</v>
      </c>
      <c r="I10" s="281">
        <v>19676</v>
      </c>
      <c r="J10" s="281">
        <v>29999</v>
      </c>
      <c r="K10" s="281">
        <v>25228</v>
      </c>
      <c r="L10" s="282">
        <v>110586</v>
      </c>
      <c r="M10" s="283">
        <v>110586</v>
      </c>
      <c r="N10" s="277">
        <v>0</v>
      </c>
      <c r="O10" s="281">
        <v>0</v>
      </c>
      <c r="P10" s="278">
        <v>0</v>
      </c>
      <c r="Q10" s="280">
        <v>0</v>
      </c>
      <c r="R10" s="281">
        <v>43</v>
      </c>
      <c r="S10" s="281">
        <v>175</v>
      </c>
      <c r="T10" s="281">
        <v>222</v>
      </c>
      <c r="U10" s="281">
        <v>622</v>
      </c>
      <c r="V10" s="281">
        <v>845</v>
      </c>
      <c r="W10" s="278">
        <v>1907</v>
      </c>
      <c r="X10" s="283">
        <v>1907</v>
      </c>
      <c r="Y10" s="277">
        <v>86</v>
      </c>
      <c r="Z10" s="281">
        <v>189</v>
      </c>
      <c r="AA10" s="278">
        <v>275</v>
      </c>
      <c r="AB10" s="280">
        <v>0</v>
      </c>
      <c r="AC10" s="281">
        <v>3492</v>
      </c>
      <c r="AD10" s="281">
        <v>4174</v>
      </c>
      <c r="AE10" s="281">
        <v>2815</v>
      </c>
      <c r="AF10" s="281">
        <v>2967</v>
      </c>
      <c r="AG10" s="281">
        <v>2556</v>
      </c>
      <c r="AH10" s="278">
        <v>16004</v>
      </c>
      <c r="AI10" s="283">
        <v>16279</v>
      </c>
      <c r="AJ10" s="277">
        <v>38</v>
      </c>
      <c r="AK10" s="281">
        <v>52</v>
      </c>
      <c r="AL10" s="278">
        <v>90</v>
      </c>
      <c r="AM10" s="280">
        <v>0</v>
      </c>
      <c r="AN10" s="281">
        <v>535</v>
      </c>
      <c r="AO10" s="281">
        <v>767</v>
      </c>
      <c r="AP10" s="281">
        <v>488</v>
      </c>
      <c r="AQ10" s="281">
        <v>520</v>
      </c>
      <c r="AR10" s="281">
        <v>347</v>
      </c>
      <c r="AS10" s="278">
        <v>2657</v>
      </c>
      <c r="AT10" s="283">
        <v>2747</v>
      </c>
      <c r="AU10" s="277">
        <v>0</v>
      </c>
      <c r="AV10" s="281">
        <v>0</v>
      </c>
      <c r="AW10" s="278">
        <v>0</v>
      </c>
      <c r="AX10" s="280">
        <v>0</v>
      </c>
      <c r="AY10" s="281">
        <v>13354</v>
      </c>
      <c r="AZ10" s="281">
        <v>9334</v>
      </c>
      <c r="BA10" s="281">
        <v>5235</v>
      </c>
      <c r="BB10" s="281">
        <v>3194</v>
      </c>
      <c r="BC10" s="281">
        <v>1236</v>
      </c>
      <c r="BD10" s="282">
        <v>32353</v>
      </c>
      <c r="BE10" s="283">
        <v>32353</v>
      </c>
      <c r="BF10" s="277">
        <v>0</v>
      </c>
      <c r="BG10" s="281">
        <v>0</v>
      </c>
      <c r="BH10" s="278">
        <v>0</v>
      </c>
      <c r="BI10" s="280">
        <v>0</v>
      </c>
      <c r="BJ10" s="281">
        <v>1466</v>
      </c>
      <c r="BK10" s="281">
        <v>1361</v>
      </c>
      <c r="BL10" s="281">
        <v>936</v>
      </c>
      <c r="BM10" s="281">
        <v>424</v>
      </c>
      <c r="BN10" s="281">
        <v>130</v>
      </c>
      <c r="BO10" s="278">
        <v>4317</v>
      </c>
      <c r="BP10" s="283">
        <v>4317</v>
      </c>
      <c r="BQ10" s="277">
        <v>5</v>
      </c>
      <c r="BR10" s="281">
        <v>13</v>
      </c>
      <c r="BS10" s="278">
        <v>18</v>
      </c>
      <c r="BT10" s="280">
        <v>0</v>
      </c>
      <c r="BU10" s="281">
        <v>1502</v>
      </c>
      <c r="BV10" s="281">
        <v>2249</v>
      </c>
      <c r="BW10" s="281">
        <v>2738</v>
      </c>
      <c r="BX10" s="281">
        <v>1841</v>
      </c>
      <c r="BY10" s="281">
        <v>1041</v>
      </c>
      <c r="BZ10" s="278">
        <v>9371</v>
      </c>
      <c r="CA10" s="283">
        <v>9389</v>
      </c>
      <c r="CB10" s="277">
        <v>0</v>
      </c>
      <c r="CC10" s="281">
        <v>0</v>
      </c>
      <c r="CD10" s="278">
        <v>0</v>
      </c>
      <c r="CE10" s="280">
        <v>0</v>
      </c>
      <c r="CF10" s="281">
        <v>65</v>
      </c>
      <c r="CG10" s="281">
        <v>106</v>
      </c>
      <c r="CH10" s="281">
        <v>171</v>
      </c>
      <c r="CI10" s="281">
        <v>101</v>
      </c>
      <c r="CJ10" s="281">
        <v>55</v>
      </c>
      <c r="CK10" s="278">
        <v>498</v>
      </c>
      <c r="CL10" s="283">
        <v>498</v>
      </c>
      <c r="CM10" s="277">
        <v>0</v>
      </c>
      <c r="CN10" s="281">
        <v>0</v>
      </c>
      <c r="CO10" s="278">
        <v>0</v>
      </c>
      <c r="CP10" s="280">
        <v>0</v>
      </c>
      <c r="CQ10" s="281">
        <v>0</v>
      </c>
      <c r="CR10" s="281">
        <v>0</v>
      </c>
      <c r="CS10" s="281">
        <v>0</v>
      </c>
      <c r="CT10" s="281">
        <v>0</v>
      </c>
      <c r="CU10" s="281">
        <v>0</v>
      </c>
      <c r="CV10" s="278">
        <v>0</v>
      </c>
      <c r="CW10" s="283">
        <v>0</v>
      </c>
      <c r="CX10" s="277">
        <v>0</v>
      </c>
      <c r="CY10" s="281">
        <v>0</v>
      </c>
      <c r="CZ10" s="278">
        <v>0</v>
      </c>
      <c r="DA10" s="280">
        <v>0</v>
      </c>
      <c r="DB10" s="281">
        <v>0</v>
      </c>
      <c r="DC10" s="281">
        <v>0</v>
      </c>
      <c r="DD10" s="281">
        <v>0</v>
      </c>
      <c r="DE10" s="281">
        <v>0</v>
      </c>
      <c r="DF10" s="281">
        <v>0</v>
      </c>
      <c r="DG10" s="278">
        <v>0</v>
      </c>
      <c r="DH10" s="283">
        <v>0</v>
      </c>
    </row>
    <row r="11" spans="2:112" ht="18.75" customHeight="1" x14ac:dyDescent="0.2">
      <c r="B11" s="262" t="s">
        <v>8</v>
      </c>
      <c r="C11" s="277">
        <v>0</v>
      </c>
      <c r="D11" s="281">
        <v>0</v>
      </c>
      <c r="E11" s="385">
        <v>0</v>
      </c>
      <c r="F11" s="280">
        <v>0</v>
      </c>
      <c r="G11" s="281">
        <v>6575</v>
      </c>
      <c r="H11" s="281">
        <v>11471</v>
      </c>
      <c r="I11" s="281">
        <v>13185</v>
      </c>
      <c r="J11" s="281">
        <v>13959</v>
      </c>
      <c r="K11" s="281">
        <v>15501</v>
      </c>
      <c r="L11" s="282">
        <v>60691</v>
      </c>
      <c r="M11" s="283">
        <v>60691</v>
      </c>
      <c r="N11" s="277">
        <v>0</v>
      </c>
      <c r="O11" s="281">
        <v>0</v>
      </c>
      <c r="P11" s="278">
        <v>0</v>
      </c>
      <c r="Q11" s="280">
        <v>0</v>
      </c>
      <c r="R11" s="281">
        <v>8</v>
      </c>
      <c r="S11" s="281">
        <v>71</v>
      </c>
      <c r="T11" s="281">
        <v>147</v>
      </c>
      <c r="U11" s="281">
        <v>261</v>
      </c>
      <c r="V11" s="281">
        <v>572</v>
      </c>
      <c r="W11" s="278">
        <v>1059</v>
      </c>
      <c r="X11" s="283">
        <v>1059</v>
      </c>
      <c r="Y11" s="277">
        <v>171</v>
      </c>
      <c r="Z11" s="281">
        <v>259</v>
      </c>
      <c r="AA11" s="278">
        <v>430</v>
      </c>
      <c r="AB11" s="280">
        <v>0</v>
      </c>
      <c r="AC11" s="281">
        <v>1616</v>
      </c>
      <c r="AD11" s="281">
        <v>2375</v>
      </c>
      <c r="AE11" s="281">
        <v>1603</v>
      </c>
      <c r="AF11" s="281">
        <v>1559</v>
      </c>
      <c r="AG11" s="281">
        <v>1629</v>
      </c>
      <c r="AH11" s="278">
        <v>8782</v>
      </c>
      <c r="AI11" s="283">
        <v>9212</v>
      </c>
      <c r="AJ11" s="277">
        <v>69</v>
      </c>
      <c r="AK11" s="281">
        <v>111</v>
      </c>
      <c r="AL11" s="278">
        <v>180</v>
      </c>
      <c r="AM11" s="280">
        <v>0</v>
      </c>
      <c r="AN11" s="281">
        <v>558</v>
      </c>
      <c r="AO11" s="281">
        <v>849</v>
      </c>
      <c r="AP11" s="281">
        <v>693</v>
      </c>
      <c r="AQ11" s="281">
        <v>439</v>
      </c>
      <c r="AR11" s="281">
        <v>259</v>
      </c>
      <c r="AS11" s="278">
        <v>2798</v>
      </c>
      <c r="AT11" s="283">
        <v>2978</v>
      </c>
      <c r="AU11" s="277">
        <v>0</v>
      </c>
      <c r="AV11" s="281">
        <v>0</v>
      </c>
      <c r="AW11" s="278">
        <v>0</v>
      </c>
      <c r="AX11" s="280">
        <v>0</v>
      </c>
      <c r="AY11" s="281">
        <v>5127</v>
      </c>
      <c r="AZ11" s="281">
        <v>5886</v>
      </c>
      <c r="BA11" s="281">
        <v>4078</v>
      </c>
      <c r="BB11" s="281">
        <v>2183</v>
      </c>
      <c r="BC11" s="281">
        <v>1469</v>
      </c>
      <c r="BD11" s="282">
        <v>18743</v>
      </c>
      <c r="BE11" s="283">
        <v>18743</v>
      </c>
      <c r="BF11" s="277">
        <v>0</v>
      </c>
      <c r="BG11" s="281">
        <v>0</v>
      </c>
      <c r="BH11" s="278">
        <v>0</v>
      </c>
      <c r="BI11" s="280">
        <v>0</v>
      </c>
      <c r="BJ11" s="281">
        <v>789</v>
      </c>
      <c r="BK11" s="281">
        <v>1159</v>
      </c>
      <c r="BL11" s="281">
        <v>660</v>
      </c>
      <c r="BM11" s="281">
        <v>396</v>
      </c>
      <c r="BN11" s="281">
        <v>106</v>
      </c>
      <c r="BO11" s="278">
        <v>3110</v>
      </c>
      <c r="BP11" s="283">
        <v>3110</v>
      </c>
      <c r="BQ11" s="277">
        <v>10</v>
      </c>
      <c r="BR11" s="281">
        <v>27</v>
      </c>
      <c r="BS11" s="278">
        <v>37</v>
      </c>
      <c r="BT11" s="280">
        <v>0</v>
      </c>
      <c r="BU11" s="281">
        <v>588</v>
      </c>
      <c r="BV11" s="281">
        <v>1253</v>
      </c>
      <c r="BW11" s="281">
        <v>2599</v>
      </c>
      <c r="BX11" s="281">
        <v>1677</v>
      </c>
      <c r="BY11" s="281">
        <v>956</v>
      </c>
      <c r="BZ11" s="278">
        <v>7073</v>
      </c>
      <c r="CA11" s="283">
        <v>7110</v>
      </c>
      <c r="CB11" s="277">
        <v>0</v>
      </c>
      <c r="CC11" s="281">
        <v>0</v>
      </c>
      <c r="CD11" s="278">
        <v>0</v>
      </c>
      <c r="CE11" s="280">
        <v>0</v>
      </c>
      <c r="CF11" s="281">
        <v>16</v>
      </c>
      <c r="CG11" s="281">
        <v>42</v>
      </c>
      <c r="CH11" s="281">
        <v>53</v>
      </c>
      <c r="CI11" s="281">
        <v>43</v>
      </c>
      <c r="CJ11" s="281">
        <v>7</v>
      </c>
      <c r="CK11" s="278">
        <v>161</v>
      </c>
      <c r="CL11" s="283">
        <v>161</v>
      </c>
      <c r="CM11" s="277">
        <v>0</v>
      </c>
      <c r="CN11" s="281">
        <v>0</v>
      </c>
      <c r="CO11" s="278">
        <v>0</v>
      </c>
      <c r="CP11" s="280">
        <v>0</v>
      </c>
      <c r="CQ11" s="281">
        <v>0</v>
      </c>
      <c r="CR11" s="281">
        <v>0</v>
      </c>
      <c r="CS11" s="281">
        <v>0</v>
      </c>
      <c r="CT11" s="281">
        <v>0</v>
      </c>
      <c r="CU11" s="281">
        <v>0</v>
      </c>
      <c r="CV11" s="278">
        <v>0</v>
      </c>
      <c r="CW11" s="283">
        <v>0</v>
      </c>
      <c r="CX11" s="277">
        <v>0</v>
      </c>
      <c r="CY11" s="281">
        <v>0</v>
      </c>
      <c r="CZ11" s="278">
        <v>0</v>
      </c>
      <c r="DA11" s="280">
        <v>0</v>
      </c>
      <c r="DB11" s="281">
        <v>0</v>
      </c>
      <c r="DC11" s="281">
        <v>0</v>
      </c>
      <c r="DD11" s="281">
        <v>0</v>
      </c>
      <c r="DE11" s="281">
        <v>0</v>
      </c>
      <c r="DF11" s="281">
        <v>0</v>
      </c>
      <c r="DG11" s="278">
        <v>0</v>
      </c>
      <c r="DH11" s="283">
        <v>0</v>
      </c>
    </row>
    <row r="12" spans="2:112" ht="18.75" customHeight="1" x14ac:dyDescent="0.2">
      <c r="B12" s="262" t="s">
        <v>9</v>
      </c>
      <c r="C12" s="277">
        <v>0</v>
      </c>
      <c r="D12" s="281">
        <v>0</v>
      </c>
      <c r="E12" s="385">
        <v>0</v>
      </c>
      <c r="F12" s="280">
        <v>0</v>
      </c>
      <c r="G12" s="281">
        <v>6424</v>
      </c>
      <c r="H12" s="281">
        <v>8157</v>
      </c>
      <c r="I12" s="281">
        <v>9737</v>
      </c>
      <c r="J12" s="281">
        <v>16348</v>
      </c>
      <c r="K12" s="281">
        <v>14228</v>
      </c>
      <c r="L12" s="282">
        <v>54894</v>
      </c>
      <c r="M12" s="283">
        <v>54894</v>
      </c>
      <c r="N12" s="277">
        <v>0</v>
      </c>
      <c r="O12" s="281">
        <v>0</v>
      </c>
      <c r="P12" s="278">
        <v>0</v>
      </c>
      <c r="Q12" s="280">
        <v>0</v>
      </c>
      <c r="R12" s="281">
        <v>31</v>
      </c>
      <c r="S12" s="281">
        <v>26</v>
      </c>
      <c r="T12" s="281">
        <v>84</v>
      </c>
      <c r="U12" s="281">
        <v>251</v>
      </c>
      <c r="V12" s="281">
        <v>536</v>
      </c>
      <c r="W12" s="278">
        <v>928</v>
      </c>
      <c r="X12" s="283">
        <v>928</v>
      </c>
      <c r="Y12" s="277">
        <v>173</v>
      </c>
      <c r="Z12" s="281">
        <v>460</v>
      </c>
      <c r="AA12" s="278">
        <v>633</v>
      </c>
      <c r="AB12" s="280">
        <v>0</v>
      </c>
      <c r="AC12" s="281">
        <v>3273</v>
      </c>
      <c r="AD12" s="281">
        <v>2933</v>
      </c>
      <c r="AE12" s="281">
        <v>2262</v>
      </c>
      <c r="AF12" s="281">
        <v>2252</v>
      </c>
      <c r="AG12" s="281">
        <v>2150</v>
      </c>
      <c r="AH12" s="278">
        <v>12870</v>
      </c>
      <c r="AI12" s="283">
        <v>13503</v>
      </c>
      <c r="AJ12" s="277">
        <v>18</v>
      </c>
      <c r="AK12" s="281">
        <v>139</v>
      </c>
      <c r="AL12" s="278">
        <v>157</v>
      </c>
      <c r="AM12" s="280">
        <v>0</v>
      </c>
      <c r="AN12" s="281">
        <v>539</v>
      </c>
      <c r="AO12" s="281">
        <v>567</v>
      </c>
      <c r="AP12" s="281">
        <v>561</v>
      </c>
      <c r="AQ12" s="281">
        <v>576</v>
      </c>
      <c r="AR12" s="281">
        <v>436</v>
      </c>
      <c r="AS12" s="278">
        <v>2679</v>
      </c>
      <c r="AT12" s="283">
        <v>2836</v>
      </c>
      <c r="AU12" s="277">
        <v>0</v>
      </c>
      <c r="AV12" s="281">
        <v>0</v>
      </c>
      <c r="AW12" s="278">
        <v>0</v>
      </c>
      <c r="AX12" s="280">
        <v>0</v>
      </c>
      <c r="AY12" s="281">
        <v>4348</v>
      </c>
      <c r="AZ12" s="281">
        <v>3416</v>
      </c>
      <c r="BA12" s="281">
        <v>2422</v>
      </c>
      <c r="BB12" s="281">
        <v>1501</v>
      </c>
      <c r="BC12" s="281">
        <v>586</v>
      </c>
      <c r="BD12" s="282">
        <v>12273</v>
      </c>
      <c r="BE12" s="283">
        <v>12273</v>
      </c>
      <c r="BF12" s="277">
        <v>0</v>
      </c>
      <c r="BG12" s="281">
        <v>0</v>
      </c>
      <c r="BH12" s="278">
        <v>0</v>
      </c>
      <c r="BI12" s="280">
        <v>0</v>
      </c>
      <c r="BJ12" s="281">
        <v>812</v>
      </c>
      <c r="BK12" s="281">
        <v>753</v>
      </c>
      <c r="BL12" s="281">
        <v>436</v>
      </c>
      <c r="BM12" s="281">
        <v>463</v>
      </c>
      <c r="BN12" s="281">
        <v>93</v>
      </c>
      <c r="BO12" s="278">
        <v>2557</v>
      </c>
      <c r="BP12" s="283">
        <v>2557</v>
      </c>
      <c r="BQ12" s="277">
        <v>17</v>
      </c>
      <c r="BR12" s="281">
        <v>9</v>
      </c>
      <c r="BS12" s="278">
        <v>26</v>
      </c>
      <c r="BT12" s="280">
        <v>0</v>
      </c>
      <c r="BU12" s="281">
        <v>436</v>
      </c>
      <c r="BV12" s="281">
        <v>968</v>
      </c>
      <c r="BW12" s="281">
        <v>1407</v>
      </c>
      <c r="BX12" s="281">
        <v>1392</v>
      </c>
      <c r="BY12" s="281">
        <v>682</v>
      </c>
      <c r="BZ12" s="278">
        <v>4885</v>
      </c>
      <c r="CA12" s="283">
        <v>4911</v>
      </c>
      <c r="CB12" s="277">
        <v>5</v>
      </c>
      <c r="CC12" s="281">
        <v>0</v>
      </c>
      <c r="CD12" s="278">
        <v>5</v>
      </c>
      <c r="CE12" s="280">
        <v>0</v>
      </c>
      <c r="CF12" s="281">
        <v>17</v>
      </c>
      <c r="CG12" s="281">
        <v>135</v>
      </c>
      <c r="CH12" s="281">
        <v>164</v>
      </c>
      <c r="CI12" s="281">
        <v>130</v>
      </c>
      <c r="CJ12" s="281">
        <v>72</v>
      </c>
      <c r="CK12" s="278">
        <v>518</v>
      </c>
      <c r="CL12" s="283">
        <v>523</v>
      </c>
      <c r="CM12" s="277">
        <v>0</v>
      </c>
      <c r="CN12" s="281">
        <v>0</v>
      </c>
      <c r="CO12" s="278">
        <v>0</v>
      </c>
      <c r="CP12" s="280">
        <v>0</v>
      </c>
      <c r="CQ12" s="281">
        <v>0</v>
      </c>
      <c r="CR12" s="281">
        <v>0</v>
      </c>
      <c r="CS12" s="281">
        <v>0</v>
      </c>
      <c r="CT12" s="281">
        <v>0</v>
      </c>
      <c r="CU12" s="281">
        <v>0</v>
      </c>
      <c r="CV12" s="278">
        <v>0</v>
      </c>
      <c r="CW12" s="283">
        <v>0</v>
      </c>
      <c r="CX12" s="277">
        <v>0</v>
      </c>
      <c r="CY12" s="281">
        <v>0</v>
      </c>
      <c r="CZ12" s="278">
        <v>0</v>
      </c>
      <c r="DA12" s="280">
        <v>0</v>
      </c>
      <c r="DB12" s="281">
        <v>0</v>
      </c>
      <c r="DC12" s="281">
        <v>0</v>
      </c>
      <c r="DD12" s="281">
        <v>0</v>
      </c>
      <c r="DE12" s="281">
        <v>0</v>
      </c>
      <c r="DF12" s="281">
        <v>0</v>
      </c>
      <c r="DG12" s="278">
        <v>0</v>
      </c>
      <c r="DH12" s="283">
        <v>0</v>
      </c>
    </row>
    <row r="13" spans="2:112" ht="18.75" customHeight="1" x14ac:dyDescent="0.2">
      <c r="B13" s="262" t="s">
        <v>10</v>
      </c>
      <c r="C13" s="277">
        <v>0</v>
      </c>
      <c r="D13" s="281">
        <v>0</v>
      </c>
      <c r="E13" s="385">
        <v>0</v>
      </c>
      <c r="F13" s="280">
        <v>0</v>
      </c>
      <c r="G13" s="281">
        <v>16989</v>
      </c>
      <c r="H13" s="281">
        <v>15856</v>
      </c>
      <c r="I13" s="281">
        <v>17411</v>
      </c>
      <c r="J13" s="281">
        <v>25431</v>
      </c>
      <c r="K13" s="281">
        <v>21823</v>
      </c>
      <c r="L13" s="282">
        <v>97510</v>
      </c>
      <c r="M13" s="283">
        <v>97510</v>
      </c>
      <c r="N13" s="277">
        <v>0</v>
      </c>
      <c r="O13" s="281">
        <v>0</v>
      </c>
      <c r="P13" s="278">
        <v>0</v>
      </c>
      <c r="Q13" s="280">
        <v>0</v>
      </c>
      <c r="R13" s="281">
        <v>27</v>
      </c>
      <c r="S13" s="281">
        <v>112</v>
      </c>
      <c r="T13" s="281">
        <v>170</v>
      </c>
      <c r="U13" s="281">
        <v>449</v>
      </c>
      <c r="V13" s="281">
        <v>832</v>
      </c>
      <c r="W13" s="278">
        <v>1590</v>
      </c>
      <c r="X13" s="283">
        <v>1590</v>
      </c>
      <c r="Y13" s="277">
        <v>779</v>
      </c>
      <c r="Z13" s="281">
        <v>2145</v>
      </c>
      <c r="AA13" s="278">
        <v>2924</v>
      </c>
      <c r="AB13" s="280">
        <v>0</v>
      </c>
      <c r="AC13" s="281">
        <v>7137</v>
      </c>
      <c r="AD13" s="281">
        <v>5115</v>
      </c>
      <c r="AE13" s="281">
        <v>3314</v>
      </c>
      <c r="AF13" s="281">
        <v>2975</v>
      </c>
      <c r="AG13" s="281">
        <v>3233</v>
      </c>
      <c r="AH13" s="278">
        <v>21774</v>
      </c>
      <c r="AI13" s="283">
        <v>24698</v>
      </c>
      <c r="AJ13" s="277">
        <v>199</v>
      </c>
      <c r="AK13" s="281">
        <v>480</v>
      </c>
      <c r="AL13" s="278">
        <v>679</v>
      </c>
      <c r="AM13" s="280">
        <v>0</v>
      </c>
      <c r="AN13" s="281">
        <v>1171</v>
      </c>
      <c r="AO13" s="281">
        <v>1129</v>
      </c>
      <c r="AP13" s="281">
        <v>502</v>
      </c>
      <c r="AQ13" s="281">
        <v>490</v>
      </c>
      <c r="AR13" s="281">
        <v>560</v>
      </c>
      <c r="AS13" s="278">
        <v>3852</v>
      </c>
      <c r="AT13" s="283">
        <v>4531</v>
      </c>
      <c r="AU13" s="277">
        <v>0</v>
      </c>
      <c r="AV13" s="281">
        <v>0</v>
      </c>
      <c r="AW13" s="278">
        <v>0</v>
      </c>
      <c r="AX13" s="280">
        <v>0</v>
      </c>
      <c r="AY13" s="281">
        <v>13165</v>
      </c>
      <c r="AZ13" s="281">
        <v>7730</v>
      </c>
      <c r="BA13" s="281">
        <v>5363</v>
      </c>
      <c r="BB13" s="281">
        <v>2951</v>
      </c>
      <c r="BC13" s="281">
        <v>1425</v>
      </c>
      <c r="BD13" s="282">
        <v>30634</v>
      </c>
      <c r="BE13" s="283">
        <v>30634</v>
      </c>
      <c r="BF13" s="277">
        <v>0</v>
      </c>
      <c r="BG13" s="281">
        <v>0</v>
      </c>
      <c r="BH13" s="278">
        <v>0</v>
      </c>
      <c r="BI13" s="280">
        <v>0</v>
      </c>
      <c r="BJ13" s="281">
        <v>1718</v>
      </c>
      <c r="BK13" s="281">
        <v>1126</v>
      </c>
      <c r="BL13" s="281">
        <v>681</v>
      </c>
      <c r="BM13" s="281">
        <v>401</v>
      </c>
      <c r="BN13" s="281">
        <v>154</v>
      </c>
      <c r="BO13" s="278">
        <v>4080</v>
      </c>
      <c r="BP13" s="283">
        <v>4080</v>
      </c>
      <c r="BQ13" s="277">
        <v>51</v>
      </c>
      <c r="BR13" s="281">
        <v>122</v>
      </c>
      <c r="BS13" s="278">
        <v>173</v>
      </c>
      <c r="BT13" s="280">
        <v>0</v>
      </c>
      <c r="BU13" s="281">
        <v>1366</v>
      </c>
      <c r="BV13" s="281">
        <v>1450</v>
      </c>
      <c r="BW13" s="281">
        <v>2586</v>
      </c>
      <c r="BX13" s="281">
        <v>1747</v>
      </c>
      <c r="BY13" s="281">
        <v>1189</v>
      </c>
      <c r="BZ13" s="278">
        <v>8338</v>
      </c>
      <c r="CA13" s="283">
        <v>8511</v>
      </c>
      <c r="CB13" s="277">
        <v>0</v>
      </c>
      <c r="CC13" s="281">
        <v>8</v>
      </c>
      <c r="CD13" s="278">
        <v>8</v>
      </c>
      <c r="CE13" s="280">
        <v>0</v>
      </c>
      <c r="CF13" s="281">
        <v>66</v>
      </c>
      <c r="CG13" s="281">
        <v>120</v>
      </c>
      <c r="CH13" s="281">
        <v>110</v>
      </c>
      <c r="CI13" s="281">
        <v>70</v>
      </c>
      <c r="CJ13" s="281">
        <v>48</v>
      </c>
      <c r="CK13" s="278">
        <v>414</v>
      </c>
      <c r="CL13" s="283">
        <v>422</v>
      </c>
      <c r="CM13" s="277">
        <v>0</v>
      </c>
      <c r="CN13" s="281">
        <v>0</v>
      </c>
      <c r="CO13" s="278">
        <v>0</v>
      </c>
      <c r="CP13" s="280">
        <v>0</v>
      </c>
      <c r="CQ13" s="281">
        <v>0</v>
      </c>
      <c r="CR13" s="281">
        <v>0</v>
      </c>
      <c r="CS13" s="281">
        <v>0</v>
      </c>
      <c r="CT13" s="281">
        <v>0</v>
      </c>
      <c r="CU13" s="281">
        <v>0</v>
      </c>
      <c r="CV13" s="278">
        <v>0</v>
      </c>
      <c r="CW13" s="283">
        <v>0</v>
      </c>
      <c r="CX13" s="277">
        <v>0</v>
      </c>
      <c r="CY13" s="281">
        <v>0</v>
      </c>
      <c r="CZ13" s="278">
        <v>0</v>
      </c>
      <c r="DA13" s="280">
        <v>0</v>
      </c>
      <c r="DB13" s="281">
        <v>0</v>
      </c>
      <c r="DC13" s="281">
        <v>0</v>
      </c>
      <c r="DD13" s="281">
        <v>0</v>
      </c>
      <c r="DE13" s="281">
        <v>0</v>
      </c>
      <c r="DF13" s="281">
        <v>0</v>
      </c>
      <c r="DG13" s="278">
        <v>0</v>
      </c>
      <c r="DH13" s="283">
        <v>0</v>
      </c>
    </row>
    <row r="14" spans="2:112" ht="18.75" customHeight="1" x14ac:dyDescent="0.2">
      <c r="B14" s="262" t="s">
        <v>11</v>
      </c>
      <c r="C14" s="277">
        <v>0</v>
      </c>
      <c r="D14" s="281">
        <v>0</v>
      </c>
      <c r="E14" s="385">
        <v>0</v>
      </c>
      <c r="F14" s="280">
        <v>0</v>
      </c>
      <c r="G14" s="281">
        <v>6171</v>
      </c>
      <c r="H14" s="281">
        <v>6817</v>
      </c>
      <c r="I14" s="281">
        <v>8248</v>
      </c>
      <c r="J14" s="281">
        <v>9703</v>
      </c>
      <c r="K14" s="281">
        <v>8930</v>
      </c>
      <c r="L14" s="282">
        <v>39869</v>
      </c>
      <c r="M14" s="283">
        <v>39869</v>
      </c>
      <c r="N14" s="277">
        <v>0</v>
      </c>
      <c r="O14" s="281">
        <v>3</v>
      </c>
      <c r="P14" s="278">
        <v>3</v>
      </c>
      <c r="Q14" s="280">
        <v>0</v>
      </c>
      <c r="R14" s="281">
        <v>12</v>
      </c>
      <c r="S14" s="281">
        <v>69</v>
      </c>
      <c r="T14" s="281">
        <v>128</v>
      </c>
      <c r="U14" s="281">
        <v>231</v>
      </c>
      <c r="V14" s="281">
        <v>341</v>
      </c>
      <c r="W14" s="278">
        <v>781</v>
      </c>
      <c r="X14" s="283">
        <v>784</v>
      </c>
      <c r="Y14" s="277">
        <v>182</v>
      </c>
      <c r="Z14" s="281">
        <v>407</v>
      </c>
      <c r="AA14" s="278">
        <v>589</v>
      </c>
      <c r="AB14" s="280">
        <v>0</v>
      </c>
      <c r="AC14" s="281">
        <v>2459</v>
      </c>
      <c r="AD14" s="281">
        <v>2094</v>
      </c>
      <c r="AE14" s="281">
        <v>1780</v>
      </c>
      <c r="AF14" s="281">
        <v>1553</v>
      </c>
      <c r="AG14" s="281">
        <v>1490</v>
      </c>
      <c r="AH14" s="278">
        <v>9376</v>
      </c>
      <c r="AI14" s="283">
        <v>9965</v>
      </c>
      <c r="AJ14" s="277">
        <v>21</v>
      </c>
      <c r="AK14" s="281">
        <v>97</v>
      </c>
      <c r="AL14" s="278">
        <v>118</v>
      </c>
      <c r="AM14" s="280">
        <v>0</v>
      </c>
      <c r="AN14" s="281">
        <v>512</v>
      </c>
      <c r="AO14" s="281">
        <v>353</v>
      </c>
      <c r="AP14" s="281">
        <v>280</v>
      </c>
      <c r="AQ14" s="281">
        <v>251</v>
      </c>
      <c r="AR14" s="281">
        <v>63</v>
      </c>
      <c r="AS14" s="278">
        <v>1459</v>
      </c>
      <c r="AT14" s="283">
        <v>1577</v>
      </c>
      <c r="AU14" s="277">
        <v>0</v>
      </c>
      <c r="AV14" s="281">
        <v>0</v>
      </c>
      <c r="AW14" s="278">
        <v>0</v>
      </c>
      <c r="AX14" s="280">
        <v>0</v>
      </c>
      <c r="AY14" s="281">
        <v>6474</v>
      </c>
      <c r="AZ14" s="281">
        <v>3688</v>
      </c>
      <c r="BA14" s="281">
        <v>2774</v>
      </c>
      <c r="BB14" s="281">
        <v>1689</v>
      </c>
      <c r="BC14" s="281">
        <v>831</v>
      </c>
      <c r="BD14" s="282">
        <v>15456</v>
      </c>
      <c r="BE14" s="283">
        <v>15456</v>
      </c>
      <c r="BF14" s="277">
        <v>0</v>
      </c>
      <c r="BG14" s="281">
        <v>0</v>
      </c>
      <c r="BH14" s="278">
        <v>0</v>
      </c>
      <c r="BI14" s="280">
        <v>0</v>
      </c>
      <c r="BJ14" s="281">
        <v>1510</v>
      </c>
      <c r="BK14" s="281">
        <v>876</v>
      </c>
      <c r="BL14" s="281">
        <v>693</v>
      </c>
      <c r="BM14" s="281">
        <v>458</v>
      </c>
      <c r="BN14" s="281">
        <v>122</v>
      </c>
      <c r="BO14" s="278">
        <v>3659</v>
      </c>
      <c r="BP14" s="283">
        <v>3659</v>
      </c>
      <c r="BQ14" s="277">
        <v>20</v>
      </c>
      <c r="BR14" s="281">
        <v>50</v>
      </c>
      <c r="BS14" s="278">
        <v>70</v>
      </c>
      <c r="BT14" s="280">
        <v>0</v>
      </c>
      <c r="BU14" s="281">
        <v>650</v>
      </c>
      <c r="BV14" s="281">
        <v>727</v>
      </c>
      <c r="BW14" s="281">
        <v>1210</v>
      </c>
      <c r="BX14" s="281">
        <v>1010</v>
      </c>
      <c r="BY14" s="281">
        <v>549</v>
      </c>
      <c r="BZ14" s="278">
        <v>4146</v>
      </c>
      <c r="CA14" s="283">
        <v>4216</v>
      </c>
      <c r="CB14" s="277">
        <v>0</v>
      </c>
      <c r="CC14" s="281">
        <v>14</v>
      </c>
      <c r="CD14" s="278">
        <v>14</v>
      </c>
      <c r="CE14" s="280">
        <v>0</v>
      </c>
      <c r="CF14" s="281">
        <v>39</v>
      </c>
      <c r="CG14" s="281">
        <v>63</v>
      </c>
      <c r="CH14" s="281">
        <v>126</v>
      </c>
      <c r="CI14" s="281">
        <v>41</v>
      </c>
      <c r="CJ14" s="281">
        <v>57</v>
      </c>
      <c r="CK14" s="278">
        <v>326</v>
      </c>
      <c r="CL14" s="283">
        <v>340</v>
      </c>
      <c r="CM14" s="277">
        <v>0</v>
      </c>
      <c r="CN14" s="281">
        <v>0</v>
      </c>
      <c r="CO14" s="278">
        <v>0</v>
      </c>
      <c r="CP14" s="280">
        <v>0</v>
      </c>
      <c r="CQ14" s="281">
        <v>0</v>
      </c>
      <c r="CR14" s="281">
        <v>0</v>
      </c>
      <c r="CS14" s="281">
        <v>0</v>
      </c>
      <c r="CT14" s="281">
        <v>0</v>
      </c>
      <c r="CU14" s="281">
        <v>0</v>
      </c>
      <c r="CV14" s="278">
        <v>0</v>
      </c>
      <c r="CW14" s="283">
        <v>0</v>
      </c>
      <c r="CX14" s="277">
        <v>0</v>
      </c>
      <c r="CY14" s="281">
        <v>0</v>
      </c>
      <c r="CZ14" s="278">
        <v>0</v>
      </c>
      <c r="DA14" s="280">
        <v>0</v>
      </c>
      <c r="DB14" s="281">
        <v>0</v>
      </c>
      <c r="DC14" s="281">
        <v>0</v>
      </c>
      <c r="DD14" s="281">
        <v>0</v>
      </c>
      <c r="DE14" s="281">
        <v>0</v>
      </c>
      <c r="DF14" s="281">
        <v>0</v>
      </c>
      <c r="DG14" s="278">
        <v>0</v>
      </c>
      <c r="DH14" s="283">
        <v>0</v>
      </c>
    </row>
    <row r="15" spans="2:112" ht="18.75" customHeight="1" x14ac:dyDescent="0.2">
      <c r="B15" s="262" t="s">
        <v>12</v>
      </c>
      <c r="C15" s="277">
        <v>0</v>
      </c>
      <c r="D15" s="281">
        <v>0</v>
      </c>
      <c r="E15" s="385">
        <v>0</v>
      </c>
      <c r="F15" s="280">
        <v>0</v>
      </c>
      <c r="G15" s="281">
        <v>5952</v>
      </c>
      <c r="H15" s="281">
        <v>7933</v>
      </c>
      <c r="I15" s="281">
        <v>9487</v>
      </c>
      <c r="J15" s="281">
        <v>13245</v>
      </c>
      <c r="K15" s="281">
        <v>11976</v>
      </c>
      <c r="L15" s="282">
        <v>48593</v>
      </c>
      <c r="M15" s="283">
        <v>48593</v>
      </c>
      <c r="N15" s="277">
        <v>0</v>
      </c>
      <c r="O15" s="281">
        <v>15</v>
      </c>
      <c r="P15" s="278">
        <v>15</v>
      </c>
      <c r="Q15" s="280">
        <v>0</v>
      </c>
      <c r="R15" s="281">
        <v>18</v>
      </c>
      <c r="S15" s="281">
        <v>60</v>
      </c>
      <c r="T15" s="281">
        <v>83</v>
      </c>
      <c r="U15" s="281">
        <v>286</v>
      </c>
      <c r="V15" s="281">
        <v>369</v>
      </c>
      <c r="W15" s="278">
        <v>816</v>
      </c>
      <c r="X15" s="283">
        <v>831</v>
      </c>
      <c r="Y15" s="277">
        <v>394</v>
      </c>
      <c r="Z15" s="281">
        <v>1092</v>
      </c>
      <c r="AA15" s="278">
        <v>1486</v>
      </c>
      <c r="AB15" s="280">
        <v>0</v>
      </c>
      <c r="AC15" s="281">
        <v>1784</v>
      </c>
      <c r="AD15" s="281">
        <v>2294</v>
      </c>
      <c r="AE15" s="281">
        <v>1735</v>
      </c>
      <c r="AF15" s="281">
        <v>1451</v>
      </c>
      <c r="AG15" s="281">
        <v>1276</v>
      </c>
      <c r="AH15" s="278">
        <v>8540</v>
      </c>
      <c r="AI15" s="283">
        <v>10026</v>
      </c>
      <c r="AJ15" s="277">
        <v>30</v>
      </c>
      <c r="AK15" s="281">
        <v>168</v>
      </c>
      <c r="AL15" s="278">
        <v>198</v>
      </c>
      <c r="AM15" s="280">
        <v>0</v>
      </c>
      <c r="AN15" s="281">
        <v>184</v>
      </c>
      <c r="AO15" s="281">
        <v>494</v>
      </c>
      <c r="AP15" s="281">
        <v>286</v>
      </c>
      <c r="AQ15" s="281">
        <v>272</v>
      </c>
      <c r="AR15" s="281">
        <v>176</v>
      </c>
      <c r="AS15" s="278">
        <v>1412</v>
      </c>
      <c r="AT15" s="283">
        <v>1610</v>
      </c>
      <c r="AU15" s="277">
        <v>0</v>
      </c>
      <c r="AV15" s="281">
        <v>0</v>
      </c>
      <c r="AW15" s="278">
        <v>0</v>
      </c>
      <c r="AX15" s="280">
        <v>0</v>
      </c>
      <c r="AY15" s="281">
        <v>5286</v>
      </c>
      <c r="AZ15" s="281">
        <v>3945</v>
      </c>
      <c r="BA15" s="281">
        <v>3424</v>
      </c>
      <c r="BB15" s="281">
        <v>2214</v>
      </c>
      <c r="BC15" s="281">
        <v>887</v>
      </c>
      <c r="BD15" s="282">
        <v>15756</v>
      </c>
      <c r="BE15" s="283">
        <v>15756</v>
      </c>
      <c r="BF15" s="277">
        <v>0</v>
      </c>
      <c r="BG15" s="281">
        <v>0</v>
      </c>
      <c r="BH15" s="278">
        <v>0</v>
      </c>
      <c r="BI15" s="280">
        <v>0</v>
      </c>
      <c r="BJ15" s="281">
        <v>788</v>
      </c>
      <c r="BK15" s="281">
        <v>1277</v>
      </c>
      <c r="BL15" s="281">
        <v>875</v>
      </c>
      <c r="BM15" s="281">
        <v>509</v>
      </c>
      <c r="BN15" s="281">
        <v>282</v>
      </c>
      <c r="BO15" s="278">
        <v>3731</v>
      </c>
      <c r="BP15" s="283">
        <v>3731</v>
      </c>
      <c r="BQ15" s="277">
        <v>15</v>
      </c>
      <c r="BR15" s="281">
        <v>85</v>
      </c>
      <c r="BS15" s="278">
        <v>100</v>
      </c>
      <c r="BT15" s="280">
        <v>0</v>
      </c>
      <c r="BU15" s="281">
        <v>770</v>
      </c>
      <c r="BV15" s="281">
        <v>714</v>
      </c>
      <c r="BW15" s="281">
        <v>1494</v>
      </c>
      <c r="BX15" s="281">
        <v>1234</v>
      </c>
      <c r="BY15" s="281">
        <v>633</v>
      </c>
      <c r="BZ15" s="278">
        <v>4845</v>
      </c>
      <c r="CA15" s="283">
        <v>4945</v>
      </c>
      <c r="CB15" s="277">
        <v>0</v>
      </c>
      <c r="CC15" s="281">
        <v>0</v>
      </c>
      <c r="CD15" s="278">
        <v>0</v>
      </c>
      <c r="CE15" s="280">
        <v>0</v>
      </c>
      <c r="CF15" s="281">
        <v>10</v>
      </c>
      <c r="CG15" s="281">
        <v>24</v>
      </c>
      <c r="CH15" s="281">
        <v>45</v>
      </c>
      <c r="CI15" s="281">
        <v>28</v>
      </c>
      <c r="CJ15" s="281">
        <v>5</v>
      </c>
      <c r="CK15" s="278">
        <v>112</v>
      </c>
      <c r="CL15" s="283">
        <v>112</v>
      </c>
      <c r="CM15" s="277">
        <v>0</v>
      </c>
      <c r="CN15" s="281">
        <v>0</v>
      </c>
      <c r="CO15" s="278">
        <v>0</v>
      </c>
      <c r="CP15" s="280">
        <v>0</v>
      </c>
      <c r="CQ15" s="281">
        <v>0</v>
      </c>
      <c r="CR15" s="281">
        <v>0</v>
      </c>
      <c r="CS15" s="281">
        <v>0</v>
      </c>
      <c r="CT15" s="281">
        <v>0</v>
      </c>
      <c r="CU15" s="281">
        <v>0</v>
      </c>
      <c r="CV15" s="278">
        <v>0</v>
      </c>
      <c r="CW15" s="283">
        <v>0</v>
      </c>
      <c r="CX15" s="277">
        <v>0</v>
      </c>
      <c r="CY15" s="281">
        <v>0</v>
      </c>
      <c r="CZ15" s="278">
        <v>0</v>
      </c>
      <c r="DA15" s="280">
        <v>0</v>
      </c>
      <c r="DB15" s="281">
        <v>0</v>
      </c>
      <c r="DC15" s="281">
        <v>0</v>
      </c>
      <c r="DD15" s="281">
        <v>0</v>
      </c>
      <c r="DE15" s="281">
        <v>0</v>
      </c>
      <c r="DF15" s="281">
        <v>0</v>
      </c>
      <c r="DG15" s="278">
        <v>0</v>
      </c>
      <c r="DH15" s="283">
        <v>0</v>
      </c>
    </row>
    <row r="16" spans="2:112" ht="18.75" customHeight="1" x14ac:dyDescent="0.2">
      <c r="B16" s="262" t="s">
        <v>13</v>
      </c>
      <c r="C16" s="277">
        <v>0</v>
      </c>
      <c r="D16" s="281">
        <v>0</v>
      </c>
      <c r="E16" s="385">
        <v>0</v>
      </c>
      <c r="F16" s="280">
        <v>0</v>
      </c>
      <c r="G16" s="281">
        <v>2069</v>
      </c>
      <c r="H16" s="281">
        <v>3578</v>
      </c>
      <c r="I16" s="281">
        <v>3820</v>
      </c>
      <c r="J16" s="281">
        <v>5277</v>
      </c>
      <c r="K16" s="281">
        <v>5848</v>
      </c>
      <c r="L16" s="282">
        <v>20592</v>
      </c>
      <c r="M16" s="283">
        <v>20592</v>
      </c>
      <c r="N16" s="277">
        <v>0</v>
      </c>
      <c r="O16" s="281">
        <v>0</v>
      </c>
      <c r="P16" s="278">
        <v>0</v>
      </c>
      <c r="Q16" s="280">
        <v>0</v>
      </c>
      <c r="R16" s="281">
        <v>4</v>
      </c>
      <c r="S16" s="281">
        <v>14</v>
      </c>
      <c r="T16" s="281">
        <v>30</v>
      </c>
      <c r="U16" s="281">
        <v>86</v>
      </c>
      <c r="V16" s="281">
        <v>160</v>
      </c>
      <c r="W16" s="278">
        <v>294</v>
      </c>
      <c r="X16" s="283">
        <v>294</v>
      </c>
      <c r="Y16" s="277">
        <v>33</v>
      </c>
      <c r="Z16" s="281">
        <v>126</v>
      </c>
      <c r="AA16" s="278">
        <v>159</v>
      </c>
      <c r="AB16" s="280">
        <v>0</v>
      </c>
      <c r="AC16" s="281">
        <v>860</v>
      </c>
      <c r="AD16" s="281">
        <v>1081</v>
      </c>
      <c r="AE16" s="281">
        <v>934</v>
      </c>
      <c r="AF16" s="281">
        <v>940</v>
      </c>
      <c r="AG16" s="281">
        <v>764</v>
      </c>
      <c r="AH16" s="278">
        <v>4579</v>
      </c>
      <c r="AI16" s="283">
        <v>4738</v>
      </c>
      <c r="AJ16" s="277">
        <v>20</v>
      </c>
      <c r="AK16" s="281">
        <v>46</v>
      </c>
      <c r="AL16" s="278">
        <v>66</v>
      </c>
      <c r="AM16" s="280">
        <v>0</v>
      </c>
      <c r="AN16" s="281">
        <v>167</v>
      </c>
      <c r="AO16" s="281">
        <v>267</v>
      </c>
      <c r="AP16" s="281">
        <v>55</v>
      </c>
      <c r="AQ16" s="281">
        <v>119</v>
      </c>
      <c r="AR16" s="281">
        <v>69</v>
      </c>
      <c r="AS16" s="278">
        <v>677</v>
      </c>
      <c r="AT16" s="283">
        <v>743</v>
      </c>
      <c r="AU16" s="277">
        <v>0</v>
      </c>
      <c r="AV16" s="281">
        <v>0</v>
      </c>
      <c r="AW16" s="278">
        <v>0</v>
      </c>
      <c r="AX16" s="280">
        <v>0</v>
      </c>
      <c r="AY16" s="281">
        <v>1401</v>
      </c>
      <c r="AZ16" s="281">
        <v>1374</v>
      </c>
      <c r="BA16" s="281">
        <v>1065</v>
      </c>
      <c r="BB16" s="281">
        <v>640</v>
      </c>
      <c r="BC16" s="281">
        <v>294</v>
      </c>
      <c r="BD16" s="282">
        <v>4774</v>
      </c>
      <c r="BE16" s="283">
        <v>4774</v>
      </c>
      <c r="BF16" s="277">
        <v>0</v>
      </c>
      <c r="BG16" s="281">
        <v>0</v>
      </c>
      <c r="BH16" s="278">
        <v>0</v>
      </c>
      <c r="BI16" s="280">
        <v>0</v>
      </c>
      <c r="BJ16" s="281">
        <v>155</v>
      </c>
      <c r="BK16" s="281">
        <v>239</v>
      </c>
      <c r="BL16" s="281">
        <v>172</v>
      </c>
      <c r="BM16" s="281">
        <v>148</v>
      </c>
      <c r="BN16" s="281">
        <v>67</v>
      </c>
      <c r="BO16" s="278">
        <v>781</v>
      </c>
      <c r="BP16" s="283">
        <v>781</v>
      </c>
      <c r="BQ16" s="277">
        <v>0</v>
      </c>
      <c r="BR16" s="281">
        <v>0</v>
      </c>
      <c r="BS16" s="278">
        <v>0</v>
      </c>
      <c r="BT16" s="280">
        <v>0</v>
      </c>
      <c r="BU16" s="281">
        <v>188</v>
      </c>
      <c r="BV16" s="281">
        <v>172</v>
      </c>
      <c r="BW16" s="281">
        <v>549</v>
      </c>
      <c r="BX16" s="281">
        <v>609</v>
      </c>
      <c r="BY16" s="281">
        <v>287</v>
      </c>
      <c r="BZ16" s="278">
        <v>1805</v>
      </c>
      <c r="CA16" s="283">
        <v>1805</v>
      </c>
      <c r="CB16" s="277">
        <v>0</v>
      </c>
      <c r="CC16" s="281">
        <v>0</v>
      </c>
      <c r="CD16" s="278">
        <v>0</v>
      </c>
      <c r="CE16" s="280">
        <v>0</v>
      </c>
      <c r="CF16" s="281">
        <v>0</v>
      </c>
      <c r="CG16" s="281">
        <v>28</v>
      </c>
      <c r="CH16" s="281">
        <v>34</v>
      </c>
      <c r="CI16" s="281">
        <v>25</v>
      </c>
      <c r="CJ16" s="281">
        <v>9</v>
      </c>
      <c r="CK16" s="278">
        <v>96</v>
      </c>
      <c r="CL16" s="283">
        <v>96</v>
      </c>
      <c r="CM16" s="277">
        <v>0</v>
      </c>
      <c r="CN16" s="281">
        <v>0</v>
      </c>
      <c r="CO16" s="278">
        <v>0</v>
      </c>
      <c r="CP16" s="280">
        <v>0</v>
      </c>
      <c r="CQ16" s="281">
        <v>0</v>
      </c>
      <c r="CR16" s="281">
        <v>0</v>
      </c>
      <c r="CS16" s="281">
        <v>0</v>
      </c>
      <c r="CT16" s="281">
        <v>0</v>
      </c>
      <c r="CU16" s="281">
        <v>0</v>
      </c>
      <c r="CV16" s="278">
        <v>0</v>
      </c>
      <c r="CW16" s="283">
        <v>0</v>
      </c>
      <c r="CX16" s="277">
        <v>0</v>
      </c>
      <c r="CY16" s="281">
        <v>0</v>
      </c>
      <c r="CZ16" s="278">
        <v>0</v>
      </c>
      <c r="DA16" s="280">
        <v>0</v>
      </c>
      <c r="DB16" s="281">
        <v>0</v>
      </c>
      <c r="DC16" s="281">
        <v>0</v>
      </c>
      <c r="DD16" s="281">
        <v>0</v>
      </c>
      <c r="DE16" s="281">
        <v>0</v>
      </c>
      <c r="DF16" s="281">
        <v>0</v>
      </c>
      <c r="DG16" s="278">
        <v>0</v>
      </c>
      <c r="DH16" s="283">
        <v>0</v>
      </c>
    </row>
    <row r="17" spans="2:112" ht="18.75" customHeight="1" x14ac:dyDescent="0.2">
      <c r="B17" s="262" t="s">
        <v>15</v>
      </c>
      <c r="C17" s="277">
        <v>0</v>
      </c>
      <c r="D17" s="281">
        <v>0</v>
      </c>
      <c r="E17" s="385">
        <v>0</v>
      </c>
      <c r="F17" s="280">
        <v>0</v>
      </c>
      <c r="G17" s="281">
        <v>1109</v>
      </c>
      <c r="H17" s="281">
        <v>1903</v>
      </c>
      <c r="I17" s="281">
        <v>2010</v>
      </c>
      <c r="J17" s="281">
        <v>1680</v>
      </c>
      <c r="K17" s="281">
        <v>2174</v>
      </c>
      <c r="L17" s="282">
        <v>8876</v>
      </c>
      <c r="M17" s="283">
        <v>8876</v>
      </c>
      <c r="N17" s="277">
        <v>0</v>
      </c>
      <c r="O17" s="281">
        <v>0</v>
      </c>
      <c r="P17" s="278">
        <v>0</v>
      </c>
      <c r="Q17" s="280">
        <v>0</v>
      </c>
      <c r="R17" s="281">
        <v>0</v>
      </c>
      <c r="S17" s="281">
        <v>21</v>
      </c>
      <c r="T17" s="281">
        <v>31</v>
      </c>
      <c r="U17" s="281">
        <v>63</v>
      </c>
      <c r="V17" s="281">
        <v>156</v>
      </c>
      <c r="W17" s="278">
        <v>271</v>
      </c>
      <c r="X17" s="283">
        <v>271</v>
      </c>
      <c r="Y17" s="277">
        <v>7</v>
      </c>
      <c r="Z17" s="281">
        <v>84</v>
      </c>
      <c r="AA17" s="278">
        <v>91</v>
      </c>
      <c r="AB17" s="280">
        <v>0</v>
      </c>
      <c r="AC17" s="281">
        <v>312</v>
      </c>
      <c r="AD17" s="281">
        <v>520</v>
      </c>
      <c r="AE17" s="281">
        <v>254</v>
      </c>
      <c r="AF17" s="281">
        <v>238</v>
      </c>
      <c r="AG17" s="281">
        <v>428</v>
      </c>
      <c r="AH17" s="278">
        <v>1752</v>
      </c>
      <c r="AI17" s="283">
        <v>1843</v>
      </c>
      <c r="AJ17" s="277">
        <v>0</v>
      </c>
      <c r="AK17" s="281">
        <v>6</v>
      </c>
      <c r="AL17" s="278">
        <v>6</v>
      </c>
      <c r="AM17" s="280">
        <v>0</v>
      </c>
      <c r="AN17" s="281">
        <v>56</v>
      </c>
      <c r="AO17" s="281">
        <v>111</v>
      </c>
      <c r="AP17" s="281">
        <v>68</v>
      </c>
      <c r="AQ17" s="281">
        <v>26</v>
      </c>
      <c r="AR17" s="281">
        <v>83</v>
      </c>
      <c r="AS17" s="278">
        <v>344</v>
      </c>
      <c r="AT17" s="283">
        <v>350</v>
      </c>
      <c r="AU17" s="277">
        <v>0</v>
      </c>
      <c r="AV17" s="281">
        <v>0</v>
      </c>
      <c r="AW17" s="278">
        <v>0</v>
      </c>
      <c r="AX17" s="280">
        <v>0</v>
      </c>
      <c r="AY17" s="281">
        <v>792</v>
      </c>
      <c r="AZ17" s="281">
        <v>1305</v>
      </c>
      <c r="BA17" s="281">
        <v>537</v>
      </c>
      <c r="BB17" s="281">
        <v>134</v>
      </c>
      <c r="BC17" s="281">
        <v>116</v>
      </c>
      <c r="BD17" s="282">
        <v>2884</v>
      </c>
      <c r="BE17" s="283">
        <v>2884</v>
      </c>
      <c r="BF17" s="277">
        <v>0</v>
      </c>
      <c r="BG17" s="281">
        <v>0</v>
      </c>
      <c r="BH17" s="278">
        <v>0</v>
      </c>
      <c r="BI17" s="280">
        <v>0</v>
      </c>
      <c r="BJ17" s="281">
        <v>188</v>
      </c>
      <c r="BK17" s="281">
        <v>247</v>
      </c>
      <c r="BL17" s="281">
        <v>156</v>
      </c>
      <c r="BM17" s="281">
        <v>68</v>
      </c>
      <c r="BN17" s="281">
        <v>23</v>
      </c>
      <c r="BO17" s="278">
        <v>682</v>
      </c>
      <c r="BP17" s="283">
        <v>682</v>
      </c>
      <c r="BQ17" s="277">
        <v>0</v>
      </c>
      <c r="BR17" s="281">
        <v>5</v>
      </c>
      <c r="BS17" s="278">
        <v>5</v>
      </c>
      <c r="BT17" s="280">
        <v>0</v>
      </c>
      <c r="BU17" s="281">
        <v>50</v>
      </c>
      <c r="BV17" s="281">
        <v>268</v>
      </c>
      <c r="BW17" s="281">
        <v>629</v>
      </c>
      <c r="BX17" s="281">
        <v>834</v>
      </c>
      <c r="BY17" s="281">
        <v>327</v>
      </c>
      <c r="BZ17" s="278">
        <v>2108</v>
      </c>
      <c r="CA17" s="283">
        <v>2113</v>
      </c>
      <c r="CB17" s="277">
        <v>0</v>
      </c>
      <c r="CC17" s="281">
        <v>0</v>
      </c>
      <c r="CD17" s="278">
        <v>0</v>
      </c>
      <c r="CE17" s="280">
        <v>0</v>
      </c>
      <c r="CF17" s="281">
        <v>61</v>
      </c>
      <c r="CG17" s="281">
        <v>19</v>
      </c>
      <c r="CH17" s="281">
        <v>31</v>
      </c>
      <c r="CI17" s="281">
        <v>21</v>
      </c>
      <c r="CJ17" s="281">
        <v>8</v>
      </c>
      <c r="CK17" s="278">
        <v>140</v>
      </c>
      <c r="CL17" s="283">
        <v>140</v>
      </c>
      <c r="CM17" s="277">
        <v>0</v>
      </c>
      <c r="CN17" s="281">
        <v>0</v>
      </c>
      <c r="CO17" s="278">
        <v>0</v>
      </c>
      <c r="CP17" s="280">
        <v>0</v>
      </c>
      <c r="CQ17" s="281">
        <v>0</v>
      </c>
      <c r="CR17" s="281">
        <v>0</v>
      </c>
      <c r="CS17" s="281">
        <v>0</v>
      </c>
      <c r="CT17" s="281">
        <v>0</v>
      </c>
      <c r="CU17" s="281">
        <v>0</v>
      </c>
      <c r="CV17" s="278">
        <v>0</v>
      </c>
      <c r="CW17" s="283">
        <v>0</v>
      </c>
      <c r="CX17" s="277">
        <v>0</v>
      </c>
      <c r="CY17" s="281">
        <v>0</v>
      </c>
      <c r="CZ17" s="278">
        <v>0</v>
      </c>
      <c r="DA17" s="280">
        <v>0</v>
      </c>
      <c r="DB17" s="281">
        <v>0</v>
      </c>
      <c r="DC17" s="281">
        <v>0</v>
      </c>
      <c r="DD17" s="281">
        <v>0</v>
      </c>
      <c r="DE17" s="281">
        <v>0</v>
      </c>
      <c r="DF17" s="281">
        <v>0</v>
      </c>
      <c r="DG17" s="278">
        <v>0</v>
      </c>
      <c r="DH17" s="283">
        <v>0</v>
      </c>
    </row>
    <row r="18" spans="2:112" ht="18.75" customHeight="1" x14ac:dyDescent="0.2">
      <c r="B18" s="262" t="s">
        <v>16</v>
      </c>
      <c r="C18" s="277">
        <v>0</v>
      </c>
      <c r="D18" s="281">
        <v>0</v>
      </c>
      <c r="E18" s="385">
        <v>0</v>
      </c>
      <c r="F18" s="280">
        <v>0</v>
      </c>
      <c r="G18" s="281">
        <v>2197</v>
      </c>
      <c r="H18" s="281">
        <v>3796</v>
      </c>
      <c r="I18" s="281">
        <v>5148</v>
      </c>
      <c r="J18" s="281">
        <v>5988</v>
      </c>
      <c r="K18" s="281">
        <v>3578</v>
      </c>
      <c r="L18" s="282">
        <v>20707</v>
      </c>
      <c r="M18" s="283">
        <v>20707</v>
      </c>
      <c r="N18" s="277">
        <v>0</v>
      </c>
      <c r="O18" s="281">
        <v>0</v>
      </c>
      <c r="P18" s="278">
        <v>0</v>
      </c>
      <c r="Q18" s="280">
        <v>0</v>
      </c>
      <c r="R18" s="281">
        <v>2</v>
      </c>
      <c r="S18" s="281">
        <v>46</v>
      </c>
      <c r="T18" s="281">
        <v>63</v>
      </c>
      <c r="U18" s="281">
        <v>121</v>
      </c>
      <c r="V18" s="281">
        <v>232</v>
      </c>
      <c r="W18" s="278">
        <v>464</v>
      </c>
      <c r="X18" s="283">
        <v>464</v>
      </c>
      <c r="Y18" s="277">
        <v>101</v>
      </c>
      <c r="Z18" s="281">
        <v>330</v>
      </c>
      <c r="AA18" s="278">
        <v>431</v>
      </c>
      <c r="AB18" s="280">
        <v>0</v>
      </c>
      <c r="AC18" s="281">
        <v>1331</v>
      </c>
      <c r="AD18" s="281">
        <v>2368</v>
      </c>
      <c r="AE18" s="281">
        <v>1582</v>
      </c>
      <c r="AF18" s="281">
        <v>1542</v>
      </c>
      <c r="AG18" s="281">
        <v>879</v>
      </c>
      <c r="AH18" s="278">
        <v>7702</v>
      </c>
      <c r="AI18" s="283">
        <v>8133</v>
      </c>
      <c r="AJ18" s="277">
        <v>0</v>
      </c>
      <c r="AK18" s="281">
        <v>165</v>
      </c>
      <c r="AL18" s="278">
        <v>165</v>
      </c>
      <c r="AM18" s="280">
        <v>0</v>
      </c>
      <c r="AN18" s="281">
        <v>127</v>
      </c>
      <c r="AO18" s="281">
        <v>282</v>
      </c>
      <c r="AP18" s="281">
        <v>305</v>
      </c>
      <c r="AQ18" s="281">
        <v>114</v>
      </c>
      <c r="AR18" s="281">
        <v>115</v>
      </c>
      <c r="AS18" s="278">
        <v>943</v>
      </c>
      <c r="AT18" s="283">
        <v>1108</v>
      </c>
      <c r="AU18" s="277">
        <v>0</v>
      </c>
      <c r="AV18" s="281">
        <v>0</v>
      </c>
      <c r="AW18" s="278">
        <v>0</v>
      </c>
      <c r="AX18" s="280">
        <v>0</v>
      </c>
      <c r="AY18" s="281">
        <v>2747</v>
      </c>
      <c r="AZ18" s="281">
        <v>4206</v>
      </c>
      <c r="BA18" s="281">
        <v>3269</v>
      </c>
      <c r="BB18" s="281">
        <v>2126</v>
      </c>
      <c r="BC18" s="281">
        <v>1069</v>
      </c>
      <c r="BD18" s="282">
        <v>13417</v>
      </c>
      <c r="BE18" s="283">
        <v>13417</v>
      </c>
      <c r="BF18" s="277">
        <v>0</v>
      </c>
      <c r="BG18" s="281">
        <v>0</v>
      </c>
      <c r="BH18" s="278">
        <v>0</v>
      </c>
      <c r="BI18" s="280">
        <v>0</v>
      </c>
      <c r="BJ18" s="281">
        <v>1279</v>
      </c>
      <c r="BK18" s="281">
        <v>2094</v>
      </c>
      <c r="BL18" s="281">
        <v>962</v>
      </c>
      <c r="BM18" s="281">
        <v>522</v>
      </c>
      <c r="BN18" s="281">
        <v>161</v>
      </c>
      <c r="BO18" s="278">
        <v>5018</v>
      </c>
      <c r="BP18" s="283">
        <v>5018</v>
      </c>
      <c r="BQ18" s="277">
        <v>6</v>
      </c>
      <c r="BR18" s="281">
        <v>9</v>
      </c>
      <c r="BS18" s="278">
        <v>15</v>
      </c>
      <c r="BT18" s="280">
        <v>0</v>
      </c>
      <c r="BU18" s="281">
        <v>207</v>
      </c>
      <c r="BV18" s="281">
        <v>534</v>
      </c>
      <c r="BW18" s="281">
        <v>1085</v>
      </c>
      <c r="BX18" s="281">
        <v>569</v>
      </c>
      <c r="BY18" s="281">
        <v>239</v>
      </c>
      <c r="BZ18" s="278">
        <v>2634</v>
      </c>
      <c r="CA18" s="283">
        <v>2649</v>
      </c>
      <c r="CB18" s="277">
        <v>0</v>
      </c>
      <c r="CC18" s="281">
        <v>0</v>
      </c>
      <c r="CD18" s="278">
        <v>0</v>
      </c>
      <c r="CE18" s="280">
        <v>0</v>
      </c>
      <c r="CF18" s="281">
        <v>19</v>
      </c>
      <c r="CG18" s="281">
        <v>61</v>
      </c>
      <c r="CH18" s="281">
        <v>53</v>
      </c>
      <c r="CI18" s="281">
        <v>47</v>
      </c>
      <c r="CJ18" s="281">
        <v>27</v>
      </c>
      <c r="CK18" s="278">
        <v>207</v>
      </c>
      <c r="CL18" s="283">
        <v>207</v>
      </c>
      <c r="CM18" s="277">
        <v>0</v>
      </c>
      <c r="CN18" s="281">
        <v>0</v>
      </c>
      <c r="CO18" s="278">
        <v>0</v>
      </c>
      <c r="CP18" s="280">
        <v>0</v>
      </c>
      <c r="CQ18" s="281">
        <v>0</v>
      </c>
      <c r="CR18" s="281">
        <v>0</v>
      </c>
      <c r="CS18" s="281">
        <v>0</v>
      </c>
      <c r="CT18" s="281">
        <v>0</v>
      </c>
      <c r="CU18" s="281">
        <v>0</v>
      </c>
      <c r="CV18" s="278">
        <v>0</v>
      </c>
      <c r="CW18" s="283">
        <v>0</v>
      </c>
      <c r="CX18" s="277">
        <v>0</v>
      </c>
      <c r="CY18" s="281">
        <v>0</v>
      </c>
      <c r="CZ18" s="278">
        <v>0</v>
      </c>
      <c r="DA18" s="280">
        <v>0</v>
      </c>
      <c r="DB18" s="281">
        <v>0</v>
      </c>
      <c r="DC18" s="281">
        <v>0</v>
      </c>
      <c r="DD18" s="281">
        <v>0</v>
      </c>
      <c r="DE18" s="281">
        <v>0</v>
      </c>
      <c r="DF18" s="281">
        <v>0</v>
      </c>
      <c r="DG18" s="278">
        <v>0</v>
      </c>
      <c r="DH18" s="283">
        <v>0</v>
      </c>
    </row>
    <row r="19" spans="2:112" ht="18.75" customHeight="1" x14ac:dyDescent="0.2">
      <c r="B19" s="262" t="s">
        <v>17</v>
      </c>
      <c r="C19" s="277">
        <v>0</v>
      </c>
      <c r="D19" s="281">
        <v>0</v>
      </c>
      <c r="E19" s="385">
        <v>0</v>
      </c>
      <c r="F19" s="280">
        <v>0</v>
      </c>
      <c r="G19" s="281">
        <v>2611</v>
      </c>
      <c r="H19" s="281">
        <v>6718</v>
      </c>
      <c r="I19" s="281">
        <v>7361</v>
      </c>
      <c r="J19" s="281">
        <v>10598</v>
      </c>
      <c r="K19" s="281">
        <v>11635</v>
      </c>
      <c r="L19" s="282">
        <v>38923</v>
      </c>
      <c r="M19" s="283">
        <v>38923</v>
      </c>
      <c r="N19" s="277">
        <v>0</v>
      </c>
      <c r="O19" s="281">
        <v>8</v>
      </c>
      <c r="P19" s="278">
        <v>8</v>
      </c>
      <c r="Q19" s="280">
        <v>0</v>
      </c>
      <c r="R19" s="281">
        <v>9</v>
      </c>
      <c r="S19" s="281">
        <v>25</v>
      </c>
      <c r="T19" s="281">
        <v>92</v>
      </c>
      <c r="U19" s="281">
        <v>185</v>
      </c>
      <c r="V19" s="281">
        <v>400</v>
      </c>
      <c r="W19" s="278">
        <v>711</v>
      </c>
      <c r="X19" s="283">
        <v>719</v>
      </c>
      <c r="Y19" s="277">
        <v>136</v>
      </c>
      <c r="Z19" s="281">
        <v>509</v>
      </c>
      <c r="AA19" s="278">
        <v>645</v>
      </c>
      <c r="AB19" s="280">
        <v>0</v>
      </c>
      <c r="AC19" s="281">
        <v>1134</v>
      </c>
      <c r="AD19" s="281">
        <v>2524</v>
      </c>
      <c r="AE19" s="281">
        <v>1690</v>
      </c>
      <c r="AF19" s="281">
        <v>1499</v>
      </c>
      <c r="AG19" s="281">
        <v>1439</v>
      </c>
      <c r="AH19" s="278">
        <v>8286</v>
      </c>
      <c r="AI19" s="283">
        <v>8931</v>
      </c>
      <c r="AJ19" s="277">
        <v>25</v>
      </c>
      <c r="AK19" s="281">
        <v>38</v>
      </c>
      <c r="AL19" s="278">
        <v>63</v>
      </c>
      <c r="AM19" s="280">
        <v>0</v>
      </c>
      <c r="AN19" s="281">
        <v>110</v>
      </c>
      <c r="AO19" s="281">
        <v>313</v>
      </c>
      <c r="AP19" s="281">
        <v>240</v>
      </c>
      <c r="AQ19" s="281">
        <v>190</v>
      </c>
      <c r="AR19" s="281">
        <v>101</v>
      </c>
      <c r="AS19" s="278">
        <v>954</v>
      </c>
      <c r="AT19" s="283">
        <v>1017</v>
      </c>
      <c r="AU19" s="277">
        <v>0</v>
      </c>
      <c r="AV19" s="281">
        <v>0</v>
      </c>
      <c r="AW19" s="278">
        <v>0</v>
      </c>
      <c r="AX19" s="280">
        <v>0</v>
      </c>
      <c r="AY19" s="281">
        <v>3254</v>
      </c>
      <c r="AZ19" s="281">
        <v>5287</v>
      </c>
      <c r="BA19" s="281">
        <v>3387</v>
      </c>
      <c r="BB19" s="281">
        <v>2046</v>
      </c>
      <c r="BC19" s="281">
        <v>1015</v>
      </c>
      <c r="BD19" s="282">
        <v>14989</v>
      </c>
      <c r="BE19" s="283">
        <v>14989</v>
      </c>
      <c r="BF19" s="277">
        <v>0</v>
      </c>
      <c r="BG19" s="281">
        <v>0</v>
      </c>
      <c r="BH19" s="278">
        <v>0</v>
      </c>
      <c r="BI19" s="280">
        <v>0</v>
      </c>
      <c r="BJ19" s="281">
        <v>473</v>
      </c>
      <c r="BK19" s="281">
        <v>1270</v>
      </c>
      <c r="BL19" s="281">
        <v>522</v>
      </c>
      <c r="BM19" s="281">
        <v>268</v>
      </c>
      <c r="BN19" s="281">
        <v>157</v>
      </c>
      <c r="BO19" s="278">
        <v>2690</v>
      </c>
      <c r="BP19" s="283">
        <v>2690</v>
      </c>
      <c r="BQ19" s="277">
        <v>18</v>
      </c>
      <c r="BR19" s="281">
        <v>53</v>
      </c>
      <c r="BS19" s="278">
        <v>71</v>
      </c>
      <c r="BT19" s="280">
        <v>0</v>
      </c>
      <c r="BU19" s="281">
        <v>377</v>
      </c>
      <c r="BV19" s="281">
        <v>811</v>
      </c>
      <c r="BW19" s="281">
        <v>1031</v>
      </c>
      <c r="BX19" s="281">
        <v>1009</v>
      </c>
      <c r="BY19" s="281">
        <v>505</v>
      </c>
      <c r="BZ19" s="278">
        <v>3733</v>
      </c>
      <c r="CA19" s="283">
        <v>3804</v>
      </c>
      <c r="CB19" s="277">
        <v>0</v>
      </c>
      <c r="CC19" s="281">
        <v>0</v>
      </c>
      <c r="CD19" s="278">
        <v>0</v>
      </c>
      <c r="CE19" s="280">
        <v>0</v>
      </c>
      <c r="CF19" s="281">
        <v>36</v>
      </c>
      <c r="CG19" s="281">
        <v>97</v>
      </c>
      <c r="CH19" s="281">
        <v>68</v>
      </c>
      <c r="CI19" s="281">
        <v>47</v>
      </c>
      <c r="CJ19" s="281">
        <v>45</v>
      </c>
      <c r="CK19" s="278">
        <v>293</v>
      </c>
      <c r="CL19" s="283">
        <v>293</v>
      </c>
      <c r="CM19" s="277">
        <v>0</v>
      </c>
      <c r="CN19" s="281">
        <v>0</v>
      </c>
      <c r="CO19" s="278">
        <v>0</v>
      </c>
      <c r="CP19" s="280">
        <v>0</v>
      </c>
      <c r="CQ19" s="281">
        <v>0</v>
      </c>
      <c r="CR19" s="281">
        <v>0</v>
      </c>
      <c r="CS19" s="281">
        <v>0</v>
      </c>
      <c r="CT19" s="281">
        <v>0</v>
      </c>
      <c r="CU19" s="281">
        <v>0</v>
      </c>
      <c r="CV19" s="278">
        <v>0</v>
      </c>
      <c r="CW19" s="283">
        <v>0</v>
      </c>
      <c r="CX19" s="277">
        <v>0</v>
      </c>
      <c r="CY19" s="281">
        <v>0</v>
      </c>
      <c r="CZ19" s="278">
        <v>0</v>
      </c>
      <c r="DA19" s="280">
        <v>0</v>
      </c>
      <c r="DB19" s="281">
        <v>0</v>
      </c>
      <c r="DC19" s="281">
        <v>0</v>
      </c>
      <c r="DD19" s="281">
        <v>0</v>
      </c>
      <c r="DE19" s="281">
        <v>0</v>
      </c>
      <c r="DF19" s="281">
        <v>0</v>
      </c>
      <c r="DG19" s="278">
        <v>0</v>
      </c>
      <c r="DH19" s="283">
        <v>0</v>
      </c>
    </row>
    <row r="20" spans="2:112" ht="18.75" customHeight="1" x14ac:dyDescent="0.2">
      <c r="B20" s="262" t="s">
        <v>18</v>
      </c>
      <c r="C20" s="277">
        <v>0</v>
      </c>
      <c r="D20" s="281">
        <v>0</v>
      </c>
      <c r="E20" s="385">
        <v>0</v>
      </c>
      <c r="F20" s="280">
        <v>0</v>
      </c>
      <c r="G20" s="281">
        <v>5456</v>
      </c>
      <c r="H20" s="281">
        <v>7976</v>
      </c>
      <c r="I20" s="281">
        <v>8403</v>
      </c>
      <c r="J20" s="281">
        <v>13338</v>
      </c>
      <c r="K20" s="281">
        <v>9522</v>
      </c>
      <c r="L20" s="282">
        <v>44695</v>
      </c>
      <c r="M20" s="283">
        <v>44695</v>
      </c>
      <c r="N20" s="277">
        <v>0</v>
      </c>
      <c r="O20" s="281">
        <v>0</v>
      </c>
      <c r="P20" s="278">
        <v>0</v>
      </c>
      <c r="Q20" s="280">
        <v>0</v>
      </c>
      <c r="R20" s="281">
        <v>9</v>
      </c>
      <c r="S20" s="281">
        <v>64</v>
      </c>
      <c r="T20" s="281">
        <v>91</v>
      </c>
      <c r="U20" s="281">
        <v>211</v>
      </c>
      <c r="V20" s="281">
        <v>433</v>
      </c>
      <c r="W20" s="278">
        <v>808</v>
      </c>
      <c r="X20" s="283">
        <v>808</v>
      </c>
      <c r="Y20" s="277">
        <v>274</v>
      </c>
      <c r="Z20" s="281">
        <v>693</v>
      </c>
      <c r="AA20" s="278">
        <v>967</v>
      </c>
      <c r="AB20" s="280">
        <v>0</v>
      </c>
      <c r="AC20" s="281">
        <v>2563</v>
      </c>
      <c r="AD20" s="281">
        <v>2830</v>
      </c>
      <c r="AE20" s="281">
        <v>2045</v>
      </c>
      <c r="AF20" s="281">
        <v>1873</v>
      </c>
      <c r="AG20" s="281">
        <v>1636</v>
      </c>
      <c r="AH20" s="278">
        <v>10947</v>
      </c>
      <c r="AI20" s="283">
        <v>11914</v>
      </c>
      <c r="AJ20" s="277">
        <v>81</v>
      </c>
      <c r="AK20" s="281">
        <v>66</v>
      </c>
      <c r="AL20" s="278">
        <v>147</v>
      </c>
      <c r="AM20" s="280">
        <v>0</v>
      </c>
      <c r="AN20" s="281">
        <v>499</v>
      </c>
      <c r="AO20" s="281">
        <v>540</v>
      </c>
      <c r="AP20" s="281">
        <v>407</v>
      </c>
      <c r="AQ20" s="281">
        <v>370</v>
      </c>
      <c r="AR20" s="281">
        <v>190</v>
      </c>
      <c r="AS20" s="278">
        <v>2006</v>
      </c>
      <c r="AT20" s="283">
        <v>2153</v>
      </c>
      <c r="AU20" s="277">
        <v>0</v>
      </c>
      <c r="AV20" s="281">
        <v>0</v>
      </c>
      <c r="AW20" s="278">
        <v>0</v>
      </c>
      <c r="AX20" s="280">
        <v>0</v>
      </c>
      <c r="AY20" s="281">
        <v>5676</v>
      </c>
      <c r="AZ20" s="281">
        <v>5962</v>
      </c>
      <c r="BA20" s="281">
        <v>3841</v>
      </c>
      <c r="BB20" s="281">
        <v>2332</v>
      </c>
      <c r="BC20" s="281">
        <v>923</v>
      </c>
      <c r="BD20" s="282">
        <v>18734</v>
      </c>
      <c r="BE20" s="283">
        <v>18734</v>
      </c>
      <c r="BF20" s="277">
        <v>0</v>
      </c>
      <c r="BG20" s="281">
        <v>0</v>
      </c>
      <c r="BH20" s="278">
        <v>0</v>
      </c>
      <c r="BI20" s="280">
        <v>0</v>
      </c>
      <c r="BJ20" s="281">
        <v>1140</v>
      </c>
      <c r="BK20" s="281">
        <v>1307</v>
      </c>
      <c r="BL20" s="281">
        <v>767</v>
      </c>
      <c r="BM20" s="281">
        <v>498</v>
      </c>
      <c r="BN20" s="281">
        <v>137</v>
      </c>
      <c r="BO20" s="278">
        <v>3849</v>
      </c>
      <c r="BP20" s="283">
        <v>3849</v>
      </c>
      <c r="BQ20" s="277">
        <v>0</v>
      </c>
      <c r="BR20" s="281">
        <v>10</v>
      </c>
      <c r="BS20" s="278">
        <v>10</v>
      </c>
      <c r="BT20" s="280">
        <v>0</v>
      </c>
      <c r="BU20" s="281">
        <v>387</v>
      </c>
      <c r="BV20" s="281">
        <v>1131</v>
      </c>
      <c r="BW20" s="281">
        <v>1914</v>
      </c>
      <c r="BX20" s="281">
        <v>1326</v>
      </c>
      <c r="BY20" s="281">
        <v>799</v>
      </c>
      <c r="BZ20" s="278">
        <v>5557</v>
      </c>
      <c r="CA20" s="283">
        <v>5567</v>
      </c>
      <c r="CB20" s="277">
        <v>0</v>
      </c>
      <c r="CC20" s="281">
        <v>0</v>
      </c>
      <c r="CD20" s="278">
        <v>0</v>
      </c>
      <c r="CE20" s="280">
        <v>0</v>
      </c>
      <c r="CF20" s="281">
        <v>10</v>
      </c>
      <c r="CG20" s="281">
        <v>14</v>
      </c>
      <c r="CH20" s="281">
        <v>15</v>
      </c>
      <c r="CI20" s="281">
        <v>76</v>
      </c>
      <c r="CJ20" s="281">
        <v>13</v>
      </c>
      <c r="CK20" s="278">
        <v>128</v>
      </c>
      <c r="CL20" s="283">
        <v>128</v>
      </c>
      <c r="CM20" s="277">
        <v>0</v>
      </c>
      <c r="CN20" s="281">
        <v>0</v>
      </c>
      <c r="CO20" s="278">
        <v>0</v>
      </c>
      <c r="CP20" s="280">
        <v>0</v>
      </c>
      <c r="CQ20" s="281">
        <v>0</v>
      </c>
      <c r="CR20" s="281">
        <v>0</v>
      </c>
      <c r="CS20" s="281">
        <v>0</v>
      </c>
      <c r="CT20" s="281">
        <v>0</v>
      </c>
      <c r="CU20" s="281">
        <v>0</v>
      </c>
      <c r="CV20" s="278">
        <v>0</v>
      </c>
      <c r="CW20" s="283">
        <v>0</v>
      </c>
      <c r="CX20" s="277">
        <v>0</v>
      </c>
      <c r="CY20" s="281">
        <v>0</v>
      </c>
      <c r="CZ20" s="278">
        <v>0</v>
      </c>
      <c r="DA20" s="280">
        <v>0</v>
      </c>
      <c r="DB20" s="281">
        <v>0</v>
      </c>
      <c r="DC20" s="281">
        <v>0</v>
      </c>
      <c r="DD20" s="281">
        <v>0</v>
      </c>
      <c r="DE20" s="281">
        <v>0</v>
      </c>
      <c r="DF20" s="281">
        <v>0</v>
      </c>
      <c r="DG20" s="278">
        <v>0</v>
      </c>
      <c r="DH20" s="283">
        <v>0</v>
      </c>
    </row>
    <row r="21" spans="2:112" ht="18.75" customHeight="1" x14ac:dyDescent="0.2">
      <c r="B21" s="262" t="s">
        <v>19</v>
      </c>
      <c r="C21" s="277">
        <v>0</v>
      </c>
      <c r="D21" s="281">
        <v>0</v>
      </c>
      <c r="E21" s="385">
        <v>0</v>
      </c>
      <c r="F21" s="280">
        <v>0</v>
      </c>
      <c r="G21" s="281">
        <v>1989</v>
      </c>
      <c r="H21" s="281">
        <v>2304</v>
      </c>
      <c r="I21" s="281">
        <v>3083</v>
      </c>
      <c r="J21" s="281">
        <v>3396</v>
      </c>
      <c r="K21" s="281">
        <v>2762</v>
      </c>
      <c r="L21" s="282">
        <v>13534</v>
      </c>
      <c r="M21" s="283">
        <v>13534</v>
      </c>
      <c r="N21" s="277">
        <v>0</v>
      </c>
      <c r="O21" s="281">
        <v>0</v>
      </c>
      <c r="P21" s="278">
        <v>0</v>
      </c>
      <c r="Q21" s="280">
        <v>0</v>
      </c>
      <c r="R21" s="281">
        <v>23</v>
      </c>
      <c r="S21" s="281">
        <v>14</v>
      </c>
      <c r="T21" s="281">
        <v>68</v>
      </c>
      <c r="U21" s="281">
        <v>100</v>
      </c>
      <c r="V21" s="281">
        <v>153</v>
      </c>
      <c r="W21" s="278">
        <v>358</v>
      </c>
      <c r="X21" s="283">
        <v>358</v>
      </c>
      <c r="Y21" s="277">
        <v>116</v>
      </c>
      <c r="Z21" s="281">
        <v>255</v>
      </c>
      <c r="AA21" s="278">
        <v>371</v>
      </c>
      <c r="AB21" s="280">
        <v>0</v>
      </c>
      <c r="AC21" s="281">
        <v>1167</v>
      </c>
      <c r="AD21" s="281">
        <v>1176</v>
      </c>
      <c r="AE21" s="281">
        <v>923</v>
      </c>
      <c r="AF21" s="281">
        <v>556</v>
      </c>
      <c r="AG21" s="281">
        <v>665</v>
      </c>
      <c r="AH21" s="278">
        <v>4487</v>
      </c>
      <c r="AI21" s="283">
        <v>4858</v>
      </c>
      <c r="AJ21" s="277">
        <v>8</v>
      </c>
      <c r="AK21" s="281">
        <v>26</v>
      </c>
      <c r="AL21" s="278">
        <v>34</v>
      </c>
      <c r="AM21" s="280">
        <v>0</v>
      </c>
      <c r="AN21" s="281">
        <v>135</v>
      </c>
      <c r="AO21" s="281">
        <v>92</v>
      </c>
      <c r="AP21" s="281">
        <v>60</v>
      </c>
      <c r="AQ21" s="281">
        <v>23</v>
      </c>
      <c r="AR21" s="281">
        <v>47</v>
      </c>
      <c r="AS21" s="278">
        <v>357</v>
      </c>
      <c r="AT21" s="283">
        <v>391</v>
      </c>
      <c r="AU21" s="277">
        <v>0</v>
      </c>
      <c r="AV21" s="281">
        <v>0</v>
      </c>
      <c r="AW21" s="278">
        <v>0</v>
      </c>
      <c r="AX21" s="280">
        <v>0</v>
      </c>
      <c r="AY21" s="281">
        <v>2119</v>
      </c>
      <c r="AZ21" s="281">
        <v>2254</v>
      </c>
      <c r="BA21" s="281">
        <v>1190</v>
      </c>
      <c r="BB21" s="281">
        <v>561</v>
      </c>
      <c r="BC21" s="281">
        <v>439</v>
      </c>
      <c r="BD21" s="282">
        <v>6563</v>
      </c>
      <c r="BE21" s="283">
        <v>6563</v>
      </c>
      <c r="BF21" s="277">
        <v>0</v>
      </c>
      <c r="BG21" s="281">
        <v>0</v>
      </c>
      <c r="BH21" s="278">
        <v>0</v>
      </c>
      <c r="BI21" s="280">
        <v>0</v>
      </c>
      <c r="BJ21" s="281">
        <v>707</v>
      </c>
      <c r="BK21" s="281">
        <v>573</v>
      </c>
      <c r="BL21" s="281">
        <v>373</v>
      </c>
      <c r="BM21" s="281">
        <v>248</v>
      </c>
      <c r="BN21" s="281">
        <v>67</v>
      </c>
      <c r="BO21" s="278">
        <v>1968</v>
      </c>
      <c r="BP21" s="283">
        <v>1968</v>
      </c>
      <c r="BQ21" s="277">
        <v>12</v>
      </c>
      <c r="BR21" s="281">
        <v>11</v>
      </c>
      <c r="BS21" s="278">
        <v>23</v>
      </c>
      <c r="BT21" s="280">
        <v>0</v>
      </c>
      <c r="BU21" s="281">
        <v>144</v>
      </c>
      <c r="BV21" s="281">
        <v>302</v>
      </c>
      <c r="BW21" s="281">
        <v>528</v>
      </c>
      <c r="BX21" s="281">
        <v>282</v>
      </c>
      <c r="BY21" s="281">
        <v>142</v>
      </c>
      <c r="BZ21" s="278">
        <v>1398</v>
      </c>
      <c r="CA21" s="283">
        <v>1421</v>
      </c>
      <c r="CB21" s="277">
        <v>0</v>
      </c>
      <c r="CC21" s="281">
        <v>0</v>
      </c>
      <c r="CD21" s="278">
        <v>0</v>
      </c>
      <c r="CE21" s="280">
        <v>0</v>
      </c>
      <c r="CF21" s="281">
        <v>23</v>
      </c>
      <c r="CG21" s="281">
        <v>74</v>
      </c>
      <c r="CH21" s="281">
        <v>62</v>
      </c>
      <c r="CI21" s="281">
        <v>59</v>
      </c>
      <c r="CJ21" s="281">
        <v>49</v>
      </c>
      <c r="CK21" s="278">
        <v>267</v>
      </c>
      <c r="CL21" s="283">
        <v>267</v>
      </c>
      <c r="CM21" s="277">
        <v>0</v>
      </c>
      <c r="CN21" s="281">
        <v>0</v>
      </c>
      <c r="CO21" s="278">
        <v>0</v>
      </c>
      <c r="CP21" s="280">
        <v>0</v>
      </c>
      <c r="CQ21" s="281">
        <v>0</v>
      </c>
      <c r="CR21" s="281">
        <v>0</v>
      </c>
      <c r="CS21" s="281">
        <v>0</v>
      </c>
      <c r="CT21" s="281">
        <v>0</v>
      </c>
      <c r="CU21" s="281">
        <v>0</v>
      </c>
      <c r="CV21" s="278">
        <v>0</v>
      </c>
      <c r="CW21" s="283">
        <v>0</v>
      </c>
      <c r="CX21" s="277">
        <v>0</v>
      </c>
      <c r="CY21" s="281">
        <v>0</v>
      </c>
      <c r="CZ21" s="278">
        <v>0</v>
      </c>
      <c r="DA21" s="280">
        <v>0</v>
      </c>
      <c r="DB21" s="281">
        <v>0</v>
      </c>
      <c r="DC21" s="281">
        <v>0</v>
      </c>
      <c r="DD21" s="281">
        <v>0</v>
      </c>
      <c r="DE21" s="281">
        <v>0</v>
      </c>
      <c r="DF21" s="281">
        <v>0</v>
      </c>
      <c r="DG21" s="278">
        <v>0</v>
      </c>
      <c r="DH21" s="283">
        <v>0</v>
      </c>
    </row>
    <row r="22" spans="2:112" ht="18.75" customHeight="1" x14ac:dyDescent="0.2">
      <c r="B22" s="262" t="s">
        <v>20</v>
      </c>
      <c r="C22" s="277">
        <v>0</v>
      </c>
      <c r="D22" s="281">
        <v>0</v>
      </c>
      <c r="E22" s="385">
        <v>0</v>
      </c>
      <c r="F22" s="280">
        <v>0</v>
      </c>
      <c r="G22" s="281">
        <v>2656</v>
      </c>
      <c r="H22" s="281">
        <v>2807</v>
      </c>
      <c r="I22" s="281">
        <v>5059</v>
      </c>
      <c r="J22" s="281">
        <v>4575</v>
      </c>
      <c r="K22" s="281">
        <v>3327</v>
      </c>
      <c r="L22" s="282">
        <v>18424</v>
      </c>
      <c r="M22" s="283">
        <v>18424</v>
      </c>
      <c r="N22" s="277">
        <v>0</v>
      </c>
      <c r="O22" s="281">
        <v>0</v>
      </c>
      <c r="P22" s="278">
        <v>0</v>
      </c>
      <c r="Q22" s="280">
        <v>0</v>
      </c>
      <c r="R22" s="281">
        <v>1</v>
      </c>
      <c r="S22" s="281">
        <v>22</v>
      </c>
      <c r="T22" s="281">
        <v>43</v>
      </c>
      <c r="U22" s="281">
        <v>91</v>
      </c>
      <c r="V22" s="281">
        <v>232</v>
      </c>
      <c r="W22" s="278">
        <v>389</v>
      </c>
      <c r="X22" s="283">
        <v>389</v>
      </c>
      <c r="Y22" s="277">
        <v>231</v>
      </c>
      <c r="Z22" s="281">
        <v>670</v>
      </c>
      <c r="AA22" s="278">
        <v>901</v>
      </c>
      <c r="AB22" s="280">
        <v>0</v>
      </c>
      <c r="AC22" s="281">
        <v>2098</v>
      </c>
      <c r="AD22" s="281">
        <v>1691</v>
      </c>
      <c r="AE22" s="281">
        <v>1077</v>
      </c>
      <c r="AF22" s="281">
        <v>783</v>
      </c>
      <c r="AG22" s="281">
        <v>620</v>
      </c>
      <c r="AH22" s="278">
        <v>6269</v>
      </c>
      <c r="AI22" s="283">
        <v>7170</v>
      </c>
      <c r="AJ22" s="277">
        <v>80</v>
      </c>
      <c r="AK22" s="281">
        <v>289</v>
      </c>
      <c r="AL22" s="278">
        <v>369</v>
      </c>
      <c r="AM22" s="280">
        <v>0</v>
      </c>
      <c r="AN22" s="281">
        <v>664</v>
      </c>
      <c r="AO22" s="281">
        <v>528</v>
      </c>
      <c r="AP22" s="281">
        <v>326</v>
      </c>
      <c r="AQ22" s="281">
        <v>375</v>
      </c>
      <c r="AR22" s="281">
        <v>134</v>
      </c>
      <c r="AS22" s="278">
        <v>2027</v>
      </c>
      <c r="AT22" s="283">
        <v>2396</v>
      </c>
      <c r="AU22" s="277">
        <v>0</v>
      </c>
      <c r="AV22" s="281">
        <v>0</v>
      </c>
      <c r="AW22" s="278">
        <v>0</v>
      </c>
      <c r="AX22" s="280">
        <v>0</v>
      </c>
      <c r="AY22" s="281">
        <v>2807</v>
      </c>
      <c r="AZ22" s="281">
        <v>1816</v>
      </c>
      <c r="BA22" s="281">
        <v>1589</v>
      </c>
      <c r="BB22" s="281">
        <v>691</v>
      </c>
      <c r="BC22" s="281">
        <v>345</v>
      </c>
      <c r="BD22" s="282">
        <v>7248</v>
      </c>
      <c r="BE22" s="283">
        <v>7248</v>
      </c>
      <c r="BF22" s="277">
        <v>0</v>
      </c>
      <c r="BG22" s="281">
        <v>0</v>
      </c>
      <c r="BH22" s="278">
        <v>0</v>
      </c>
      <c r="BI22" s="280">
        <v>0</v>
      </c>
      <c r="BJ22" s="281">
        <v>1185</v>
      </c>
      <c r="BK22" s="281">
        <v>834</v>
      </c>
      <c r="BL22" s="281">
        <v>564</v>
      </c>
      <c r="BM22" s="281">
        <v>347</v>
      </c>
      <c r="BN22" s="281">
        <v>75</v>
      </c>
      <c r="BO22" s="278">
        <v>3005</v>
      </c>
      <c r="BP22" s="283">
        <v>3005</v>
      </c>
      <c r="BQ22" s="277">
        <v>0</v>
      </c>
      <c r="BR22" s="281">
        <v>16</v>
      </c>
      <c r="BS22" s="278">
        <v>16</v>
      </c>
      <c r="BT22" s="280">
        <v>0</v>
      </c>
      <c r="BU22" s="281">
        <v>520</v>
      </c>
      <c r="BV22" s="281">
        <v>440</v>
      </c>
      <c r="BW22" s="281">
        <v>1165</v>
      </c>
      <c r="BX22" s="281">
        <v>753</v>
      </c>
      <c r="BY22" s="281">
        <v>336</v>
      </c>
      <c r="BZ22" s="278">
        <v>3214</v>
      </c>
      <c r="CA22" s="283">
        <v>3230</v>
      </c>
      <c r="CB22" s="277">
        <v>0</v>
      </c>
      <c r="CC22" s="281">
        <v>0</v>
      </c>
      <c r="CD22" s="278">
        <v>0</v>
      </c>
      <c r="CE22" s="280">
        <v>0</v>
      </c>
      <c r="CF22" s="281">
        <v>11</v>
      </c>
      <c r="CG22" s="281">
        <v>32</v>
      </c>
      <c r="CH22" s="281">
        <v>64</v>
      </c>
      <c r="CI22" s="281">
        <v>77</v>
      </c>
      <c r="CJ22" s="281">
        <v>61</v>
      </c>
      <c r="CK22" s="278">
        <v>245</v>
      </c>
      <c r="CL22" s="283">
        <v>245</v>
      </c>
      <c r="CM22" s="277">
        <v>0</v>
      </c>
      <c r="CN22" s="281">
        <v>0</v>
      </c>
      <c r="CO22" s="278">
        <v>0</v>
      </c>
      <c r="CP22" s="280">
        <v>0</v>
      </c>
      <c r="CQ22" s="281">
        <v>0</v>
      </c>
      <c r="CR22" s="281">
        <v>0</v>
      </c>
      <c r="CS22" s="281">
        <v>0</v>
      </c>
      <c r="CT22" s="281">
        <v>0</v>
      </c>
      <c r="CU22" s="281">
        <v>0</v>
      </c>
      <c r="CV22" s="278">
        <v>0</v>
      </c>
      <c r="CW22" s="283">
        <v>0</v>
      </c>
      <c r="CX22" s="277">
        <v>0</v>
      </c>
      <c r="CY22" s="281">
        <v>0</v>
      </c>
      <c r="CZ22" s="278">
        <v>0</v>
      </c>
      <c r="DA22" s="280">
        <v>0</v>
      </c>
      <c r="DB22" s="281">
        <v>0</v>
      </c>
      <c r="DC22" s="281">
        <v>0</v>
      </c>
      <c r="DD22" s="281">
        <v>0</v>
      </c>
      <c r="DE22" s="281">
        <v>0</v>
      </c>
      <c r="DF22" s="281">
        <v>0</v>
      </c>
      <c r="DG22" s="278">
        <v>0</v>
      </c>
      <c r="DH22" s="283">
        <v>0</v>
      </c>
    </row>
    <row r="23" spans="2:112" ht="18.75" customHeight="1" x14ac:dyDescent="0.2">
      <c r="B23" s="262" t="s">
        <v>21</v>
      </c>
      <c r="C23" s="277">
        <v>0</v>
      </c>
      <c r="D23" s="281">
        <v>0</v>
      </c>
      <c r="E23" s="385">
        <v>0</v>
      </c>
      <c r="F23" s="280">
        <v>0</v>
      </c>
      <c r="G23" s="281">
        <v>2591</v>
      </c>
      <c r="H23" s="281">
        <v>6217</v>
      </c>
      <c r="I23" s="281">
        <v>6086</v>
      </c>
      <c r="J23" s="281">
        <v>7769</v>
      </c>
      <c r="K23" s="281">
        <v>4518</v>
      </c>
      <c r="L23" s="282">
        <v>27181</v>
      </c>
      <c r="M23" s="283">
        <v>27181</v>
      </c>
      <c r="N23" s="277">
        <v>0</v>
      </c>
      <c r="O23" s="281">
        <v>0</v>
      </c>
      <c r="P23" s="278">
        <v>0</v>
      </c>
      <c r="Q23" s="280">
        <v>0</v>
      </c>
      <c r="R23" s="281">
        <v>8</v>
      </c>
      <c r="S23" s="281">
        <v>22</v>
      </c>
      <c r="T23" s="281">
        <v>85</v>
      </c>
      <c r="U23" s="281">
        <v>141</v>
      </c>
      <c r="V23" s="281">
        <v>201</v>
      </c>
      <c r="W23" s="278">
        <v>457</v>
      </c>
      <c r="X23" s="283">
        <v>457</v>
      </c>
      <c r="Y23" s="277">
        <v>337</v>
      </c>
      <c r="Z23" s="281">
        <v>537</v>
      </c>
      <c r="AA23" s="278">
        <v>874</v>
      </c>
      <c r="AB23" s="280">
        <v>0</v>
      </c>
      <c r="AC23" s="281">
        <v>1712</v>
      </c>
      <c r="AD23" s="281">
        <v>2545</v>
      </c>
      <c r="AE23" s="281">
        <v>1453</v>
      </c>
      <c r="AF23" s="281">
        <v>1383</v>
      </c>
      <c r="AG23" s="281">
        <v>848</v>
      </c>
      <c r="AH23" s="278">
        <v>7941</v>
      </c>
      <c r="AI23" s="283">
        <v>8815</v>
      </c>
      <c r="AJ23" s="277">
        <v>108</v>
      </c>
      <c r="AK23" s="281">
        <v>353</v>
      </c>
      <c r="AL23" s="278">
        <v>461</v>
      </c>
      <c r="AM23" s="280">
        <v>0</v>
      </c>
      <c r="AN23" s="281">
        <v>156</v>
      </c>
      <c r="AO23" s="281">
        <v>408</v>
      </c>
      <c r="AP23" s="281">
        <v>153</v>
      </c>
      <c r="AQ23" s="281">
        <v>195</v>
      </c>
      <c r="AR23" s="281">
        <v>46</v>
      </c>
      <c r="AS23" s="278">
        <v>958</v>
      </c>
      <c r="AT23" s="283">
        <v>1419</v>
      </c>
      <c r="AU23" s="277">
        <v>0</v>
      </c>
      <c r="AV23" s="281">
        <v>0</v>
      </c>
      <c r="AW23" s="278">
        <v>0</v>
      </c>
      <c r="AX23" s="280">
        <v>0</v>
      </c>
      <c r="AY23" s="281">
        <v>2526</v>
      </c>
      <c r="AZ23" s="281">
        <v>3090</v>
      </c>
      <c r="BA23" s="281">
        <v>1933</v>
      </c>
      <c r="BB23" s="281">
        <v>1118</v>
      </c>
      <c r="BC23" s="281">
        <v>369</v>
      </c>
      <c r="BD23" s="282">
        <v>9036</v>
      </c>
      <c r="BE23" s="283">
        <v>9036</v>
      </c>
      <c r="BF23" s="277">
        <v>0</v>
      </c>
      <c r="BG23" s="281">
        <v>0</v>
      </c>
      <c r="BH23" s="278">
        <v>0</v>
      </c>
      <c r="BI23" s="280">
        <v>0</v>
      </c>
      <c r="BJ23" s="281">
        <v>342</v>
      </c>
      <c r="BK23" s="281">
        <v>455</v>
      </c>
      <c r="BL23" s="281">
        <v>337</v>
      </c>
      <c r="BM23" s="281">
        <v>98</v>
      </c>
      <c r="BN23" s="281">
        <v>99</v>
      </c>
      <c r="BO23" s="278">
        <v>1331</v>
      </c>
      <c r="BP23" s="283">
        <v>1331</v>
      </c>
      <c r="BQ23" s="277">
        <v>10</v>
      </c>
      <c r="BR23" s="281">
        <v>8</v>
      </c>
      <c r="BS23" s="278">
        <v>18</v>
      </c>
      <c r="BT23" s="280">
        <v>0</v>
      </c>
      <c r="BU23" s="281">
        <v>215</v>
      </c>
      <c r="BV23" s="281">
        <v>434</v>
      </c>
      <c r="BW23" s="281">
        <v>1373</v>
      </c>
      <c r="BX23" s="281">
        <v>943</v>
      </c>
      <c r="BY23" s="281">
        <v>602</v>
      </c>
      <c r="BZ23" s="278">
        <v>3567</v>
      </c>
      <c r="CA23" s="283">
        <v>3585</v>
      </c>
      <c r="CB23" s="277">
        <v>0</v>
      </c>
      <c r="CC23" s="281">
        <v>0</v>
      </c>
      <c r="CD23" s="278">
        <v>0</v>
      </c>
      <c r="CE23" s="280">
        <v>0</v>
      </c>
      <c r="CF23" s="281">
        <v>6</v>
      </c>
      <c r="CG23" s="281">
        <v>61</v>
      </c>
      <c r="CH23" s="281">
        <v>24</v>
      </c>
      <c r="CI23" s="281">
        <v>5</v>
      </c>
      <c r="CJ23" s="281">
        <v>31</v>
      </c>
      <c r="CK23" s="278">
        <v>127</v>
      </c>
      <c r="CL23" s="283">
        <v>127</v>
      </c>
      <c r="CM23" s="277">
        <v>0</v>
      </c>
      <c r="CN23" s="281">
        <v>0</v>
      </c>
      <c r="CO23" s="278">
        <v>0</v>
      </c>
      <c r="CP23" s="280">
        <v>0</v>
      </c>
      <c r="CQ23" s="281">
        <v>0</v>
      </c>
      <c r="CR23" s="281">
        <v>0</v>
      </c>
      <c r="CS23" s="281">
        <v>0</v>
      </c>
      <c r="CT23" s="281">
        <v>0</v>
      </c>
      <c r="CU23" s="281">
        <v>0</v>
      </c>
      <c r="CV23" s="278">
        <v>0</v>
      </c>
      <c r="CW23" s="283">
        <v>0</v>
      </c>
      <c r="CX23" s="277">
        <v>0</v>
      </c>
      <c r="CY23" s="281">
        <v>0</v>
      </c>
      <c r="CZ23" s="278">
        <v>0</v>
      </c>
      <c r="DA23" s="280">
        <v>0</v>
      </c>
      <c r="DB23" s="281">
        <v>0</v>
      </c>
      <c r="DC23" s="281">
        <v>0</v>
      </c>
      <c r="DD23" s="281">
        <v>0</v>
      </c>
      <c r="DE23" s="281">
        <v>0</v>
      </c>
      <c r="DF23" s="281">
        <v>0</v>
      </c>
      <c r="DG23" s="278">
        <v>0</v>
      </c>
      <c r="DH23" s="283">
        <v>0</v>
      </c>
    </row>
    <row r="24" spans="2:112" ht="18.75" customHeight="1" x14ac:dyDescent="0.2">
      <c r="B24" s="262" t="s">
        <v>22</v>
      </c>
      <c r="C24" s="277">
        <v>0</v>
      </c>
      <c r="D24" s="281">
        <v>0</v>
      </c>
      <c r="E24" s="385">
        <v>0</v>
      </c>
      <c r="F24" s="280">
        <v>0</v>
      </c>
      <c r="G24" s="281">
        <v>622</v>
      </c>
      <c r="H24" s="281">
        <v>1057</v>
      </c>
      <c r="I24" s="281">
        <v>757</v>
      </c>
      <c r="J24" s="281">
        <v>1569</v>
      </c>
      <c r="K24" s="281">
        <v>1453</v>
      </c>
      <c r="L24" s="282">
        <v>5458</v>
      </c>
      <c r="M24" s="283">
        <v>5458</v>
      </c>
      <c r="N24" s="277">
        <v>0</v>
      </c>
      <c r="O24" s="281">
        <v>0</v>
      </c>
      <c r="P24" s="278">
        <v>0</v>
      </c>
      <c r="Q24" s="280">
        <v>0</v>
      </c>
      <c r="R24" s="281">
        <v>4</v>
      </c>
      <c r="S24" s="281">
        <v>3</v>
      </c>
      <c r="T24" s="281">
        <v>21</v>
      </c>
      <c r="U24" s="281">
        <v>51</v>
      </c>
      <c r="V24" s="281">
        <v>117</v>
      </c>
      <c r="W24" s="278">
        <v>196</v>
      </c>
      <c r="X24" s="283">
        <v>196</v>
      </c>
      <c r="Y24" s="277">
        <v>16</v>
      </c>
      <c r="Z24" s="281">
        <v>71</v>
      </c>
      <c r="AA24" s="278">
        <v>87</v>
      </c>
      <c r="AB24" s="280">
        <v>0</v>
      </c>
      <c r="AC24" s="281">
        <v>325</v>
      </c>
      <c r="AD24" s="281">
        <v>626</v>
      </c>
      <c r="AE24" s="281">
        <v>152</v>
      </c>
      <c r="AF24" s="281">
        <v>291</v>
      </c>
      <c r="AG24" s="281">
        <v>278</v>
      </c>
      <c r="AH24" s="278">
        <v>1672</v>
      </c>
      <c r="AI24" s="283">
        <v>1759</v>
      </c>
      <c r="AJ24" s="277">
        <v>0</v>
      </c>
      <c r="AK24" s="281">
        <v>21</v>
      </c>
      <c r="AL24" s="278">
        <v>21</v>
      </c>
      <c r="AM24" s="280">
        <v>0</v>
      </c>
      <c r="AN24" s="281">
        <v>138</v>
      </c>
      <c r="AO24" s="281">
        <v>191</v>
      </c>
      <c r="AP24" s="281">
        <v>102</v>
      </c>
      <c r="AQ24" s="281">
        <v>44</v>
      </c>
      <c r="AR24" s="281">
        <v>43</v>
      </c>
      <c r="AS24" s="278">
        <v>518</v>
      </c>
      <c r="AT24" s="283">
        <v>539</v>
      </c>
      <c r="AU24" s="277">
        <v>0</v>
      </c>
      <c r="AV24" s="281">
        <v>0</v>
      </c>
      <c r="AW24" s="278">
        <v>0</v>
      </c>
      <c r="AX24" s="280">
        <v>0</v>
      </c>
      <c r="AY24" s="281">
        <v>1141</v>
      </c>
      <c r="AZ24" s="281">
        <v>1089</v>
      </c>
      <c r="BA24" s="281">
        <v>538</v>
      </c>
      <c r="BB24" s="281">
        <v>294</v>
      </c>
      <c r="BC24" s="281">
        <v>174</v>
      </c>
      <c r="BD24" s="282">
        <v>3236</v>
      </c>
      <c r="BE24" s="283">
        <v>3236</v>
      </c>
      <c r="BF24" s="277">
        <v>0</v>
      </c>
      <c r="BG24" s="281">
        <v>0</v>
      </c>
      <c r="BH24" s="278">
        <v>0</v>
      </c>
      <c r="BI24" s="280">
        <v>0</v>
      </c>
      <c r="BJ24" s="281">
        <v>133</v>
      </c>
      <c r="BK24" s="281">
        <v>145</v>
      </c>
      <c r="BL24" s="281">
        <v>144</v>
      </c>
      <c r="BM24" s="281">
        <v>102</v>
      </c>
      <c r="BN24" s="281">
        <v>35</v>
      </c>
      <c r="BO24" s="278">
        <v>559</v>
      </c>
      <c r="BP24" s="283">
        <v>559</v>
      </c>
      <c r="BQ24" s="277">
        <v>0</v>
      </c>
      <c r="BR24" s="281">
        <v>17</v>
      </c>
      <c r="BS24" s="278">
        <v>17</v>
      </c>
      <c r="BT24" s="280">
        <v>0</v>
      </c>
      <c r="BU24" s="281">
        <v>92</v>
      </c>
      <c r="BV24" s="281">
        <v>176</v>
      </c>
      <c r="BW24" s="281">
        <v>442</v>
      </c>
      <c r="BX24" s="281">
        <v>264</v>
      </c>
      <c r="BY24" s="281">
        <v>106</v>
      </c>
      <c r="BZ24" s="278">
        <v>1080</v>
      </c>
      <c r="CA24" s="283">
        <v>1097</v>
      </c>
      <c r="CB24" s="277">
        <v>0</v>
      </c>
      <c r="CC24" s="281">
        <v>3</v>
      </c>
      <c r="CD24" s="278">
        <v>3</v>
      </c>
      <c r="CE24" s="280">
        <v>0</v>
      </c>
      <c r="CF24" s="281">
        <v>11</v>
      </c>
      <c r="CG24" s="281">
        <v>26</v>
      </c>
      <c r="CH24" s="281">
        <v>22</v>
      </c>
      <c r="CI24" s="281">
        <v>22</v>
      </c>
      <c r="CJ24" s="281">
        <v>3</v>
      </c>
      <c r="CK24" s="278">
        <v>84</v>
      </c>
      <c r="CL24" s="283">
        <v>87</v>
      </c>
      <c r="CM24" s="277">
        <v>0</v>
      </c>
      <c r="CN24" s="281">
        <v>0</v>
      </c>
      <c r="CO24" s="278">
        <v>0</v>
      </c>
      <c r="CP24" s="280">
        <v>0</v>
      </c>
      <c r="CQ24" s="281">
        <v>0</v>
      </c>
      <c r="CR24" s="281">
        <v>0</v>
      </c>
      <c r="CS24" s="281">
        <v>0</v>
      </c>
      <c r="CT24" s="281">
        <v>0</v>
      </c>
      <c r="CU24" s="281">
        <v>0</v>
      </c>
      <c r="CV24" s="278">
        <v>0</v>
      </c>
      <c r="CW24" s="283">
        <v>0</v>
      </c>
      <c r="CX24" s="277">
        <v>0</v>
      </c>
      <c r="CY24" s="281">
        <v>0</v>
      </c>
      <c r="CZ24" s="278">
        <v>0</v>
      </c>
      <c r="DA24" s="280">
        <v>0</v>
      </c>
      <c r="DB24" s="281">
        <v>0</v>
      </c>
      <c r="DC24" s="281">
        <v>0</v>
      </c>
      <c r="DD24" s="281">
        <v>0</v>
      </c>
      <c r="DE24" s="281">
        <v>0</v>
      </c>
      <c r="DF24" s="281">
        <v>0</v>
      </c>
      <c r="DG24" s="278">
        <v>0</v>
      </c>
      <c r="DH24" s="283">
        <v>0</v>
      </c>
    </row>
    <row r="25" spans="2:112" ht="18.75" customHeight="1" x14ac:dyDescent="0.2">
      <c r="B25" s="262" t="s">
        <v>23</v>
      </c>
      <c r="C25" s="277">
        <v>0</v>
      </c>
      <c r="D25" s="281">
        <v>0</v>
      </c>
      <c r="E25" s="385">
        <v>0</v>
      </c>
      <c r="F25" s="280">
        <v>0</v>
      </c>
      <c r="G25" s="281">
        <v>1443</v>
      </c>
      <c r="H25" s="281">
        <v>2269</v>
      </c>
      <c r="I25" s="281">
        <v>2613</v>
      </c>
      <c r="J25" s="281">
        <v>2542</v>
      </c>
      <c r="K25" s="281">
        <v>1918</v>
      </c>
      <c r="L25" s="282">
        <v>10785</v>
      </c>
      <c r="M25" s="283">
        <v>10785</v>
      </c>
      <c r="N25" s="277">
        <v>0</v>
      </c>
      <c r="O25" s="281">
        <v>0</v>
      </c>
      <c r="P25" s="278">
        <v>0</v>
      </c>
      <c r="Q25" s="280">
        <v>0</v>
      </c>
      <c r="R25" s="281">
        <v>0</v>
      </c>
      <c r="S25" s="281">
        <v>12</v>
      </c>
      <c r="T25" s="281">
        <v>26</v>
      </c>
      <c r="U25" s="281">
        <v>61</v>
      </c>
      <c r="V25" s="281">
        <v>100</v>
      </c>
      <c r="W25" s="278">
        <v>199</v>
      </c>
      <c r="X25" s="283">
        <v>199</v>
      </c>
      <c r="Y25" s="277">
        <v>164</v>
      </c>
      <c r="Z25" s="281">
        <v>399</v>
      </c>
      <c r="AA25" s="278">
        <v>563</v>
      </c>
      <c r="AB25" s="280">
        <v>0</v>
      </c>
      <c r="AC25" s="281">
        <v>958</v>
      </c>
      <c r="AD25" s="281">
        <v>1519</v>
      </c>
      <c r="AE25" s="281">
        <v>751</v>
      </c>
      <c r="AF25" s="281">
        <v>731</v>
      </c>
      <c r="AG25" s="281">
        <v>567</v>
      </c>
      <c r="AH25" s="278">
        <v>4526</v>
      </c>
      <c r="AI25" s="283">
        <v>5089</v>
      </c>
      <c r="AJ25" s="277">
        <v>22</v>
      </c>
      <c r="AK25" s="281">
        <v>82</v>
      </c>
      <c r="AL25" s="278">
        <v>104</v>
      </c>
      <c r="AM25" s="280">
        <v>0</v>
      </c>
      <c r="AN25" s="281">
        <v>71</v>
      </c>
      <c r="AO25" s="281">
        <v>243</v>
      </c>
      <c r="AP25" s="281">
        <v>107</v>
      </c>
      <c r="AQ25" s="281">
        <v>90</v>
      </c>
      <c r="AR25" s="281">
        <v>40</v>
      </c>
      <c r="AS25" s="278">
        <v>551</v>
      </c>
      <c r="AT25" s="283">
        <v>655</v>
      </c>
      <c r="AU25" s="277">
        <v>0</v>
      </c>
      <c r="AV25" s="281">
        <v>0</v>
      </c>
      <c r="AW25" s="278">
        <v>0</v>
      </c>
      <c r="AX25" s="280">
        <v>0</v>
      </c>
      <c r="AY25" s="281">
        <v>2470</v>
      </c>
      <c r="AZ25" s="281">
        <v>2321</v>
      </c>
      <c r="BA25" s="281">
        <v>1368</v>
      </c>
      <c r="BB25" s="281">
        <v>888</v>
      </c>
      <c r="BC25" s="281">
        <v>399</v>
      </c>
      <c r="BD25" s="282">
        <v>7446</v>
      </c>
      <c r="BE25" s="283">
        <v>7446</v>
      </c>
      <c r="BF25" s="277">
        <v>0</v>
      </c>
      <c r="BG25" s="281">
        <v>0</v>
      </c>
      <c r="BH25" s="278">
        <v>0</v>
      </c>
      <c r="BI25" s="280">
        <v>0</v>
      </c>
      <c r="BJ25" s="281">
        <v>276</v>
      </c>
      <c r="BK25" s="281">
        <v>439</v>
      </c>
      <c r="BL25" s="281">
        <v>294</v>
      </c>
      <c r="BM25" s="281">
        <v>207</v>
      </c>
      <c r="BN25" s="281">
        <v>21</v>
      </c>
      <c r="BO25" s="278">
        <v>1237</v>
      </c>
      <c r="BP25" s="283">
        <v>1237</v>
      </c>
      <c r="BQ25" s="277">
        <v>5</v>
      </c>
      <c r="BR25" s="281">
        <v>9</v>
      </c>
      <c r="BS25" s="278">
        <v>14</v>
      </c>
      <c r="BT25" s="280">
        <v>0</v>
      </c>
      <c r="BU25" s="281">
        <v>145</v>
      </c>
      <c r="BV25" s="281">
        <v>290</v>
      </c>
      <c r="BW25" s="281">
        <v>547</v>
      </c>
      <c r="BX25" s="281">
        <v>408</v>
      </c>
      <c r="BY25" s="281">
        <v>143</v>
      </c>
      <c r="BZ25" s="278">
        <v>1533</v>
      </c>
      <c r="CA25" s="283">
        <v>1547</v>
      </c>
      <c r="CB25" s="277">
        <v>0</v>
      </c>
      <c r="CC25" s="281">
        <v>0</v>
      </c>
      <c r="CD25" s="278">
        <v>0</v>
      </c>
      <c r="CE25" s="280">
        <v>0</v>
      </c>
      <c r="CF25" s="281">
        <v>11</v>
      </c>
      <c r="CG25" s="281">
        <v>10</v>
      </c>
      <c r="CH25" s="281">
        <v>23</v>
      </c>
      <c r="CI25" s="281">
        <v>23</v>
      </c>
      <c r="CJ25" s="281">
        <v>37</v>
      </c>
      <c r="CK25" s="278">
        <v>104</v>
      </c>
      <c r="CL25" s="283">
        <v>104</v>
      </c>
      <c r="CM25" s="277">
        <v>0</v>
      </c>
      <c r="CN25" s="281">
        <v>0</v>
      </c>
      <c r="CO25" s="278">
        <v>0</v>
      </c>
      <c r="CP25" s="280">
        <v>0</v>
      </c>
      <c r="CQ25" s="281">
        <v>0</v>
      </c>
      <c r="CR25" s="281">
        <v>0</v>
      </c>
      <c r="CS25" s="281">
        <v>0</v>
      </c>
      <c r="CT25" s="281">
        <v>0</v>
      </c>
      <c r="CU25" s="281">
        <v>0</v>
      </c>
      <c r="CV25" s="278">
        <v>0</v>
      </c>
      <c r="CW25" s="283">
        <v>0</v>
      </c>
      <c r="CX25" s="277">
        <v>0</v>
      </c>
      <c r="CY25" s="281">
        <v>0</v>
      </c>
      <c r="CZ25" s="278">
        <v>0</v>
      </c>
      <c r="DA25" s="280">
        <v>0</v>
      </c>
      <c r="DB25" s="281">
        <v>0</v>
      </c>
      <c r="DC25" s="281">
        <v>0</v>
      </c>
      <c r="DD25" s="281">
        <v>0</v>
      </c>
      <c r="DE25" s="281">
        <v>0</v>
      </c>
      <c r="DF25" s="281">
        <v>0</v>
      </c>
      <c r="DG25" s="278">
        <v>0</v>
      </c>
      <c r="DH25" s="283">
        <v>0</v>
      </c>
    </row>
    <row r="26" spans="2:112" ht="18.75" customHeight="1" x14ac:dyDescent="0.2">
      <c r="B26" s="262" t="s">
        <v>24</v>
      </c>
      <c r="C26" s="277">
        <v>0</v>
      </c>
      <c r="D26" s="281">
        <v>0</v>
      </c>
      <c r="E26" s="385">
        <v>0</v>
      </c>
      <c r="F26" s="280">
        <v>0</v>
      </c>
      <c r="G26" s="281">
        <v>849</v>
      </c>
      <c r="H26" s="281">
        <v>789</v>
      </c>
      <c r="I26" s="281">
        <v>1052</v>
      </c>
      <c r="J26" s="281">
        <v>1807</v>
      </c>
      <c r="K26" s="281">
        <v>1733</v>
      </c>
      <c r="L26" s="282">
        <v>6230</v>
      </c>
      <c r="M26" s="283">
        <v>6230</v>
      </c>
      <c r="N26" s="277">
        <v>0</v>
      </c>
      <c r="O26" s="281">
        <v>0</v>
      </c>
      <c r="P26" s="278">
        <v>0</v>
      </c>
      <c r="Q26" s="280">
        <v>0</v>
      </c>
      <c r="R26" s="281">
        <v>0</v>
      </c>
      <c r="S26" s="281">
        <v>2</v>
      </c>
      <c r="T26" s="281">
        <v>29</v>
      </c>
      <c r="U26" s="281">
        <v>37</v>
      </c>
      <c r="V26" s="281">
        <v>115</v>
      </c>
      <c r="W26" s="278">
        <v>183</v>
      </c>
      <c r="X26" s="283">
        <v>183</v>
      </c>
      <c r="Y26" s="277">
        <v>58</v>
      </c>
      <c r="Z26" s="281">
        <v>108</v>
      </c>
      <c r="AA26" s="278">
        <v>166</v>
      </c>
      <c r="AB26" s="280">
        <v>0</v>
      </c>
      <c r="AC26" s="281">
        <v>493</v>
      </c>
      <c r="AD26" s="281">
        <v>418</v>
      </c>
      <c r="AE26" s="281">
        <v>412</v>
      </c>
      <c r="AF26" s="281">
        <v>293</v>
      </c>
      <c r="AG26" s="281">
        <v>374</v>
      </c>
      <c r="AH26" s="278">
        <v>1990</v>
      </c>
      <c r="AI26" s="283">
        <v>2156</v>
      </c>
      <c r="AJ26" s="277">
        <v>0</v>
      </c>
      <c r="AK26" s="281">
        <v>28</v>
      </c>
      <c r="AL26" s="278">
        <v>28</v>
      </c>
      <c r="AM26" s="280">
        <v>0</v>
      </c>
      <c r="AN26" s="281">
        <v>52</v>
      </c>
      <c r="AO26" s="281">
        <v>58</v>
      </c>
      <c r="AP26" s="281">
        <v>24</v>
      </c>
      <c r="AQ26" s="281">
        <v>72</v>
      </c>
      <c r="AR26" s="281">
        <v>73</v>
      </c>
      <c r="AS26" s="278">
        <v>279</v>
      </c>
      <c r="AT26" s="283">
        <v>307</v>
      </c>
      <c r="AU26" s="277">
        <v>0</v>
      </c>
      <c r="AV26" s="281">
        <v>0</v>
      </c>
      <c r="AW26" s="278">
        <v>0</v>
      </c>
      <c r="AX26" s="280">
        <v>0</v>
      </c>
      <c r="AY26" s="281">
        <v>929</v>
      </c>
      <c r="AZ26" s="281">
        <v>704</v>
      </c>
      <c r="BA26" s="281">
        <v>446</v>
      </c>
      <c r="BB26" s="281">
        <v>251</v>
      </c>
      <c r="BC26" s="281">
        <v>112</v>
      </c>
      <c r="BD26" s="282">
        <v>2442</v>
      </c>
      <c r="BE26" s="283">
        <v>2442</v>
      </c>
      <c r="BF26" s="277">
        <v>0</v>
      </c>
      <c r="BG26" s="281">
        <v>0</v>
      </c>
      <c r="BH26" s="278">
        <v>0</v>
      </c>
      <c r="BI26" s="280">
        <v>0</v>
      </c>
      <c r="BJ26" s="281">
        <v>309</v>
      </c>
      <c r="BK26" s="281">
        <v>294</v>
      </c>
      <c r="BL26" s="281">
        <v>130</v>
      </c>
      <c r="BM26" s="281">
        <v>64</v>
      </c>
      <c r="BN26" s="281">
        <v>132</v>
      </c>
      <c r="BO26" s="278">
        <v>929</v>
      </c>
      <c r="BP26" s="283">
        <v>929</v>
      </c>
      <c r="BQ26" s="277">
        <v>2</v>
      </c>
      <c r="BR26" s="281">
        <v>15</v>
      </c>
      <c r="BS26" s="278">
        <v>17</v>
      </c>
      <c r="BT26" s="280">
        <v>0</v>
      </c>
      <c r="BU26" s="281">
        <v>121</v>
      </c>
      <c r="BV26" s="281">
        <v>204</v>
      </c>
      <c r="BW26" s="281">
        <v>235</v>
      </c>
      <c r="BX26" s="281">
        <v>291</v>
      </c>
      <c r="BY26" s="281">
        <v>209</v>
      </c>
      <c r="BZ26" s="278">
        <v>1060</v>
      </c>
      <c r="CA26" s="283">
        <v>1077</v>
      </c>
      <c r="CB26" s="277">
        <v>0</v>
      </c>
      <c r="CC26" s="281">
        <v>0</v>
      </c>
      <c r="CD26" s="278">
        <v>0</v>
      </c>
      <c r="CE26" s="280">
        <v>0</v>
      </c>
      <c r="CF26" s="281">
        <v>16</v>
      </c>
      <c r="CG26" s="281">
        <v>4</v>
      </c>
      <c r="CH26" s="281">
        <v>10</v>
      </c>
      <c r="CI26" s="281">
        <v>10</v>
      </c>
      <c r="CJ26" s="281">
        <v>0</v>
      </c>
      <c r="CK26" s="278">
        <v>40</v>
      </c>
      <c r="CL26" s="283">
        <v>40</v>
      </c>
      <c r="CM26" s="277">
        <v>0</v>
      </c>
      <c r="CN26" s="281">
        <v>0</v>
      </c>
      <c r="CO26" s="278">
        <v>0</v>
      </c>
      <c r="CP26" s="280">
        <v>0</v>
      </c>
      <c r="CQ26" s="281">
        <v>0</v>
      </c>
      <c r="CR26" s="281">
        <v>0</v>
      </c>
      <c r="CS26" s="281">
        <v>0</v>
      </c>
      <c r="CT26" s="281">
        <v>0</v>
      </c>
      <c r="CU26" s="281">
        <v>0</v>
      </c>
      <c r="CV26" s="278">
        <v>0</v>
      </c>
      <c r="CW26" s="283">
        <v>0</v>
      </c>
      <c r="CX26" s="277">
        <v>0</v>
      </c>
      <c r="CY26" s="281">
        <v>0</v>
      </c>
      <c r="CZ26" s="278">
        <v>0</v>
      </c>
      <c r="DA26" s="280">
        <v>0</v>
      </c>
      <c r="DB26" s="281">
        <v>0</v>
      </c>
      <c r="DC26" s="281">
        <v>0</v>
      </c>
      <c r="DD26" s="281">
        <v>0</v>
      </c>
      <c r="DE26" s="281">
        <v>0</v>
      </c>
      <c r="DF26" s="281">
        <v>0</v>
      </c>
      <c r="DG26" s="278">
        <v>0</v>
      </c>
      <c r="DH26" s="283">
        <v>0</v>
      </c>
    </row>
    <row r="27" spans="2:112" ht="18.75" customHeight="1" x14ac:dyDescent="0.2">
      <c r="B27" s="262" t="s">
        <v>25</v>
      </c>
      <c r="C27" s="277">
        <v>0</v>
      </c>
      <c r="D27" s="281">
        <v>0</v>
      </c>
      <c r="E27" s="385">
        <v>0</v>
      </c>
      <c r="F27" s="280">
        <v>0</v>
      </c>
      <c r="G27" s="281">
        <v>1318</v>
      </c>
      <c r="H27" s="281">
        <v>1285</v>
      </c>
      <c r="I27" s="281">
        <v>1377</v>
      </c>
      <c r="J27" s="281">
        <v>2416</v>
      </c>
      <c r="K27" s="281">
        <v>2176</v>
      </c>
      <c r="L27" s="282">
        <v>8572</v>
      </c>
      <c r="M27" s="283">
        <v>8572</v>
      </c>
      <c r="N27" s="277">
        <v>0</v>
      </c>
      <c r="O27" s="281">
        <v>0</v>
      </c>
      <c r="P27" s="278">
        <v>0</v>
      </c>
      <c r="Q27" s="280">
        <v>0</v>
      </c>
      <c r="R27" s="281">
        <v>8</v>
      </c>
      <c r="S27" s="281">
        <v>37</v>
      </c>
      <c r="T27" s="281">
        <v>29</v>
      </c>
      <c r="U27" s="281">
        <v>88</v>
      </c>
      <c r="V27" s="281">
        <v>150</v>
      </c>
      <c r="W27" s="278">
        <v>312</v>
      </c>
      <c r="X27" s="283">
        <v>312</v>
      </c>
      <c r="Y27" s="277">
        <v>89</v>
      </c>
      <c r="Z27" s="281">
        <v>195</v>
      </c>
      <c r="AA27" s="278">
        <v>284</v>
      </c>
      <c r="AB27" s="280">
        <v>0</v>
      </c>
      <c r="AC27" s="281">
        <v>534</v>
      </c>
      <c r="AD27" s="281">
        <v>472</v>
      </c>
      <c r="AE27" s="281">
        <v>371</v>
      </c>
      <c r="AF27" s="281">
        <v>241</v>
      </c>
      <c r="AG27" s="281">
        <v>296</v>
      </c>
      <c r="AH27" s="278">
        <v>1914</v>
      </c>
      <c r="AI27" s="283">
        <v>2198</v>
      </c>
      <c r="AJ27" s="277">
        <v>12</v>
      </c>
      <c r="AK27" s="281">
        <v>30</v>
      </c>
      <c r="AL27" s="278">
        <v>42</v>
      </c>
      <c r="AM27" s="280">
        <v>0</v>
      </c>
      <c r="AN27" s="281">
        <v>22</v>
      </c>
      <c r="AO27" s="281">
        <v>173</v>
      </c>
      <c r="AP27" s="281">
        <v>82</v>
      </c>
      <c r="AQ27" s="281">
        <v>47</v>
      </c>
      <c r="AR27" s="281">
        <v>57</v>
      </c>
      <c r="AS27" s="278">
        <v>381</v>
      </c>
      <c r="AT27" s="283">
        <v>423</v>
      </c>
      <c r="AU27" s="277">
        <v>0</v>
      </c>
      <c r="AV27" s="281">
        <v>0</v>
      </c>
      <c r="AW27" s="278">
        <v>0</v>
      </c>
      <c r="AX27" s="280">
        <v>0</v>
      </c>
      <c r="AY27" s="281">
        <v>1303</v>
      </c>
      <c r="AZ27" s="281">
        <v>839</v>
      </c>
      <c r="BA27" s="281">
        <v>552</v>
      </c>
      <c r="BB27" s="281">
        <v>590</v>
      </c>
      <c r="BC27" s="281">
        <v>77</v>
      </c>
      <c r="BD27" s="282">
        <v>3361</v>
      </c>
      <c r="BE27" s="283">
        <v>3361</v>
      </c>
      <c r="BF27" s="277">
        <v>0</v>
      </c>
      <c r="BG27" s="281">
        <v>0</v>
      </c>
      <c r="BH27" s="278">
        <v>0</v>
      </c>
      <c r="BI27" s="280">
        <v>0</v>
      </c>
      <c r="BJ27" s="281">
        <v>310</v>
      </c>
      <c r="BK27" s="281">
        <v>444</v>
      </c>
      <c r="BL27" s="281">
        <v>158</v>
      </c>
      <c r="BM27" s="281">
        <v>110</v>
      </c>
      <c r="BN27" s="281">
        <v>47</v>
      </c>
      <c r="BO27" s="278">
        <v>1069</v>
      </c>
      <c r="BP27" s="283">
        <v>1069</v>
      </c>
      <c r="BQ27" s="277">
        <v>0</v>
      </c>
      <c r="BR27" s="281">
        <v>19</v>
      </c>
      <c r="BS27" s="278">
        <v>19</v>
      </c>
      <c r="BT27" s="280">
        <v>0</v>
      </c>
      <c r="BU27" s="281">
        <v>63</v>
      </c>
      <c r="BV27" s="281">
        <v>173</v>
      </c>
      <c r="BW27" s="281">
        <v>176</v>
      </c>
      <c r="BX27" s="281">
        <v>102</v>
      </c>
      <c r="BY27" s="281">
        <v>32</v>
      </c>
      <c r="BZ27" s="278">
        <v>546</v>
      </c>
      <c r="CA27" s="283">
        <v>565</v>
      </c>
      <c r="CB27" s="277">
        <v>0</v>
      </c>
      <c r="CC27" s="281">
        <v>0</v>
      </c>
      <c r="CD27" s="278">
        <v>0</v>
      </c>
      <c r="CE27" s="280">
        <v>0</v>
      </c>
      <c r="CF27" s="281">
        <v>37</v>
      </c>
      <c r="CG27" s="281">
        <v>13</v>
      </c>
      <c r="CH27" s="281">
        <v>50</v>
      </c>
      <c r="CI27" s="281">
        <v>29</v>
      </c>
      <c r="CJ27" s="281">
        <v>18</v>
      </c>
      <c r="CK27" s="278">
        <v>147</v>
      </c>
      <c r="CL27" s="283">
        <v>147</v>
      </c>
      <c r="CM27" s="277">
        <v>0</v>
      </c>
      <c r="CN27" s="281">
        <v>0</v>
      </c>
      <c r="CO27" s="278">
        <v>0</v>
      </c>
      <c r="CP27" s="280">
        <v>0</v>
      </c>
      <c r="CQ27" s="281">
        <v>0</v>
      </c>
      <c r="CR27" s="281">
        <v>0</v>
      </c>
      <c r="CS27" s="281">
        <v>0</v>
      </c>
      <c r="CT27" s="281">
        <v>0</v>
      </c>
      <c r="CU27" s="281">
        <v>0</v>
      </c>
      <c r="CV27" s="278">
        <v>0</v>
      </c>
      <c r="CW27" s="283">
        <v>0</v>
      </c>
      <c r="CX27" s="277">
        <v>0</v>
      </c>
      <c r="CY27" s="281">
        <v>0</v>
      </c>
      <c r="CZ27" s="278">
        <v>0</v>
      </c>
      <c r="DA27" s="280">
        <v>0</v>
      </c>
      <c r="DB27" s="281">
        <v>0</v>
      </c>
      <c r="DC27" s="281">
        <v>0</v>
      </c>
      <c r="DD27" s="281">
        <v>0</v>
      </c>
      <c r="DE27" s="281">
        <v>0</v>
      </c>
      <c r="DF27" s="281">
        <v>0</v>
      </c>
      <c r="DG27" s="278">
        <v>0</v>
      </c>
      <c r="DH27" s="283">
        <v>0</v>
      </c>
    </row>
    <row r="28" spans="2:112" ht="18.75" customHeight="1" x14ac:dyDescent="0.2">
      <c r="B28" s="262" t="s">
        <v>26</v>
      </c>
      <c r="C28" s="277">
        <v>0</v>
      </c>
      <c r="D28" s="281">
        <v>0</v>
      </c>
      <c r="E28" s="385">
        <v>0</v>
      </c>
      <c r="F28" s="280">
        <v>0</v>
      </c>
      <c r="G28" s="281">
        <v>847</v>
      </c>
      <c r="H28" s="281">
        <v>1212</v>
      </c>
      <c r="I28" s="281">
        <v>1067</v>
      </c>
      <c r="J28" s="281">
        <v>1945</v>
      </c>
      <c r="K28" s="281">
        <v>1936</v>
      </c>
      <c r="L28" s="282">
        <v>7007</v>
      </c>
      <c r="M28" s="283">
        <v>7007</v>
      </c>
      <c r="N28" s="277">
        <v>0</v>
      </c>
      <c r="O28" s="281">
        <v>0</v>
      </c>
      <c r="P28" s="278">
        <v>0</v>
      </c>
      <c r="Q28" s="280">
        <v>0</v>
      </c>
      <c r="R28" s="281">
        <v>0</v>
      </c>
      <c r="S28" s="281">
        <v>6</v>
      </c>
      <c r="T28" s="281">
        <v>22</v>
      </c>
      <c r="U28" s="281">
        <v>59</v>
      </c>
      <c r="V28" s="281">
        <v>67</v>
      </c>
      <c r="W28" s="278">
        <v>154</v>
      </c>
      <c r="X28" s="283">
        <v>154</v>
      </c>
      <c r="Y28" s="277">
        <v>44</v>
      </c>
      <c r="Z28" s="281">
        <v>87</v>
      </c>
      <c r="AA28" s="278">
        <v>131</v>
      </c>
      <c r="AB28" s="280">
        <v>0</v>
      </c>
      <c r="AC28" s="281">
        <v>361</v>
      </c>
      <c r="AD28" s="281">
        <v>515</v>
      </c>
      <c r="AE28" s="281">
        <v>334</v>
      </c>
      <c r="AF28" s="281">
        <v>393</v>
      </c>
      <c r="AG28" s="281">
        <v>351</v>
      </c>
      <c r="AH28" s="278">
        <v>1954</v>
      </c>
      <c r="AI28" s="283">
        <v>2085</v>
      </c>
      <c r="AJ28" s="277">
        <v>0</v>
      </c>
      <c r="AK28" s="281">
        <v>0</v>
      </c>
      <c r="AL28" s="278">
        <v>0</v>
      </c>
      <c r="AM28" s="280">
        <v>0</v>
      </c>
      <c r="AN28" s="281">
        <v>34</v>
      </c>
      <c r="AO28" s="281">
        <v>95</v>
      </c>
      <c r="AP28" s="281">
        <v>60</v>
      </c>
      <c r="AQ28" s="281">
        <v>6</v>
      </c>
      <c r="AR28" s="281">
        <v>38</v>
      </c>
      <c r="AS28" s="278">
        <v>233</v>
      </c>
      <c r="AT28" s="283">
        <v>233</v>
      </c>
      <c r="AU28" s="277">
        <v>0</v>
      </c>
      <c r="AV28" s="281">
        <v>0</v>
      </c>
      <c r="AW28" s="278">
        <v>0</v>
      </c>
      <c r="AX28" s="280">
        <v>0</v>
      </c>
      <c r="AY28" s="281">
        <v>959</v>
      </c>
      <c r="AZ28" s="281">
        <v>740</v>
      </c>
      <c r="BA28" s="281">
        <v>532</v>
      </c>
      <c r="BB28" s="281">
        <v>279</v>
      </c>
      <c r="BC28" s="281">
        <v>203</v>
      </c>
      <c r="BD28" s="282">
        <v>2713</v>
      </c>
      <c r="BE28" s="283">
        <v>2713</v>
      </c>
      <c r="BF28" s="277">
        <v>0</v>
      </c>
      <c r="BG28" s="281">
        <v>0</v>
      </c>
      <c r="BH28" s="278">
        <v>0</v>
      </c>
      <c r="BI28" s="280">
        <v>0</v>
      </c>
      <c r="BJ28" s="281">
        <v>95</v>
      </c>
      <c r="BK28" s="281">
        <v>150</v>
      </c>
      <c r="BL28" s="281">
        <v>88</v>
      </c>
      <c r="BM28" s="281">
        <v>33</v>
      </c>
      <c r="BN28" s="281">
        <v>32</v>
      </c>
      <c r="BO28" s="278">
        <v>398</v>
      </c>
      <c r="BP28" s="283">
        <v>398</v>
      </c>
      <c r="BQ28" s="277">
        <v>0</v>
      </c>
      <c r="BR28" s="281">
        <v>14</v>
      </c>
      <c r="BS28" s="278">
        <v>14</v>
      </c>
      <c r="BT28" s="280">
        <v>0</v>
      </c>
      <c r="BU28" s="281">
        <v>61</v>
      </c>
      <c r="BV28" s="281">
        <v>133</v>
      </c>
      <c r="BW28" s="281">
        <v>235</v>
      </c>
      <c r="BX28" s="281">
        <v>221</v>
      </c>
      <c r="BY28" s="281">
        <v>85</v>
      </c>
      <c r="BZ28" s="278">
        <v>735</v>
      </c>
      <c r="CA28" s="283">
        <v>749</v>
      </c>
      <c r="CB28" s="277">
        <v>0</v>
      </c>
      <c r="CC28" s="281">
        <v>0</v>
      </c>
      <c r="CD28" s="278">
        <v>0</v>
      </c>
      <c r="CE28" s="280">
        <v>0</v>
      </c>
      <c r="CF28" s="281">
        <v>10</v>
      </c>
      <c r="CG28" s="281">
        <v>18</v>
      </c>
      <c r="CH28" s="281">
        <v>5</v>
      </c>
      <c r="CI28" s="281">
        <v>8</v>
      </c>
      <c r="CJ28" s="281">
        <v>0</v>
      </c>
      <c r="CK28" s="278">
        <v>41</v>
      </c>
      <c r="CL28" s="283">
        <v>41</v>
      </c>
      <c r="CM28" s="277">
        <v>0</v>
      </c>
      <c r="CN28" s="281">
        <v>0</v>
      </c>
      <c r="CO28" s="278">
        <v>0</v>
      </c>
      <c r="CP28" s="280">
        <v>0</v>
      </c>
      <c r="CQ28" s="281">
        <v>0</v>
      </c>
      <c r="CR28" s="281">
        <v>0</v>
      </c>
      <c r="CS28" s="281">
        <v>0</v>
      </c>
      <c r="CT28" s="281">
        <v>0</v>
      </c>
      <c r="CU28" s="281">
        <v>0</v>
      </c>
      <c r="CV28" s="278">
        <v>0</v>
      </c>
      <c r="CW28" s="283">
        <v>0</v>
      </c>
      <c r="CX28" s="277">
        <v>0</v>
      </c>
      <c r="CY28" s="281">
        <v>0</v>
      </c>
      <c r="CZ28" s="278">
        <v>0</v>
      </c>
      <c r="DA28" s="280">
        <v>0</v>
      </c>
      <c r="DB28" s="281">
        <v>0</v>
      </c>
      <c r="DC28" s="281">
        <v>0</v>
      </c>
      <c r="DD28" s="281">
        <v>0</v>
      </c>
      <c r="DE28" s="281">
        <v>0</v>
      </c>
      <c r="DF28" s="281">
        <v>0</v>
      </c>
      <c r="DG28" s="278">
        <v>0</v>
      </c>
      <c r="DH28" s="283">
        <v>0</v>
      </c>
    </row>
    <row r="29" spans="2:112" ht="18.75" customHeight="1" x14ac:dyDescent="0.2">
      <c r="B29" s="262" t="s">
        <v>27</v>
      </c>
      <c r="C29" s="277">
        <v>0</v>
      </c>
      <c r="D29" s="281">
        <v>0</v>
      </c>
      <c r="E29" s="385">
        <v>0</v>
      </c>
      <c r="F29" s="280">
        <v>0</v>
      </c>
      <c r="G29" s="281">
        <v>743</v>
      </c>
      <c r="H29" s="281">
        <v>1060</v>
      </c>
      <c r="I29" s="281">
        <v>1168</v>
      </c>
      <c r="J29" s="281">
        <v>1505</v>
      </c>
      <c r="K29" s="281">
        <v>1362</v>
      </c>
      <c r="L29" s="282">
        <v>5838</v>
      </c>
      <c r="M29" s="283">
        <v>5838</v>
      </c>
      <c r="N29" s="277">
        <v>0</v>
      </c>
      <c r="O29" s="281">
        <v>0</v>
      </c>
      <c r="P29" s="278">
        <v>0</v>
      </c>
      <c r="Q29" s="280">
        <v>0</v>
      </c>
      <c r="R29" s="281">
        <v>4</v>
      </c>
      <c r="S29" s="281">
        <v>16</v>
      </c>
      <c r="T29" s="281">
        <v>23</v>
      </c>
      <c r="U29" s="281">
        <v>56</v>
      </c>
      <c r="V29" s="281">
        <v>88</v>
      </c>
      <c r="W29" s="278">
        <v>187</v>
      </c>
      <c r="X29" s="283">
        <v>187</v>
      </c>
      <c r="Y29" s="277">
        <v>145</v>
      </c>
      <c r="Z29" s="281">
        <v>304</v>
      </c>
      <c r="AA29" s="278">
        <v>449</v>
      </c>
      <c r="AB29" s="280">
        <v>0</v>
      </c>
      <c r="AC29" s="281">
        <v>238</v>
      </c>
      <c r="AD29" s="281">
        <v>320</v>
      </c>
      <c r="AE29" s="281">
        <v>288</v>
      </c>
      <c r="AF29" s="281">
        <v>286</v>
      </c>
      <c r="AG29" s="281">
        <v>312</v>
      </c>
      <c r="AH29" s="278">
        <v>1444</v>
      </c>
      <c r="AI29" s="283">
        <v>1893</v>
      </c>
      <c r="AJ29" s="277">
        <v>0</v>
      </c>
      <c r="AK29" s="281">
        <v>24</v>
      </c>
      <c r="AL29" s="278">
        <v>24</v>
      </c>
      <c r="AM29" s="280">
        <v>0</v>
      </c>
      <c r="AN29" s="281">
        <v>0</v>
      </c>
      <c r="AO29" s="281">
        <v>27</v>
      </c>
      <c r="AP29" s="281">
        <v>0</v>
      </c>
      <c r="AQ29" s="281">
        <v>28</v>
      </c>
      <c r="AR29" s="281">
        <v>19</v>
      </c>
      <c r="AS29" s="278">
        <v>74</v>
      </c>
      <c r="AT29" s="283">
        <v>98</v>
      </c>
      <c r="AU29" s="277">
        <v>0</v>
      </c>
      <c r="AV29" s="281">
        <v>0</v>
      </c>
      <c r="AW29" s="278">
        <v>0</v>
      </c>
      <c r="AX29" s="280">
        <v>0</v>
      </c>
      <c r="AY29" s="281">
        <v>829</v>
      </c>
      <c r="AZ29" s="281">
        <v>755</v>
      </c>
      <c r="BA29" s="281">
        <v>399</v>
      </c>
      <c r="BB29" s="281">
        <v>282</v>
      </c>
      <c r="BC29" s="281">
        <v>125</v>
      </c>
      <c r="BD29" s="282">
        <v>2390</v>
      </c>
      <c r="BE29" s="283">
        <v>2390</v>
      </c>
      <c r="BF29" s="277">
        <v>0</v>
      </c>
      <c r="BG29" s="281">
        <v>0</v>
      </c>
      <c r="BH29" s="278">
        <v>0</v>
      </c>
      <c r="BI29" s="280">
        <v>0</v>
      </c>
      <c r="BJ29" s="281">
        <v>154</v>
      </c>
      <c r="BK29" s="281">
        <v>215</v>
      </c>
      <c r="BL29" s="281">
        <v>96</v>
      </c>
      <c r="BM29" s="281">
        <v>38</v>
      </c>
      <c r="BN29" s="281">
        <v>30</v>
      </c>
      <c r="BO29" s="278">
        <v>533</v>
      </c>
      <c r="BP29" s="283">
        <v>533</v>
      </c>
      <c r="BQ29" s="277">
        <v>0</v>
      </c>
      <c r="BR29" s="281">
        <v>27</v>
      </c>
      <c r="BS29" s="278">
        <v>27</v>
      </c>
      <c r="BT29" s="280">
        <v>0</v>
      </c>
      <c r="BU29" s="281">
        <v>51</v>
      </c>
      <c r="BV29" s="281">
        <v>89</v>
      </c>
      <c r="BW29" s="281">
        <v>185</v>
      </c>
      <c r="BX29" s="281">
        <v>120</v>
      </c>
      <c r="BY29" s="281">
        <v>70</v>
      </c>
      <c r="BZ29" s="278">
        <v>515</v>
      </c>
      <c r="CA29" s="283">
        <v>542</v>
      </c>
      <c r="CB29" s="277">
        <v>4</v>
      </c>
      <c r="CC29" s="281">
        <v>0</v>
      </c>
      <c r="CD29" s="278">
        <v>4</v>
      </c>
      <c r="CE29" s="280">
        <v>0</v>
      </c>
      <c r="CF29" s="281">
        <v>48</v>
      </c>
      <c r="CG29" s="281">
        <v>5</v>
      </c>
      <c r="CH29" s="281">
        <v>2</v>
      </c>
      <c r="CI29" s="281">
        <v>28</v>
      </c>
      <c r="CJ29" s="281">
        <v>7</v>
      </c>
      <c r="CK29" s="278">
        <v>90</v>
      </c>
      <c r="CL29" s="283">
        <v>94</v>
      </c>
      <c r="CM29" s="277">
        <v>0</v>
      </c>
      <c r="CN29" s="281">
        <v>0</v>
      </c>
      <c r="CO29" s="278">
        <v>0</v>
      </c>
      <c r="CP29" s="280">
        <v>0</v>
      </c>
      <c r="CQ29" s="281">
        <v>0</v>
      </c>
      <c r="CR29" s="281">
        <v>0</v>
      </c>
      <c r="CS29" s="281">
        <v>0</v>
      </c>
      <c r="CT29" s="281">
        <v>0</v>
      </c>
      <c r="CU29" s="281">
        <v>0</v>
      </c>
      <c r="CV29" s="278">
        <v>0</v>
      </c>
      <c r="CW29" s="283">
        <v>0</v>
      </c>
      <c r="CX29" s="277">
        <v>0</v>
      </c>
      <c r="CY29" s="281">
        <v>0</v>
      </c>
      <c r="CZ29" s="278">
        <v>0</v>
      </c>
      <c r="DA29" s="280">
        <v>0</v>
      </c>
      <c r="DB29" s="281">
        <v>0</v>
      </c>
      <c r="DC29" s="281">
        <v>0</v>
      </c>
      <c r="DD29" s="281">
        <v>0</v>
      </c>
      <c r="DE29" s="281">
        <v>0</v>
      </c>
      <c r="DF29" s="281">
        <v>0</v>
      </c>
      <c r="DG29" s="278">
        <v>0</v>
      </c>
      <c r="DH29" s="283">
        <v>0</v>
      </c>
    </row>
    <row r="30" spans="2:112" ht="18.75" customHeight="1" x14ac:dyDescent="0.2">
      <c r="B30" s="262" t="s">
        <v>28</v>
      </c>
      <c r="C30" s="277">
        <v>0</v>
      </c>
      <c r="D30" s="281">
        <v>0</v>
      </c>
      <c r="E30" s="385">
        <v>0</v>
      </c>
      <c r="F30" s="280">
        <v>0</v>
      </c>
      <c r="G30" s="281">
        <v>151</v>
      </c>
      <c r="H30" s="281">
        <v>278</v>
      </c>
      <c r="I30" s="281">
        <v>112</v>
      </c>
      <c r="J30" s="281">
        <v>67</v>
      </c>
      <c r="K30" s="281">
        <v>321</v>
      </c>
      <c r="L30" s="282">
        <v>929</v>
      </c>
      <c r="M30" s="283">
        <v>929</v>
      </c>
      <c r="N30" s="277">
        <v>0</v>
      </c>
      <c r="O30" s="281">
        <v>0</v>
      </c>
      <c r="P30" s="278">
        <v>0</v>
      </c>
      <c r="Q30" s="280">
        <v>0</v>
      </c>
      <c r="R30" s="281">
        <v>0</v>
      </c>
      <c r="S30" s="281">
        <v>5</v>
      </c>
      <c r="T30" s="281">
        <v>6</v>
      </c>
      <c r="U30" s="281">
        <v>13</v>
      </c>
      <c r="V30" s="281">
        <v>8</v>
      </c>
      <c r="W30" s="278">
        <v>32</v>
      </c>
      <c r="X30" s="283">
        <v>32</v>
      </c>
      <c r="Y30" s="277">
        <v>6</v>
      </c>
      <c r="Z30" s="281">
        <v>20</v>
      </c>
      <c r="AA30" s="278">
        <v>26</v>
      </c>
      <c r="AB30" s="280">
        <v>0</v>
      </c>
      <c r="AC30" s="281">
        <v>37</v>
      </c>
      <c r="AD30" s="281">
        <v>134</v>
      </c>
      <c r="AE30" s="281">
        <v>74</v>
      </c>
      <c r="AF30" s="281">
        <v>85</v>
      </c>
      <c r="AG30" s="281">
        <v>86</v>
      </c>
      <c r="AH30" s="278">
        <v>416</v>
      </c>
      <c r="AI30" s="283">
        <v>442</v>
      </c>
      <c r="AJ30" s="277">
        <v>0</v>
      </c>
      <c r="AK30" s="281">
        <v>0</v>
      </c>
      <c r="AL30" s="278">
        <v>0</v>
      </c>
      <c r="AM30" s="280">
        <v>0</v>
      </c>
      <c r="AN30" s="281">
        <v>56</v>
      </c>
      <c r="AO30" s="281">
        <v>6</v>
      </c>
      <c r="AP30" s="281">
        <v>0</v>
      </c>
      <c r="AQ30" s="281">
        <v>15</v>
      </c>
      <c r="AR30" s="281">
        <v>15</v>
      </c>
      <c r="AS30" s="278">
        <v>92</v>
      </c>
      <c r="AT30" s="283">
        <v>92</v>
      </c>
      <c r="AU30" s="277">
        <v>0</v>
      </c>
      <c r="AV30" s="281">
        <v>0</v>
      </c>
      <c r="AW30" s="278">
        <v>0</v>
      </c>
      <c r="AX30" s="280">
        <v>0</v>
      </c>
      <c r="AY30" s="281">
        <v>249</v>
      </c>
      <c r="AZ30" s="281">
        <v>345</v>
      </c>
      <c r="BA30" s="281">
        <v>138</v>
      </c>
      <c r="BB30" s="281">
        <v>187</v>
      </c>
      <c r="BC30" s="281">
        <v>73</v>
      </c>
      <c r="BD30" s="282">
        <v>992</v>
      </c>
      <c r="BE30" s="283">
        <v>992</v>
      </c>
      <c r="BF30" s="277">
        <v>0</v>
      </c>
      <c r="BG30" s="281">
        <v>0</v>
      </c>
      <c r="BH30" s="278">
        <v>0</v>
      </c>
      <c r="BI30" s="280">
        <v>0</v>
      </c>
      <c r="BJ30" s="281">
        <v>37</v>
      </c>
      <c r="BK30" s="281">
        <v>104</v>
      </c>
      <c r="BL30" s="281">
        <v>26</v>
      </c>
      <c r="BM30" s="281">
        <v>39</v>
      </c>
      <c r="BN30" s="281">
        <v>34</v>
      </c>
      <c r="BO30" s="278">
        <v>240</v>
      </c>
      <c r="BP30" s="283">
        <v>240</v>
      </c>
      <c r="BQ30" s="277">
        <v>0</v>
      </c>
      <c r="BR30" s="281">
        <v>4</v>
      </c>
      <c r="BS30" s="278">
        <v>4</v>
      </c>
      <c r="BT30" s="280">
        <v>0</v>
      </c>
      <c r="BU30" s="281">
        <v>8</v>
      </c>
      <c r="BV30" s="281">
        <v>18</v>
      </c>
      <c r="BW30" s="281">
        <v>53</v>
      </c>
      <c r="BX30" s="281">
        <v>66</v>
      </c>
      <c r="BY30" s="281">
        <v>28</v>
      </c>
      <c r="BZ30" s="278">
        <v>173</v>
      </c>
      <c r="CA30" s="283">
        <v>177</v>
      </c>
      <c r="CB30" s="277">
        <v>0</v>
      </c>
      <c r="CC30" s="281">
        <v>0</v>
      </c>
      <c r="CD30" s="278">
        <v>0</v>
      </c>
      <c r="CE30" s="280">
        <v>0</v>
      </c>
      <c r="CF30" s="281">
        <v>14</v>
      </c>
      <c r="CG30" s="281">
        <v>4</v>
      </c>
      <c r="CH30" s="281">
        <v>22</v>
      </c>
      <c r="CI30" s="281">
        <v>11</v>
      </c>
      <c r="CJ30" s="281">
        <v>3</v>
      </c>
      <c r="CK30" s="278">
        <v>54</v>
      </c>
      <c r="CL30" s="283">
        <v>54</v>
      </c>
      <c r="CM30" s="277">
        <v>0</v>
      </c>
      <c r="CN30" s="281">
        <v>0</v>
      </c>
      <c r="CO30" s="278">
        <v>0</v>
      </c>
      <c r="CP30" s="280">
        <v>0</v>
      </c>
      <c r="CQ30" s="281">
        <v>0</v>
      </c>
      <c r="CR30" s="281">
        <v>0</v>
      </c>
      <c r="CS30" s="281">
        <v>0</v>
      </c>
      <c r="CT30" s="281">
        <v>0</v>
      </c>
      <c r="CU30" s="281">
        <v>0</v>
      </c>
      <c r="CV30" s="278">
        <v>0</v>
      </c>
      <c r="CW30" s="283">
        <v>0</v>
      </c>
      <c r="CX30" s="277">
        <v>0</v>
      </c>
      <c r="CY30" s="281">
        <v>0</v>
      </c>
      <c r="CZ30" s="278">
        <v>0</v>
      </c>
      <c r="DA30" s="280">
        <v>0</v>
      </c>
      <c r="DB30" s="281">
        <v>0</v>
      </c>
      <c r="DC30" s="281">
        <v>0</v>
      </c>
      <c r="DD30" s="281">
        <v>0</v>
      </c>
      <c r="DE30" s="281">
        <v>0</v>
      </c>
      <c r="DF30" s="281">
        <v>0</v>
      </c>
      <c r="DG30" s="278">
        <v>0</v>
      </c>
      <c r="DH30" s="283">
        <v>0</v>
      </c>
    </row>
    <row r="31" spans="2:112" ht="18.75" customHeight="1" x14ac:dyDescent="0.2">
      <c r="B31" s="262" t="s">
        <v>29</v>
      </c>
      <c r="C31" s="277">
        <v>0</v>
      </c>
      <c r="D31" s="281">
        <v>0</v>
      </c>
      <c r="E31" s="385">
        <v>0</v>
      </c>
      <c r="F31" s="280">
        <v>0</v>
      </c>
      <c r="G31" s="281">
        <v>284</v>
      </c>
      <c r="H31" s="281">
        <v>414</v>
      </c>
      <c r="I31" s="281">
        <v>264</v>
      </c>
      <c r="J31" s="281">
        <v>897</v>
      </c>
      <c r="K31" s="281">
        <v>480</v>
      </c>
      <c r="L31" s="282">
        <v>2339</v>
      </c>
      <c r="M31" s="283">
        <v>2339</v>
      </c>
      <c r="N31" s="277">
        <v>0</v>
      </c>
      <c r="O31" s="281">
        <v>0</v>
      </c>
      <c r="P31" s="278">
        <v>0</v>
      </c>
      <c r="Q31" s="280">
        <v>0</v>
      </c>
      <c r="R31" s="281">
        <v>4</v>
      </c>
      <c r="S31" s="281">
        <v>3</v>
      </c>
      <c r="T31" s="281">
        <v>9</v>
      </c>
      <c r="U31" s="281">
        <v>9</v>
      </c>
      <c r="V31" s="281">
        <v>31</v>
      </c>
      <c r="W31" s="278">
        <v>56</v>
      </c>
      <c r="X31" s="283">
        <v>56</v>
      </c>
      <c r="Y31" s="277">
        <v>9</v>
      </c>
      <c r="Z31" s="281">
        <v>37</v>
      </c>
      <c r="AA31" s="278">
        <v>46</v>
      </c>
      <c r="AB31" s="280">
        <v>0</v>
      </c>
      <c r="AC31" s="281">
        <v>131</v>
      </c>
      <c r="AD31" s="281">
        <v>119</v>
      </c>
      <c r="AE31" s="281">
        <v>131</v>
      </c>
      <c r="AF31" s="281">
        <v>96</v>
      </c>
      <c r="AG31" s="281">
        <v>41</v>
      </c>
      <c r="AH31" s="278">
        <v>518</v>
      </c>
      <c r="AI31" s="283">
        <v>564</v>
      </c>
      <c r="AJ31" s="277">
        <v>0</v>
      </c>
      <c r="AK31" s="281">
        <v>12</v>
      </c>
      <c r="AL31" s="278">
        <v>12</v>
      </c>
      <c r="AM31" s="280">
        <v>0</v>
      </c>
      <c r="AN31" s="281">
        <v>33</v>
      </c>
      <c r="AO31" s="281">
        <v>43</v>
      </c>
      <c r="AP31" s="281">
        <v>0</v>
      </c>
      <c r="AQ31" s="281">
        <v>76</v>
      </c>
      <c r="AR31" s="281">
        <v>0</v>
      </c>
      <c r="AS31" s="278">
        <v>152</v>
      </c>
      <c r="AT31" s="283">
        <v>164</v>
      </c>
      <c r="AU31" s="277">
        <v>0</v>
      </c>
      <c r="AV31" s="281">
        <v>0</v>
      </c>
      <c r="AW31" s="278">
        <v>0</v>
      </c>
      <c r="AX31" s="280">
        <v>0</v>
      </c>
      <c r="AY31" s="281">
        <v>318</v>
      </c>
      <c r="AZ31" s="281">
        <v>379</v>
      </c>
      <c r="BA31" s="281">
        <v>212</v>
      </c>
      <c r="BB31" s="281">
        <v>222</v>
      </c>
      <c r="BC31" s="281">
        <v>63</v>
      </c>
      <c r="BD31" s="282">
        <v>1194</v>
      </c>
      <c r="BE31" s="283">
        <v>1194</v>
      </c>
      <c r="BF31" s="277">
        <v>0</v>
      </c>
      <c r="BG31" s="281">
        <v>0</v>
      </c>
      <c r="BH31" s="278">
        <v>0</v>
      </c>
      <c r="BI31" s="280">
        <v>0</v>
      </c>
      <c r="BJ31" s="281">
        <v>114</v>
      </c>
      <c r="BK31" s="281">
        <v>76</v>
      </c>
      <c r="BL31" s="281">
        <v>51</v>
      </c>
      <c r="BM31" s="281">
        <v>46</v>
      </c>
      <c r="BN31" s="281">
        <v>22</v>
      </c>
      <c r="BO31" s="278">
        <v>309</v>
      </c>
      <c r="BP31" s="283">
        <v>309</v>
      </c>
      <c r="BQ31" s="277">
        <v>0</v>
      </c>
      <c r="BR31" s="281">
        <v>0</v>
      </c>
      <c r="BS31" s="278">
        <v>0</v>
      </c>
      <c r="BT31" s="280">
        <v>0</v>
      </c>
      <c r="BU31" s="281">
        <v>5</v>
      </c>
      <c r="BV31" s="281">
        <v>169</v>
      </c>
      <c r="BW31" s="281">
        <v>141</v>
      </c>
      <c r="BX31" s="281">
        <v>108</v>
      </c>
      <c r="BY31" s="281">
        <v>79</v>
      </c>
      <c r="BZ31" s="278">
        <v>502</v>
      </c>
      <c r="CA31" s="283">
        <v>502</v>
      </c>
      <c r="CB31" s="277">
        <v>0</v>
      </c>
      <c r="CC31" s="281">
        <v>0</v>
      </c>
      <c r="CD31" s="278">
        <v>0</v>
      </c>
      <c r="CE31" s="280">
        <v>0</v>
      </c>
      <c r="CF31" s="281">
        <v>30</v>
      </c>
      <c r="CG31" s="281">
        <v>15</v>
      </c>
      <c r="CH31" s="281">
        <v>4</v>
      </c>
      <c r="CI31" s="281">
        <v>4</v>
      </c>
      <c r="CJ31" s="281">
        <v>14</v>
      </c>
      <c r="CK31" s="278">
        <v>67</v>
      </c>
      <c r="CL31" s="283">
        <v>67</v>
      </c>
      <c r="CM31" s="277">
        <v>0</v>
      </c>
      <c r="CN31" s="281">
        <v>0</v>
      </c>
      <c r="CO31" s="278">
        <v>0</v>
      </c>
      <c r="CP31" s="280">
        <v>0</v>
      </c>
      <c r="CQ31" s="281">
        <v>0</v>
      </c>
      <c r="CR31" s="281">
        <v>0</v>
      </c>
      <c r="CS31" s="281">
        <v>0</v>
      </c>
      <c r="CT31" s="281">
        <v>0</v>
      </c>
      <c r="CU31" s="281">
        <v>0</v>
      </c>
      <c r="CV31" s="278">
        <v>0</v>
      </c>
      <c r="CW31" s="283">
        <v>0</v>
      </c>
      <c r="CX31" s="277">
        <v>0</v>
      </c>
      <c r="CY31" s="281">
        <v>0</v>
      </c>
      <c r="CZ31" s="278">
        <v>0</v>
      </c>
      <c r="DA31" s="280">
        <v>0</v>
      </c>
      <c r="DB31" s="281">
        <v>0</v>
      </c>
      <c r="DC31" s="281">
        <v>0</v>
      </c>
      <c r="DD31" s="281">
        <v>0</v>
      </c>
      <c r="DE31" s="281">
        <v>0</v>
      </c>
      <c r="DF31" s="281">
        <v>0</v>
      </c>
      <c r="DG31" s="278">
        <v>0</v>
      </c>
      <c r="DH31" s="283">
        <v>0</v>
      </c>
    </row>
    <row r="32" spans="2:112" ht="18.75" customHeight="1" x14ac:dyDescent="0.2">
      <c r="B32" s="262" t="s">
        <v>30</v>
      </c>
      <c r="C32" s="277">
        <v>0</v>
      </c>
      <c r="D32" s="281">
        <v>0</v>
      </c>
      <c r="E32" s="385">
        <v>0</v>
      </c>
      <c r="F32" s="280">
        <v>0</v>
      </c>
      <c r="G32" s="281">
        <v>161</v>
      </c>
      <c r="H32" s="281">
        <v>373</v>
      </c>
      <c r="I32" s="281">
        <v>597</v>
      </c>
      <c r="J32" s="281">
        <v>909</v>
      </c>
      <c r="K32" s="281">
        <v>495</v>
      </c>
      <c r="L32" s="282">
        <v>2535</v>
      </c>
      <c r="M32" s="283">
        <v>2535</v>
      </c>
      <c r="N32" s="277">
        <v>0</v>
      </c>
      <c r="O32" s="281">
        <v>0</v>
      </c>
      <c r="P32" s="278">
        <v>0</v>
      </c>
      <c r="Q32" s="280">
        <v>0</v>
      </c>
      <c r="R32" s="281">
        <v>6</v>
      </c>
      <c r="S32" s="281">
        <v>1</v>
      </c>
      <c r="T32" s="281">
        <v>7</v>
      </c>
      <c r="U32" s="281">
        <v>34</v>
      </c>
      <c r="V32" s="281">
        <v>44</v>
      </c>
      <c r="W32" s="278">
        <v>92</v>
      </c>
      <c r="X32" s="283">
        <v>92</v>
      </c>
      <c r="Y32" s="277">
        <v>12</v>
      </c>
      <c r="Z32" s="281">
        <v>32</v>
      </c>
      <c r="AA32" s="278">
        <v>44</v>
      </c>
      <c r="AB32" s="280">
        <v>0</v>
      </c>
      <c r="AC32" s="281">
        <v>208</v>
      </c>
      <c r="AD32" s="281">
        <v>133</v>
      </c>
      <c r="AE32" s="281">
        <v>152</v>
      </c>
      <c r="AF32" s="281">
        <v>133</v>
      </c>
      <c r="AG32" s="281">
        <v>59</v>
      </c>
      <c r="AH32" s="278">
        <v>685</v>
      </c>
      <c r="AI32" s="283">
        <v>729</v>
      </c>
      <c r="AJ32" s="277">
        <v>0</v>
      </c>
      <c r="AK32" s="281">
        <v>0</v>
      </c>
      <c r="AL32" s="278">
        <v>0</v>
      </c>
      <c r="AM32" s="280">
        <v>0</v>
      </c>
      <c r="AN32" s="281">
        <v>30</v>
      </c>
      <c r="AO32" s="281">
        <v>0</v>
      </c>
      <c r="AP32" s="281">
        <v>32</v>
      </c>
      <c r="AQ32" s="281">
        <v>39</v>
      </c>
      <c r="AR32" s="281">
        <v>0</v>
      </c>
      <c r="AS32" s="278">
        <v>101</v>
      </c>
      <c r="AT32" s="283">
        <v>101</v>
      </c>
      <c r="AU32" s="277">
        <v>0</v>
      </c>
      <c r="AV32" s="281">
        <v>0</v>
      </c>
      <c r="AW32" s="278">
        <v>0</v>
      </c>
      <c r="AX32" s="280">
        <v>0</v>
      </c>
      <c r="AY32" s="281">
        <v>296</v>
      </c>
      <c r="AZ32" s="281">
        <v>230</v>
      </c>
      <c r="BA32" s="281">
        <v>244</v>
      </c>
      <c r="BB32" s="281">
        <v>137</v>
      </c>
      <c r="BC32" s="281">
        <v>13</v>
      </c>
      <c r="BD32" s="282">
        <v>920</v>
      </c>
      <c r="BE32" s="283">
        <v>920</v>
      </c>
      <c r="BF32" s="277">
        <v>0</v>
      </c>
      <c r="BG32" s="281">
        <v>0</v>
      </c>
      <c r="BH32" s="278">
        <v>0</v>
      </c>
      <c r="BI32" s="280">
        <v>0</v>
      </c>
      <c r="BJ32" s="281">
        <v>54</v>
      </c>
      <c r="BK32" s="281">
        <v>66</v>
      </c>
      <c r="BL32" s="281">
        <v>26</v>
      </c>
      <c r="BM32" s="281">
        <v>38</v>
      </c>
      <c r="BN32" s="281">
        <v>0</v>
      </c>
      <c r="BO32" s="278">
        <v>184</v>
      </c>
      <c r="BP32" s="283">
        <v>184</v>
      </c>
      <c r="BQ32" s="277">
        <v>0</v>
      </c>
      <c r="BR32" s="281">
        <v>0</v>
      </c>
      <c r="BS32" s="278">
        <v>0</v>
      </c>
      <c r="BT32" s="280">
        <v>0</v>
      </c>
      <c r="BU32" s="281">
        <v>32</v>
      </c>
      <c r="BV32" s="281">
        <v>57</v>
      </c>
      <c r="BW32" s="281">
        <v>102</v>
      </c>
      <c r="BX32" s="281">
        <v>114</v>
      </c>
      <c r="BY32" s="281">
        <v>24</v>
      </c>
      <c r="BZ32" s="278">
        <v>329</v>
      </c>
      <c r="CA32" s="283">
        <v>329</v>
      </c>
      <c r="CB32" s="277">
        <v>0</v>
      </c>
      <c r="CC32" s="281">
        <v>0</v>
      </c>
      <c r="CD32" s="278">
        <v>0</v>
      </c>
      <c r="CE32" s="280">
        <v>0</v>
      </c>
      <c r="CF32" s="281">
        <v>0</v>
      </c>
      <c r="CG32" s="281">
        <v>7</v>
      </c>
      <c r="CH32" s="281">
        <v>0</v>
      </c>
      <c r="CI32" s="281">
        <v>0</v>
      </c>
      <c r="CJ32" s="281">
        <v>7</v>
      </c>
      <c r="CK32" s="278">
        <v>14</v>
      </c>
      <c r="CL32" s="283">
        <v>14</v>
      </c>
      <c r="CM32" s="277">
        <v>0</v>
      </c>
      <c r="CN32" s="281">
        <v>0</v>
      </c>
      <c r="CO32" s="278">
        <v>0</v>
      </c>
      <c r="CP32" s="280">
        <v>0</v>
      </c>
      <c r="CQ32" s="281">
        <v>0</v>
      </c>
      <c r="CR32" s="281">
        <v>0</v>
      </c>
      <c r="CS32" s="281">
        <v>0</v>
      </c>
      <c r="CT32" s="281">
        <v>0</v>
      </c>
      <c r="CU32" s="281">
        <v>0</v>
      </c>
      <c r="CV32" s="278">
        <v>0</v>
      </c>
      <c r="CW32" s="283">
        <v>0</v>
      </c>
      <c r="CX32" s="277">
        <v>0</v>
      </c>
      <c r="CY32" s="281">
        <v>0</v>
      </c>
      <c r="CZ32" s="278">
        <v>0</v>
      </c>
      <c r="DA32" s="280">
        <v>0</v>
      </c>
      <c r="DB32" s="281">
        <v>0</v>
      </c>
      <c r="DC32" s="281">
        <v>0</v>
      </c>
      <c r="DD32" s="281">
        <v>0</v>
      </c>
      <c r="DE32" s="281">
        <v>0</v>
      </c>
      <c r="DF32" s="281">
        <v>0</v>
      </c>
      <c r="DG32" s="278">
        <v>0</v>
      </c>
      <c r="DH32" s="283">
        <v>0</v>
      </c>
    </row>
    <row r="33" spans="2:112" ht="18.75" customHeight="1" x14ac:dyDescent="0.2">
      <c r="B33" s="262" t="s">
        <v>31</v>
      </c>
      <c r="C33" s="277">
        <v>0</v>
      </c>
      <c r="D33" s="281">
        <v>0</v>
      </c>
      <c r="E33" s="385">
        <v>0</v>
      </c>
      <c r="F33" s="280">
        <v>0</v>
      </c>
      <c r="G33" s="281">
        <v>210</v>
      </c>
      <c r="H33" s="281">
        <v>266</v>
      </c>
      <c r="I33" s="281">
        <v>55</v>
      </c>
      <c r="J33" s="281">
        <v>23</v>
      </c>
      <c r="K33" s="281">
        <v>315</v>
      </c>
      <c r="L33" s="282">
        <v>869</v>
      </c>
      <c r="M33" s="283">
        <v>869</v>
      </c>
      <c r="N33" s="277">
        <v>0</v>
      </c>
      <c r="O33" s="281">
        <v>0</v>
      </c>
      <c r="P33" s="278">
        <v>0</v>
      </c>
      <c r="Q33" s="280">
        <v>0</v>
      </c>
      <c r="R33" s="281">
        <v>0</v>
      </c>
      <c r="S33" s="281">
        <v>11</v>
      </c>
      <c r="T33" s="281">
        <v>18</v>
      </c>
      <c r="U33" s="281">
        <v>19</v>
      </c>
      <c r="V33" s="281">
        <v>28</v>
      </c>
      <c r="W33" s="278">
        <v>76</v>
      </c>
      <c r="X33" s="283">
        <v>76</v>
      </c>
      <c r="Y33" s="277">
        <v>10</v>
      </c>
      <c r="Z33" s="281">
        <v>15</v>
      </c>
      <c r="AA33" s="278">
        <v>25</v>
      </c>
      <c r="AB33" s="280">
        <v>0</v>
      </c>
      <c r="AC33" s="281">
        <v>60</v>
      </c>
      <c r="AD33" s="281">
        <v>131</v>
      </c>
      <c r="AE33" s="281">
        <v>75</v>
      </c>
      <c r="AF33" s="281">
        <v>75</v>
      </c>
      <c r="AG33" s="281">
        <v>99</v>
      </c>
      <c r="AH33" s="278">
        <v>440</v>
      </c>
      <c r="AI33" s="283">
        <v>465</v>
      </c>
      <c r="AJ33" s="277">
        <v>0</v>
      </c>
      <c r="AK33" s="281">
        <v>21</v>
      </c>
      <c r="AL33" s="278">
        <v>21</v>
      </c>
      <c r="AM33" s="280">
        <v>0</v>
      </c>
      <c r="AN33" s="281">
        <v>32</v>
      </c>
      <c r="AO33" s="281">
        <v>50</v>
      </c>
      <c r="AP33" s="281">
        <v>80</v>
      </c>
      <c r="AQ33" s="281">
        <v>42</v>
      </c>
      <c r="AR33" s="281">
        <v>29</v>
      </c>
      <c r="AS33" s="278">
        <v>233</v>
      </c>
      <c r="AT33" s="283">
        <v>254</v>
      </c>
      <c r="AU33" s="277">
        <v>0</v>
      </c>
      <c r="AV33" s="281">
        <v>0</v>
      </c>
      <c r="AW33" s="278">
        <v>0</v>
      </c>
      <c r="AX33" s="280">
        <v>0</v>
      </c>
      <c r="AY33" s="281">
        <v>266</v>
      </c>
      <c r="AZ33" s="281">
        <v>435</v>
      </c>
      <c r="BA33" s="281">
        <v>257</v>
      </c>
      <c r="BB33" s="281">
        <v>126</v>
      </c>
      <c r="BC33" s="281">
        <v>24</v>
      </c>
      <c r="BD33" s="282">
        <v>1108</v>
      </c>
      <c r="BE33" s="283">
        <v>1108</v>
      </c>
      <c r="BF33" s="277">
        <v>0</v>
      </c>
      <c r="BG33" s="281">
        <v>0</v>
      </c>
      <c r="BH33" s="278">
        <v>0</v>
      </c>
      <c r="BI33" s="280">
        <v>0</v>
      </c>
      <c r="BJ33" s="281">
        <v>33</v>
      </c>
      <c r="BK33" s="281">
        <v>72</v>
      </c>
      <c r="BL33" s="281">
        <v>54</v>
      </c>
      <c r="BM33" s="281">
        <v>25</v>
      </c>
      <c r="BN33" s="281">
        <v>15</v>
      </c>
      <c r="BO33" s="278">
        <v>199</v>
      </c>
      <c r="BP33" s="283">
        <v>199</v>
      </c>
      <c r="BQ33" s="277">
        <v>0</v>
      </c>
      <c r="BR33" s="281">
        <v>0</v>
      </c>
      <c r="BS33" s="278">
        <v>0</v>
      </c>
      <c r="BT33" s="280">
        <v>0</v>
      </c>
      <c r="BU33" s="281">
        <v>24</v>
      </c>
      <c r="BV33" s="281">
        <v>112</v>
      </c>
      <c r="BW33" s="281">
        <v>227</v>
      </c>
      <c r="BX33" s="281">
        <v>129</v>
      </c>
      <c r="BY33" s="281">
        <v>23</v>
      </c>
      <c r="BZ33" s="278">
        <v>515</v>
      </c>
      <c r="CA33" s="283">
        <v>515</v>
      </c>
      <c r="CB33" s="277">
        <v>0</v>
      </c>
      <c r="CC33" s="281">
        <v>0</v>
      </c>
      <c r="CD33" s="278">
        <v>0</v>
      </c>
      <c r="CE33" s="280">
        <v>0</v>
      </c>
      <c r="CF33" s="281">
        <v>5</v>
      </c>
      <c r="CG33" s="281">
        <v>8</v>
      </c>
      <c r="CH33" s="281">
        <v>0</v>
      </c>
      <c r="CI33" s="281">
        <v>2</v>
      </c>
      <c r="CJ33" s="281">
        <v>4</v>
      </c>
      <c r="CK33" s="278">
        <v>19</v>
      </c>
      <c r="CL33" s="283">
        <v>19</v>
      </c>
      <c r="CM33" s="277">
        <v>0</v>
      </c>
      <c r="CN33" s="281">
        <v>0</v>
      </c>
      <c r="CO33" s="278">
        <v>0</v>
      </c>
      <c r="CP33" s="280">
        <v>0</v>
      </c>
      <c r="CQ33" s="281">
        <v>0</v>
      </c>
      <c r="CR33" s="281">
        <v>0</v>
      </c>
      <c r="CS33" s="281">
        <v>0</v>
      </c>
      <c r="CT33" s="281">
        <v>0</v>
      </c>
      <c r="CU33" s="281">
        <v>0</v>
      </c>
      <c r="CV33" s="278">
        <v>0</v>
      </c>
      <c r="CW33" s="283">
        <v>0</v>
      </c>
      <c r="CX33" s="277">
        <v>0</v>
      </c>
      <c r="CY33" s="281">
        <v>0</v>
      </c>
      <c r="CZ33" s="278">
        <v>0</v>
      </c>
      <c r="DA33" s="280">
        <v>0</v>
      </c>
      <c r="DB33" s="281">
        <v>0</v>
      </c>
      <c r="DC33" s="281">
        <v>0</v>
      </c>
      <c r="DD33" s="281">
        <v>0</v>
      </c>
      <c r="DE33" s="281">
        <v>0</v>
      </c>
      <c r="DF33" s="281">
        <v>0</v>
      </c>
      <c r="DG33" s="278">
        <v>0</v>
      </c>
      <c r="DH33" s="283">
        <v>0</v>
      </c>
    </row>
    <row r="34" spans="2:112" ht="18.75" customHeight="1" x14ac:dyDescent="0.2">
      <c r="B34" s="262" t="s">
        <v>32</v>
      </c>
      <c r="C34" s="277">
        <v>0</v>
      </c>
      <c r="D34" s="281">
        <v>0</v>
      </c>
      <c r="E34" s="385">
        <v>0</v>
      </c>
      <c r="F34" s="280">
        <v>0</v>
      </c>
      <c r="G34" s="281">
        <v>298</v>
      </c>
      <c r="H34" s="281">
        <v>189</v>
      </c>
      <c r="I34" s="281">
        <v>440</v>
      </c>
      <c r="J34" s="281">
        <v>591</v>
      </c>
      <c r="K34" s="281">
        <v>489</v>
      </c>
      <c r="L34" s="282">
        <v>2007</v>
      </c>
      <c r="M34" s="283">
        <v>2007</v>
      </c>
      <c r="N34" s="277">
        <v>0</v>
      </c>
      <c r="O34" s="281">
        <v>0</v>
      </c>
      <c r="P34" s="278">
        <v>0</v>
      </c>
      <c r="Q34" s="280">
        <v>0</v>
      </c>
      <c r="R34" s="281">
        <v>0</v>
      </c>
      <c r="S34" s="281">
        <v>4</v>
      </c>
      <c r="T34" s="281">
        <v>0</v>
      </c>
      <c r="U34" s="281">
        <v>4</v>
      </c>
      <c r="V34" s="281">
        <v>38</v>
      </c>
      <c r="W34" s="278">
        <v>46</v>
      </c>
      <c r="X34" s="283">
        <v>46</v>
      </c>
      <c r="Y34" s="277">
        <v>30</v>
      </c>
      <c r="Z34" s="281">
        <v>41</v>
      </c>
      <c r="AA34" s="278">
        <v>71</v>
      </c>
      <c r="AB34" s="280">
        <v>0</v>
      </c>
      <c r="AC34" s="281">
        <v>200</v>
      </c>
      <c r="AD34" s="281">
        <v>171</v>
      </c>
      <c r="AE34" s="281">
        <v>114</v>
      </c>
      <c r="AF34" s="281">
        <v>123</v>
      </c>
      <c r="AG34" s="281">
        <v>64</v>
      </c>
      <c r="AH34" s="278">
        <v>672</v>
      </c>
      <c r="AI34" s="283">
        <v>743</v>
      </c>
      <c r="AJ34" s="277">
        <v>14</v>
      </c>
      <c r="AK34" s="281">
        <v>0</v>
      </c>
      <c r="AL34" s="278">
        <v>14</v>
      </c>
      <c r="AM34" s="280">
        <v>0</v>
      </c>
      <c r="AN34" s="281">
        <v>102</v>
      </c>
      <c r="AO34" s="281">
        <v>27</v>
      </c>
      <c r="AP34" s="281">
        <v>21</v>
      </c>
      <c r="AQ34" s="281">
        <v>6</v>
      </c>
      <c r="AR34" s="281">
        <v>38</v>
      </c>
      <c r="AS34" s="278">
        <v>194</v>
      </c>
      <c r="AT34" s="283">
        <v>208</v>
      </c>
      <c r="AU34" s="277">
        <v>0</v>
      </c>
      <c r="AV34" s="281">
        <v>0</v>
      </c>
      <c r="AW34" s="278">
        <v>0</v>
      </c>
      <c r="AX34" s="280">
        <v>0</v>
      </c>
      <c r="AY34" s="281">
        <v>489</v>
      </c>
      <c r="AZ34" s="281">
        <v>444</v>
      </c>
      <c r="BA34" s="281">
        <v>230</v>
      </c>
      <c r="BB34" s="281">
        <v>200</v>
      </c>
      <c r="BC34" s="281">
        <v>35</v>
      </c>
      <c r="BD34" s="282">
        <v>1398</v>
      </c>
      <c r="BE34" s="283">
        <v>1398</v>
      </c>
      <c r="BF34" s="277">
        <v>0</v>
      </c>
      <c r="BG34" s="281">
        <v>0</v>
      </c>
      <c r="BH34" s="278">
        <v>0</v>
      </c>
      <c r="BI34" s="280">
        <v>0</v>
      </c>
      <c r="BJ34" s="281">
        <v>55</v>
      </c>
      <c r="BK34" s="281">
        <v>68</v>
      </c>
      <c r="BL34" s="281">
        <v>38</v>
      </c>
      <c r="BM34" s="281">
        <v>35</v>
      </c>
      <c r="BN34" s="281">
        <v>23</v>
      </c>
      <c r="BO34" s="278">
        <v>219</v>
      </c>
      <c r="BP34" s="283">
        <v>219</v>
      </c>
      <c r="BQ34" s="277">
        <v>7</v>
      </c>
      <c r="BR34" s="281">
        <v>0</v>
      </c>
      <c r="BS34" s="278">
        <v>7</v>
      </c>
      <c r="BT34" s="280">
        <v>0</v>
      </c>
      <c r="BU34" s="281">
        <v>32</v>
      </c>
      <c r="BV34" s="281">
        <v>53</v>
      </c>
      <c r="BW34" s="281">
        <v>154</v>
      </c>
      <c r="BX34" s="281">
        <v>76</v>
      </c>
      <c r="BY34" s="281">
        <v>12</v>
      </c>
      <c r="BZ34" s="278">
        <v>327</v>
      </c>
      <c r="CA34" s="283">
        <v>334</v>
      </c>
      <c r="CB34" s="277">
        <v>0</v>
      </c>
      <c r="CC34" s="281">
        <v>0</v>
      </c>
      <c r="CD34" s="278">
        <v>0</v>
      </c>
      <c r="CE34" s="280">
        <v>0</v>
      </c>
      <c r="CF34" s="281">
        <v>4</v>
      </c>
      <c r="CG34" s="281">
        <v>0</v>
      </c>
      <c r="CH34" s="281">
        <v>50</v>
      </c>
      <c r="CI34" s="281">
        <v>18</v>
      </c>
      <c r="CJ34" s="281">
        <v>13</v>
      </c>
      <c r="CK34" s="278">
        <v>85</v>
      </c>
      <c r="CL34" s="283">
        <v>85</v>
      </c>
      <c r="CM34" s="277">
        <v>0</v>
      </c>
      <c r="CN34" s="281">
        <v>0</v>
      </c>
      <c r="CO34" s="278">
        <v>0</v>
      </c>
      <c r="CP34" s="280">
        <v>0</v>
      </c>
      <c r="CQ34" s="281">
        <v>0</v>
      </c>
      <c r="CR34" s="281">
        <v>0</v>
      </c>
      <c r="CS34" s="281">
        <v>0</v>
      </c>
      <c r="CT34" s="281">
        <v>0</v>
      </c>
      <c r="CU34" s="281">
        <v>0</v>
      </c>
      <c r="CV34" s="278">
        <v>0</v>
      </c>
      <c r="CW34" s="283">
        <v>0</v>
      </c>
      <c r="CX34" s="277">
        <v>0</v>
      </c>
      <c r="CY34" s="281">
        <v>0</v>
      </c>
      <c r="CZ34" s="278">
        <v>0</v>
      </c>
      <c r="DA34" s="280">
        <v>0</v>
      </c>
      <c r="DB34" s="281">
        <v>0</v>
      </c>
      <c r="DC34" s="281">
        <v>0</v>
      </c>
      <c r="DD34" s="281">
        <v>0</v>
      </c>
      <c r="DE34" s="281">
        <v>0</v>
      </c>
      <c r="DF34" s="281">
        <v>0</v>
      </c>
      <c r="DG34" s="278">
        <v>0</v>
      </c>
      <c r="DH34" s="283">
        <v>0</v>
      </c>
    </row>
    <row r="35" spans="2:112" ht="18.75" customHeight="1" x14ac:dyDescent="0.2">
      <c r="B35" s="262" t="s">
        <v>33</v>
      </c>
      <c r="C35" s="277">
        <v>0</v>
      </c>
      <c r="D35" s="281">
        <v>0</v>
      </c>
      <c r="E35" s="385">
        <v>0</v>
      </c>
      <c r="F35" s="280">
        <v>0</v>
      </c>
      <c r="G35" s="281">
        <v>271</v>
      </c>
      <c r="H35" s="281">
        <v>232</v>
      </c>
      <c r="I35" s="281">
        <v>343</v>
      </c>
      <c r="J35" s="281">
        <v>603</v>
      </c>
      <c r="K35" s="281">
        <v>596</v>
      </c>
      <c r="L35" s="282">
        <v>2045</v>
      </c>
      <c r="M35" s="283">
        <v>2045</v>
      </c>
      <c r="N35" s="277">
        <v>0</v>
      </c>
      <c r="O35" s="281">
        <v>0</v>
      </c>
      <c r="P35" s="278">
        <v>0</v>
      </c>
      <c r="Q35" s="280">
        <v>0</v>
      </c>
      <c r="R35" s="281">
        <v>0</v>
      </c>
      <c r="S35" s="281">
        <v>0</v>
      </c>
      <c r="T35" s="281">
        <v>8</v>
      </c>
      <c r="U35" s="281">
        <v>17</v>
      </c>
      <c r="V35" s="281">
        <v>20</v>
      </c>
      <c r="W35" s="278">
        <v>45</v>
      </c>
      <c r="X35" s="283">
        <v>45</v>
      </c>
      <c r="Y35" s="277">
        <v>4</v>
      </c>
      <c r="Z35" s="281">
        <v>10</v>
      </c>
      <c r="AA35" s="278">
        <v>14</v>
      </c>
      <c r="AB35" s="280">
        <v>0</v>
      </c>
      <c r="AC35" s="281">
        <v>96</v>
      </c>
      <c r="AD35" s="281">
        <v>57</v>
      </c>
      <c r="AE35" s="281">
        <v>63</v>
      </c>
      <c r="AF35" s="281">
        <v>48</v>
      </c>
      <c r="AG35" s="281">
        <v>55</v>
      </c>
      <c r="AH35" s="278">
        <v>319</v>
      </c>
      <c r="AI35" s="283">
        <v>333</v>
      </c>
      <c r="AJ35" s="277">
        <v>108</v>
      </c>
      <c r="AK35" s="281">
        <v>287</v>
      </c>
      <c r="AL35" s="278">
        <v>395</v>
      </c>
      <c r="AM35" s="280">
        <v>0</v>
      </c>
      <c r="AN35" s="281">
        <v>342</v>
      </c>
      <c r="AO35" s="281">
        <v>211</v>
      </c>
      <c r="AP35" s="281">
        <v>60</v>
      </c>
      <c r="AQ35" s="281">
        <v>127</v>
      </c>
      <c r="AR35" s="281">
        <v>51</v>
      </c>
      <c r="AS35" s="278">
        <v>791</v>
      </c>
      <c r="AT35" s="283">
        <v>1186</v>
      </c>
      <c r="AU35" s="277">
        <v>0</v>
      </c>
      <c r="AV35" s="281">
        <v>0</v>
      </c>
      <c r="AW35" s="278">
        <v>0</v>
      </c>
      <c r="AX35" s="280">
        <v>0</v>
      </c>
      <c r="AY35" s="281">
        <v>104</v>
      </c>
      <c r="AZ35" s="281">
        <v>51</v>
      </c>
      <c r="BA35" s="281">
        <v>40</v>
      </c>
      <c r="BB35" s="281">
        <v>86</v>
      </c>
      <c r="BC35" s="281">
        <v>22</v>
      </c>
      <c r="BD35" s="282">
        <v>303</v>
      </c>
      <c r="BE35" s="283">
        <v>303</v>
      </c>
      <c r="BF35" s="277">
        <v>0</v>
      </c>
      <c r="BG35" s="281">
        <v>0</v>
      </c>
      <c r="BH35" s="278">
        <v>0</v>
      </c>
      <c r="BI35" s="280">
        <v>0</v>
      </c>
      <c r="BJ35" s="281">
        <v>98</v>
      </c>
      <c r="BK35" s="281">
        <v>56</v>
      </c>
      <c r="BL35" s="281">
        <v>11</v>
      </c>
      <c r="BM35" s="281">
        <v>13</v>
      </c>
      <c r="BN35" s="281">
        <v>6</v>
      </c>
      <c r="BO35" s="278">
        <v>184</v>
      </c>
      <c r="BP35" s="283">
        <v>184</v>
      </c>
      <c r="BQ35" s="277">
        <v>0</v>
      </c>
      <c r="BR35" s="281">
        <v>0</v>
      </c>
      <c r="BS35" s="278">
        <v>0</v>
      </c>
      <c r="BT35" s="280">
        <v>0</v>
      </c>
      <c r="BU35" s="281">
        <v>2</v>
      </c>
      <c r="BV35" s="281">
        <v>51</v>
      </c>
      <c r="BW35" s="281">
        <v>78</v>
      </c>
      <c r="BX35" s="281">
        <v>101</v>
      </c>
      <c r="BY35" s="281">
        <v>0</v>
      </c>
      <c r="BZ35" s="278">
        <v>232</v>
      </c>
      <c r="CA35" s="283">
        <v>232</v>
      </c>
      <c r="CB35" s="277">
        <v>0</v>
      </c>
      <c r="CC35" s="281">
        <v>0</v>
      </c>
      <c r="CD35" s="278">
        <v>0</v>
      </c>
      <c r="CE35" s="280">
        <v>0</v>
      </c>
      <c r="CF35" s="281">
        <v>3</v>
      </c>
      <c r="CG35" s="281">
        <v>28</v>
      </c>
      <c r="CH35" s="281">
        <v>22</v>
      </c>
      <c r="CI35" s="281">
        <v>0</v>
      </c>
      <c r="CJ35" s="281">
        <v>0</v>
      </c>
      <c r="CK35" s="278">
        <v>53</v>
      </c>
      <c r="CL35" s="283">
        <v>53</v>
      </c>
      <c r="CM35" s="277">
        <v>0</v>
      </c>
      <c r="CN35" s="281">
        <v>0</v>
      </c>
      <c r="CO35" s="278">
        <v>0</v>
      </c>
      <c r="CP35" s="280">
        <v>0</v>
      </c>
      <c r="CQ35" s="281">
        <v>0</v>
      </c>
      <c r="CR35" s="281">
        <v>0</v>
      </c>
      <c r="CS35" s="281">
        <v>0</v>
      </c>
      <c r="CT35" s="281">
        <v>0</v>
      </c>
      <c r="CU35" s="281">
        <v>0</v>
      </c>
      <c r="CV35" s="278">
        <v>0</v>
      </c>
      <c r="CW35" s="283">
        <v>0</v>
      </c>
      <c r="CX35" s="277">
        <v>0</v>
      </c>
      <c r="CY35" s="281">
        <v>0</v>
      </c>
      <c r="CZ35" s="278">
        <v>0</v>
      </c>
      <c r="DA35" s="280">
        <v>0</v>
      </c>
      <c r="DB35" s="281">
        <v>18</v>
      </c>
      <c r="DC35" s="281">
        <v>0</v>
      </c>
      <c r="DD35" s="281">
        <v>0</v>
      </c>
      <c r="DE35" s="281">
        <v>0</v>
      </c>
      <c r="DF35" s="281">
        <v>0</v>
      </c>
      <c r="DG35" s="278">
        <v>18</v>
      </c>
      <c r="DH35" s="283">
        <v>18</v>
      </c>
    </row>
    <row r="36" spans="2:112" ht="18.75" customHeight="1" x14ac:dyDescent="0.2">
      <c r="B36" s="262" t="s">
        <v>34</v>
      </c>
      <c r="C36" s="277">
        <v>0</v>
      </c>
      <c r="D36" s="281">
        <v>0</v>
      </c>
      <c r="E36" s="385">
        <v>0</v>
      </c>
      <c r="F36" s="280">
        <v>0</v>
      </c>
      <c r="G36" s="281">
        <v>184</v>
      </c>
      <c r="H36" s="281">
        <v>104</v>
      </c>
      <c r="I36" s="281">
        <v>429</v>
      </c>
      <c r="J36" s="281">
        <v>165</v>
      </c>
      <c r="K36" s="281">
        <v>146</v>
      </c>
      <c r="L36" s="282">
        <v>1028</v>
      </c>
      <c r="M36" s="283">
        <v>1028</v>
      </c>
      <c r="N36" s="277">
        <v>0</v>
      </c>
      <c r="O36" s="281">
        <v>0</v>
      </c>
      <c r="P36" s="278">
        <v>0</v>
      </c>
      <c r="Q36" s="280">
        <v>0</v>
      </c>
      <c r="R36" s="281">
        <v>0</v>
      </c>
      <c r="S36" s="281">
        <v>2</v>
      </c>
      <c r="T36" s="281">
        <v>0</v>
      </c>
      <c r="U36" s="281">
        <v>4</v>
      </c>
      <c r="V36" s="281">
        <v>37</v>
      </c>
      <c r="W36" s="278">
        <v>43</v>
      </c>
      <c r="X36" s="283">
        <v>43</v>
      </c>
      <c r="Y36" s="277">
        <v>0</v>
      </c>
      <c r="Z36" s="281">
        <v>56</v>
      </c>
      <c r="AA36" s="278">
        <v>56</v>
      </c>
      <c r="AB36" s="280">
        <v>0</v>
      </c>
      <c r="AC36" s="281">
        <v>110</v>
      </c>
      <c r="AD36" s="281">
        <v>55</v>
      </c>
      <c r="AE36" s="281">
        <v>55</v>
      </c>
      <c r="AF36" s="281">
        <v>1</v>
      </c>
      <c r="AG36" s="281">
        <v>39</v>
      </c>
      <c r="AH36" s="278">
        <v>260</v>
      </c>
      <c r="AI36" s="283">
        <v>316</v>
      </c>
      <c r="AJ36" s="277">
        <v>0</v>
      </c>
      <c r="AK36" s="281">
        <v>0</v>
      </c>
      <c r="AL36" s="278">
        <v>0</v>
      </c>
      <c r="AM36" s="280">
        <v>0</v>
      </c>
      <c r="AN36" s="281">
        <v>79</v>
      </c>
      <c r="AO36" s="281">
        <v>56</v>
      </c>
      <c r="AP36" s="281">
        <v>59</v>
      </c>
      <c r="AQ36" s="281">
        <v>9</v>
      </c>
      <c r="AR36" s="281">
        <v>16</v>
      </c>
      <c r="AS36" s="278">
        <v>219</v>
      </c>
      <c r="AT36" s="283">
        <v>219</v>
      </c>
      <c r="AU36" s="277">
        <v>0</v>
      </c>
      <c r="AV36" s="281">
        <v>0</v>
      </c>
      <c r="AW36" s="278">
        <v>0</v>
      </c>
      <c r="AX36" s="280">
        <v>0</v>
      </c>
      <c r="AY36" s="281">
        <v>338</v>
      </c>
      <c r="AZ36" s="281">
        <v>256</v>
      </c>
      <c r="BA36" s="281">
        <v>194</v>
      </c>
      <c r="BB36" s="281">
        <v>99</v>
      </c>
      <c r="BC36" s="281">
        <v>9</v>
      </c>
      <c r="BD36" s="282">
        <v>896</v>
      </c>
      <c r="BE36" s="283">
        <v>896</v>
      </c>
      <c r="BF36" s="277">
        <v>0</v>
      </c>
      <c r="BG36" s="281">
        <v>0</v>
      </c>
      <c r="BH36" s="278">
        <v>0</v>
      </c>
      <c r="BI36" s="280">
        <v>0</v>
      </c>
      <c r="BJ36" s="281">
        <v>83</v>
      </c>
      <c r="BK36" s="281">
        <v>43</v>
      </c>
      <c r="BL36" s="281">
        <v>15</v>
      </c>
      <c r="BM36" s="281">
        <v>38</v>
      </c>
      <c r="BN36" s="281">
        <v>0</v>
      </c>
      <c r="BO36" s="278">
        <v>179</v>
      </c>
      <c r="BP36" s="283">
        <v>179</v>
      </c>
      <c r="BQ36" s="277">
        <v>0</v>
      </c>
      <c r="BR36" s="281">
        <v>0</v>
      </c>
      <c r="BS36" s="278">
        <v>0</v>
      </c>
      <c r="BT36" s="280">
        <v>0</v>
      </c>
      <c r="BU36" s="281">
        <v>28</v>
      </c>
      <c r="BV36" s="281">
        <v>2</v>
      </c>
      <c r="BW36" s="281">
        <v>20</v>
      </c>
      <c r="BX36" s="281">
        <v>66</v>
      </c>
      <c r="BY36" s="281">
        <v>0</v>
      </c>
      <c r="BZ36" s="278">
        <v>116</v>
      </c>
      <c r="CA36" s="283">
        <v>116</v>
      </c>
      <c r="CB36" s="277">
        <v>0</v>
      </c>
      <c r="CC36" s="281">
        <v>0</v>
      </c>
      <c r="CD36" s="278">
        <v>0</v>
      </c>
      <c r="CE36" s="280">
        <v>0</v>
      </c>
      <c r="CF36" s="281">
        <v>3</v>
      </c>
      <c r="CG36" s="281">
        <v>0</v>
      </c>
      <c r="CH36" s="281">
        <v>9</v>
      </c>
      <c r="CI36" s="281">
        <v>7</v>
      </c>
      <c r="CJ36" s="281">
        <v>0</v>
      </c>
      <c r="CK36" s="278">
        <v>19</v>
      </c>
      <c r="CL36" s="283">
        <v>19</v>
      </c>
      <c r="CM36" s="277">
        <v>0</v>
      </c>
      <c r="CN36" s="281">
        <v>0</v>
      </c>
      <c r="CO36" s="278">
        <v>0</v>
      </c>
      <c r="CP36" s="280">
        <v>0</v>
      </c>
      <c r="CQ36" s="281">
        <v>0</v>
      </c>
      <c r="CR36" s="281">
        <v>0</v>
      </c>
      <c r="CS36" s="281">
        <v>0</v>
      </c>
      <c r="CT36" s="281">
        <v>0</v>
      </c>
      <c r="CU36" s="281">
        <v>0</v>
      </c>
      <c r="CV36" s="278">
        <v>0</v>
      </c>
      <c r="CW36" s="283">
        <v>0</v>
      </c>
      <c r="CX36" s="277">
        <v>0</v>
      </c>
      <c r="CY36" s="281">
        <v>0</v>
      </c>
      <c r="CZ36" s="278">
        <v>0</v>
      </c>
      <c r="DA36" s="280">
        <v>0</v>
      </c>
      <c r="DB36" s="281">
        <v>0</v>
      </c>
      <c r="DC36" s="281">
        <v>0</v>
      </c>
      <c r="DD36" s="281">
        <v>0</v>
      </c>
      <c r="DE36" s="281">
        <v>0</v>
      </c>
      <c r="DF36" s="281">
        <v>0</v>
      </c>
      <c r="DG36" s="278">
        <v>0</v>
      </c>
      <c r="DH36" s="283">
        <v>0</v>
      </c>
    </row>
    <row r="37" spans="2:112" ht="18.75" customHeight="1" x14ac:dyDescent="0.2">
      <c r="B37" s="262" t="s">
        <v>35</v>
      </c>
      <c r="C37" s="277">
        <v>0</v>
      </c>
      <c r="D37" s="281">
        <v>0</v>
      </c>
      <c r="E37" s="385">
        <v>0</v>
      </c>
      <c r="F37" s="280">
        <v>0</v>
      </c>
      <c r="G37" s="281">
        <v>1185</v>
      </c>
      <c r="H37" s="281">
        <v>1056</v>
      </c>
      <c r="I37" s="281">
        <v>1311</v>
      </c>
      <c r="J37" s="281">
        <v>1561</v>
      </c>
      <c r="K37" s="281">
        <v>1074</v>
      </c>
      <c r="L37" s="282">
        <v>6187</v>
      </c>
      <c r="M37" s="283">
        <v>6187</v>
      </c>
      <c r="N37" s="277">
        <v>0</v>
      </c>
      <c r="O37" s="281">
        <v>0</v>
      </c>
      <c r="P37" s="278">
        <v>0</v>
      </c>
      <c r="Q37" s="280">
        <v>0</v>
      </c>
      <c r="R37" s="281">
        <v>0</v>
      </c>
      <c r="S37" s="281">
        <v>29</v>
      </c>
      <c r="T37" s="281">
        <v>20</v>
      </c>
      <c r="U37" s="281">
        <v>39</v>
      </c>
      <c r="V37" s="281">
        <v>66</v>
      </c>
      <c r="W37" s="278">
        <v>154</v>
      </c>
      <c r="X37" s="283">
        <v>154</v>
      </c>
      <c r="Y37" s="277">
        <v>5</v>
      </c>
      <c r="Z37" s="281">
        <v>28</v>
      </c>
      <c r="AA37" s="278">
        <v>33</v>
      </c>
      <c r="AB37" s="280">
        <v>0</v>
      </c>
      <c r="AC37" s="281">
        <v>332</v>
      </c>
      <c r="AD37" s="281">
        <v>237</v>
      </c>
      <c r="AE37" s="281">
        <v>140</v>
      </c>
      <c r="AF37" s="281">
        <v>129</v>
      </c>
      <c r="AG37" s="281">
        <v>75</v>
      </c>
      <c r="AH37" s="278">
        <v>913</v>
      </c>
      <c r="AI37" s="283">
        <v>946</v>
      </c>
      <c r="AJ37" s="277">
        <v>19</v>
      </c>
      <c r="AK37" s="281">
        <v>19</v>
      </c>
      <c r="AL37" s="278">
        <v>38</v>
      </c>
      <c r="AM37" s="280">
        <v>0</v>
      </c>
      <c r="AN37" s="281">
        <v>221</v>
      </c>
      <c r="AO37" s="281">
        <v>189</v>
      </c>
      <c r="AP37" s="281">
        <v>128</v>
      </c>
      <c r="AQ37" s="281">
        <v>56</v>
      </c>
      <c r="AR37" s="281">
        <v>50</v>
      </c>
      <c r="AS37" s="278">
        <v>644</v>
      </c>
      <c r="AT37" s="283">
        <v>682</v>
      </c>
      <c r="AU37" s="277">
        <v>0</v>
      </c>
      <c r="AV37" s="281">
        <v>0</v>
      </c>
      <c r="AW37" s="278">
        <v>0</v>
      </c>
      <c r="AX37" s="280">
        <v>0</v>
      </c>
      <c r="AY37" s="281">
        <v>1517</v>
      </c>
      <c r="AZ37" s="281">
        <v>1082</v>
      </c>
      <c r="BA37" s="281">
        <v>582</v>
      </c>
      <c r="BB37" s="281">
        <v>354</v>
      </c>
      <c r="BC37" s="281">
        <v>194</v>
      </c>
      <c r="BD37" s="282">
        <v>3729</v>
      </c>
      <c r="BE37" s="283">
        <v>3729</v>
      </c>
      <c r="BF37" s="277">
        <v>0</v>
      </c>
      <c r="BG37" s="281">
        <v>0</v>
      </c>
      <c r="BH37" s="278">
        <v>0</v>
      </c>
      <c r="BI37" s="280">
        <v>0</v>
      </c>
      <c r="BJ37" s="281">
        <v>411</v>
      </c>
      <c r="BK37" s="281">
        <v>217</v>
      </c>
      <c r="BL37" s="281">
        <v>101</v>
      </c>
      <c r="BM37" s="281">
        <v>128</v>
      </c>
      <c r="BN37" s="281">
        <v>2</v>
      </c>
      <c r="BO37" s="278">
        <v>859</v>
      </c>
      <c r="BP37" s="283">
        <v>859</v>
      </c>
      <c r="BQ37" s="277">
        <v>0</v>
      </c>
      <c r="BR37" s="281">
        <v>0</v>
      </c>
      <c r="BS37" s="278">
        <v>0</v>
      </c>
      <c r="BT37" s="280">
        <v>0</v>
      </c>
      <c r="BU37" s="281">
        <v>27</v>
      </c>
      <c r="BV37" s="281">
        <v>123</v>
      </c>
      <c r="BW37" s="281">
        <v>142</v>
      </c>
      <c r="BX37" s="281">
        <v>188</v>
      </c>
      <c r="BY37" s="281">
        <v>20</v>
      </c>
      <c r="BZ37" s="278">
        <v>500</v>
      </c>
      <c r="CA37" s="283">
        <v>500</v>
      </c>
      <c r="CB37" s="277">
        <v>0</v>
      </c>
      <c r="CC37" s="281">
        <v>0</v>
      </c>
      <c r="CD37" s="278">
        <v>0</v>
      </c>
      <c r="CE37" s="280">
        <v>0</v>
      </c>
      <c r="CF37" s="281">
        <v>20</v>
      </c>
      <c r="CG37" s="281">
        <v>11</v>
      </c>
      <c r="CH37" s="281">
        <v>7</v>
      </c>
      <c r="CI37" s="281">
        <v>10</v>
      </c>
      <c r="CJ37" s="281">
        <v>0</v>
      </c>
      <c r="CK37" s="278">
        <v>48</v>
      </c>
      <c r="CL37" s="283">
        <v>48</v>
      </c>
      <c r="CM37" s="277">
        <v>0</v>
      </c>
      <c r="CN37" s="281">
        <v>0</v>
      </c>
      <c r="CO37" s="278">
        <v>0</v>
      </c>
      <c r="CP37" s="280">
        <v>0</v>
      </c>
      <c r="CQ37" s="281">
        <v>0</v>
      </c>
      <c r="CR37" s="281">
        <v>0</v>
      </c>
      <c r="CS37" s="281">
        <v>0</v>
      </c>
      <c r="CT37" s="281">
        <v>0</v>
      </c>
      <c r="CU37" s="281">
        <v>0</v>
      </c>
      <c r="CV37" s="278">
        <v>0</v>
      </c>
      <c r="CW37" s="283">
        <v>0</v>
      </c>
      <c r="CX37" s="277">
        <v>0</v>
      </c>
      <c r="CY37" s="281">
        <v>0</v>
      </c>
      <c r="CZ37" s="278">
        <v>0</v>
      </c>
      <c r="DA37" s="280">
        <v>0</v>
      </c>
      <c r="DB37" s="281">
        <v>0</v>
      </c>
      <c r="DC37" s="281">
        <v>0</v>
      </c>
      <c r="DD37" s="281">
        <v>0</v>
      </c>
      <c r="DE37" s="281">
        <v>0</v>
      </c>
      <c r="DF37" s="281">
        <v>0</v>
      </c>
      <c r="DG37" s="278">
        <v>0</v>
      </c>
      <c r="DH37" s="283">
        <v>0</v>
      </c>
    </row>
    <row r="38" spans="2:112" ht="18.75" customHeight="1" x14ac:dyDescent="0.2">
      <c r="B38" s="262" t="s">
        <v>36</v>
      </c>
      <c r="C38" s="277">
        <v>0</v>
      </c>
      <c r="D38" s="281">
        <v>0</v>
      </c>
      <c r="E38" s="385">
        <v>0</v>
      </c>
      <c r="F38" s="280">
        <v>0</v>
      </c>
      <c r="G38" s="281">
        <v>688</v>
      </c>
      <c r="H38" s="281">
        <v>1209</v>
      </c>
      <c r="I38" s="281">
        <v>1704</v>
      </c>
      <c r="J38" s="281">
        <v>2224</v>
      </c>
      <c r="K38" s="281">
        <v>1534</v>
      </c>
      <c r="L38" s="282">
        <v>7359</v>
      </c>
      <c r="M38" s="283">
        <v>7359</v>
      </c>
      <c r="N38" s="277">
        <v>0</v>
      </c>
      <c r="O38" s="281">
        <v>0</v>
      </c>
      <c r="P38" s="278">
        <v>0</v>
      </c>
      <c r="Q38" s="280">
        <v>0</v>
      </c>
      <c r="R38" s="281">
        <v>12</v>
      </c>
      <c r="S38" s="281">
        <v>35</v>
      </c>
      <c r="T38" s="281">
        <v>9</v>
      </c>
      <c r="U38" s="281">
        <v>50</v>
      </c>
      <c r="V38" s="281">
        <v>51</v>
      </c>
      <c r="W38" s="278">
        <v>157</v>
      </c>
      <c r="X38" s="283">
        <v>157</v>
      </c>
      <c r="Y38" s="277">
        <v>95</v>
      </c>
      <c r="Z38" s="281">
        <v>131</v>
      </c>
      <c r="AA38" s="278">
        <v>226</v>
      </c>
      <c r="AB38" s="280">
        <v>0</v>
      </c>
      <c r="AC38" s="281">
        <v>626</v>
      </c>
      <c r="AD38" s="281">
        <v>474</v>
      </c>
      <c r="AE38" s="281">
        <v>262</v>
      </c>
      <c r="AF38" s="281">
        <v>391</v>
      </c>
      <c r="AG38" s="281">
        <v>387</v>
      </c>
      <c r="AH38" s="278">
        <v>2140</v>
      </c>
      <c r="AI38" s="283">
        <v>2366</v>
      </c>
      <c r="AJ38" s="277">
        <v>41</v>
      </c>
      <c r="AK38" s="281">
        <v>32</v>
      </c>
      <c r="AL38" s="278">
        <v>73</v>
      </c>
      <c r="AM38" s="280">
        <v>0</v>
      </c>
      <c r="AN38" s="281">
        <v>141</v>
      </c>
      <c r="AO38" s="281">
        <v>107</v>
      </c>
      <c r="AP38" s="281">
        <v>102</v>
      </c>
      <c r="AQ38" s="281">
        <v>67</v>
      </c>
      <c r="AR38" s="281">
        <v>83</v>
      </c>
      <c r="AS38" s="278">
        <v>500</v>
      </c>
      <c r="AT38" s="283">
        <v>573</v>
      </c>
      <c r="AU38" s="277">
        <v>0</v>
      </c>
      <c r="AV38" s="281">
        <v>0</v>
      </c>
      <c r="AW38" s="278">
        <v>0</v>
      </c>
      <c r="AX38" s="280">
        <v>0</v>
      </c>
      <c r="AY38" s="281">
        <v>748</v>
      </c>
      <c r="AZ38" s="281">
        <v>829</v>
      </c>
      <c r="BA38" s="281">
        <v>604</v>
      </c>
      <c r="BB38" s="281">
        <v>338</v>
      </c>
      <c r="BC38" s="281">
        <v>183</v>
      </c>
      <c r="BD38" s="282">
        <v>2702</v>
      </c>
      <c r="BE38" s="283">
        <v>2702</v>
      </c>
      <c r="BF38" s="277">
        <v>0</v>
      </c>
      <c r="BG38" s="281">
        <v>0</v>
      </c>
      <c r="BH38" s="278">
        <v>0</v>
      </c>
      <c r="BI38" s="280">
        <v>0</v>
      </c>
      <c r="BJ38" s="281">
        <v>196</v>
      </c>
      <c r="BK38" s="281">
        <v>159</v>
      </c>
      <c r="BL38" s="281">
        <v>104</v>
      </c>
      <c r="BM38" s="281">
        <v>5</v>
      </c>
      <c r="BN38" s="281">
        <v>4</v>
      </c>
      <c r="BO38" s="278">
        <v>468</v>
      </c>
      <c r="BP38" s="283">
        <v>468</v>
      </c>
      <c r="BQ38" s="277">
        <v>0</v>
      </c>
      <c r="BR38" s="281">
        <v>14</v>
      </c>
      <c r="BS38" s="278">
        <v>14</v>
      </c>
      <c r="BT38" s="280">
        <v>0</v>
      </c>
      <c r="BU38" s="281">
        <v>162</v>
      </c>
      <c r="BV38" s="281">
        <v>171</v>
      </c>
      <c r="BW38" s="281">
        <v>445</v>
      </c>
      <c r="BX38" s="281">
        <v>166</v>
      </c>
      <c r="BY38" s="281">
        <v>142</v>
      </c>
      <c r="BZ38" s="278">
        <v>1086</v>
      </c>
      <c r="CA38" s="283">
        <v>1100</v>
      </c>
      <c r="CB38" s="277">
        <v>0</v>
      </c>
      <c r="CC38" s="281">
        <v>0</v>
      </c>
      <c r="CD38" s="278">
        <v>0</v>
      </c>
      <c r="CE38" s="280">
        <v>0</v>
      </c>
      <c r="CF38" s="281">
        <v>3</v>
      </c>
      <c r="CG38" s="281">
        <v>0</v>
      </c>
      <c r="CH38" s="281">
        <v>0</v>
      </c>
      <c r="CI38" s="281">
        <v>0</v>
      </c>
      <c r="CJ38" s="281">
        <v>0</v>
      </c>
      <c r="CK38" s="278">
        <v>3</v>
      </c>
      <c r="CL38" s="283">
        <v>3</v>
      </c>
      <c r="CM38" s="277">
        <v>0</v>
      </c>
      <c r="CN38" s="281">
        <v>0</v>
      </c>
      <c r="CO38" s="278">
        <v>0</v>
      </c>
      <c r="CP38" s="280">
        <v>0</v>
      </c>
      <c r="CQ38" s="281">
        <v>0</v>
      </c>
      <c r="CR38" s="281">
        <v>0</v>
      </c>
      <c r="CS38" s="281">
        <v>0</v>
      </c>
      <c r="CT38" s="281">
        <v>0</v>
      </c>
      <c r="CU38" s="281">
        <v>0</v>
      </c>
      <c r="CV38" s="278">
        <v>0</v>
      </c>
      <c r="CW38" s="283">
        <v>0</v>
      </c>
      <c r="CX38" s="277">
        <v>0</v>
      </c>
      <c r="CY38" s="281">
        <v>0</v>
      </c>
      <c r="CZ38" s="278">
        <v>0</v>
      </c>
      <c r="DA38" s="280">
        <v>0</v>
      </c>
      <c r="DB38" s="281">
        <v>0</v>
      </c>
      <c r="DC38" s="281">
        <v>0</v>
      </c>
      <c r="DD38" s="281">
        <v>0</v>
      </c>
      <c r="DE38" s="281">
        <v>0</v>
      </c>
      <c r="DF38" s="281">
        <v>0</v>
      </c>
      <c r="DG38" s="278">
        <v>0</v>
      </c>
      <c r="DH38" s="283">
        <v>0</v>
      </c>
    </row>
    <row r="39" spans="2:112" ht="18.75" customHeight="1" thickBot="1" x14ac:dyDescent="0.25">
      <c r="B39" s="263" t="s">
        <v>37</v>
      </c>
      <c r="C39" s="284">
        <v>0</v>
      </c>
      <c r="D39" s="288">
        <v>0</v>
      </c>
      <c r="E39" s="386">
        <v>0</v>
      </c>
      <c r="F39" s="287">
        <v>0</v>
      </c>
      <c r="G39" s="288">
        <v>22</v>
      </c>
      <c r="H39" s="288">
        <v>64</v>
      </c>
      <c r="I39" s="288">
        <v>31</v>
      </c>
      <c r="J39" s="288">
        <v>24</v>
      </c>
      <c r="K39" s="288">
        <v>169</v>
      </c>
      <c r="L39" s="289">
        <v>310</v>
      </c>
      <c r="M39" s="290">
        <v>310</v>
      </c>
      <c r="N39" s="284">
        <v>0</v>
      </c>
      <c r="O39" s="288">
        <v>0</v>
      </c>
      <c r="P39" s="285">
        <v>0</v>
      </c>
      <c r="Q39" s="287">
        <v>0</v>
      </c>
      <c r="R39" s="288">
        <v>0</v>
      </c>
      <c r="S39" s="288">
        <v>0</v>
      </c>
      <c r="T39" s="288">
        <v>7</v>
      </c>
      <c r="U39" s="288">
        <v>1</v>
      </c>
      <c r="V39" s="288">
        <v>0</v>
      </c>
      <c r="W39" s="285">
        <v>8</v>
      </c>
      <c r="X39" s="290">
        <v>8</v>
      </c>
      <c r="Y39" s="284">
        <v>8</v>
      </c>
      <c r="Z39" s="288">
        <v>6</v>
      </c>
      <c r="AA39" s="285">
        <v>14</v>
      </c>
      <c r="AB39" s="287">
        <v>0</v>
      </c>
      <c r="AC39" s="288">
        <v>5</v>
      </c>
      <c r="AD39" s="288">
        <v>25</v>
      </c>
      <c r="AE39" s="288">
        <v>9</v>
      </c>
      <c r="AF39" s="288">
        <v>31</v>
      </c>
      <c r="AG39" s="288">
        <v>4</v>
      </c>
      <c r="AH39" s="285">
        <v>74</v>
      </c>
      <c r="AI39" s="290">
        <v>88</v>
      </c>
      <c r="AJ39" s="284">
        <v>0</v>
      </c>
      <c r="AK39" s="288">
        <v>0</v>
      </c>
      <c r="AL39" s="285">
        <v>0</v>
      </c>
      <c r="AM39" s="287">
        <v>0</v>
      </c>
      <c r="AN39" s="288">
        <v>15</v>
      </c>
      <c r="AO39" s="288">
        <v>16</v>
      </c>
      <c r="AP39" s="288">
        <v>28</v>
      </c>
      <c r="AQ39" s="288">
        <v>15</v>
      </c>
      <c r="AR39" s="288">
        <v>0</v>
      </c>
      <c r="AS39" s="285">
        <v>74</v>
      </c>
      <c r="AT39" s="290">
        <v>74</v>
      </c>
      <c r="AU39" s="284">
        <v>0</v>
      </c>
      <c r="AV39" s="288">
        <v>0</v>
      </c>
      <c r="AW39" s="285">
        <v>0</v>
      </c>
      <c r="AX39" s="287">
        <v>0</v>
      </c>
      <c r="AY39" s="288">
        <v>47</v>
      </c>
      <c r="AZ39" s="288">
        <v>28</v>
      </c>
      <c r="BA39" s="288">
        <v>32</v>
      </c>
      <c r="BB39" s="288">
        <v>5</v>
      </c>
      <c r="BC39" s="288">
        <v>7</v>
      </c>
      <c r="BD39" s="289">
        <v>119</v>
      </c>
      <c r="BE39" s="290">
        <v>119</v>
      </c>
      <c r="BF39" s="284">
        <v>0</v>
      </c>
      <c r="BG39" s="288">
        <v>0</v>
      </c>
      <c r="BH39" s="285">
        <v>0</v>
      </c>
      <c r="BI39" s="287">
        <v>0</v>
      </c>
      <c r="BJ39" s="288">
        <v>48</v>
      </c>
      <c r="BK39" s="288">
        <v>10</v>
      </c>
      <c r="BL39" s="288">
        <v>32</v>
      </c>
      <c r="BM39" s="288">
        <v>26</v>
      </c>
      <c r="BN39" s="288">
        <v>0</v>
      </c>
      <c r="BO39" s="285">
        <v>116</v>
      </c>
      <c r="BP39" s="290">
        <v>116</v>
      </c>
      <c r="BQ39" s="284">
        <v>0</v>
      </c>
      <c r="BR39" s="288">
        <v>0</v>
      </c>
      <c r="BS39" s="285">
        <v>0</v>
      </c>
      <c r="BT39" s="287">
        <v>0</v>
      </c>
      <c r="BU39" s="288">
        <v>38</v>
      </c>
      <c r="BV39" s="288">
        <v>33</v>
      </c>
      <c r="BW39" s="288">
        <v>104</v>
      </c>
      <c r="BX39" s="288">
        <v>4</v>
      </c>
      <c r="BY39" s="288">
        <v>8</v>
      </c>
      <c r="BZ39" s="285">
        <v>187</v>
      </c>
      <c r="CA39" s="290">
        <v>187</v>
      </c>
      <c r="CB39" s="284">
        <v>0</v>
      </c>
      <c r="CC39" s="288">
        <v>0</v>
      </c>
      <c r="CD39" s="285">
        <v>0</v>
      </c>
      <c r="CE39" s="287">
        <v>0</v>
      </c>
      <c r="CF39" s="288">
        <v>3</v>
      </c>
      <c r="CG39" s="288">
        <v>8</v>
      </c>
      <c r="CH39" s="288">
        <v>0</v>
      </c>
      <c r="CI39" s="288">
        <v>4</v>
      </c>
      <c r="CJ39" s="288">
        <v>0</v>
      </c>
      <c r="CK39" s="285">
        <v>15</v>
      </c>
      <c r="CL39" s="290">
        <v>15</v>
      </c>
      <c r="CM39" s="284">
        <v>0</v>
      </c>
      <c r="CN39" s="288">
        <v>0</v>
      </c>
      <c r="CO39" s="285">
        <v>0</v>
      </c>
      <c r="CP39" s="287">
        <v>0</v>
      </c>
      <c r="CQ39" s="288">
        <v>0</v>
      </c>
      <c r="CR39" s="288">
        <v>0</v>
      </c>
      <c r="CS39" s="288">
        <v>0</v>
      </c>
      <c r="CT39" s="288">
        <v>0</v>
      </c>
      <c r="CU39" s="288">
        <v>0</v>
      </c>
      <c r="CV39" s="285">
        <v>0</v>
      </c>
      <c r="CW39" s="290">
        <v>0</v>
      </c>
      <c r="CX39" s="284">
        <v>0</v>
      </c>
      <c r="CY39" s="288">
        <v>0</v>
      </c>
      <c r="CZ39" s="285">
        <v>0</v>
      </c>
      <c r="DA39" s="287">
        <v>0</v>
      </c>
      <c r="DB39" s="288">
        <v>0</v>
      </c>
      <c r="DC39" s="288">
        <v>0</v>
      </c>
      <c r="DD39" s="288">
        <v>0</v>
      </c>
      <c r="DE39" s="288">
        <v>0</v>
      </c>
      <c r="DF39" s="288">
        <v>0</v>
      </c>
      <c r="DG39" s="285">
        <v>0</v>
      </c>
      <c r="DH39" s="290">
        <v>0</v>
      </c>
    </row>
    <row r="40" spans="2:112" ht="27" customHeight="1" x14ac:dyDescent="0.2">
      <c r="C40" s="256" t="s">
        <v>127</v>
      </c>
    </row>
  </sheetData>
  <mergeCells count="43">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 ref="AJ4:AL4"/>
    <mergeCell ref="AM4:AS4"/>
    <mergeCell ref="AT4:AT5"/>
    <mergeCell ref="AU4:AW4"/>
    <mergeCell ref="AX4:BD4"/>
    <mergeCell ref="CW4:CW5"/>
    <mergeCell ref="BF4:BH4"/>
    <mergeCell ref="BI4:BO4"/>
    <mergeCell ref="BP4:BP5"/>
    <mergeCell ref="BQ4:BS4"/>
    <mergeCell ref="BT4:BZ4"/>
    <mergeCell ref="CA4:CA5"/>
    <mergeCell ref="CB4:CD4"/>
    <mergeCell ref="CE4:CK4"/>
    <mergeCell ref="CL4:CL5"/>
    <mergeCell ref="CM4:CO4"/>
    <mergeCell ref="CP4:CV4"/>
    <mergeCell ref="J1:K1"/>
    <mergeCell ref="M1:N1"/>
    <mergeCell ref="CB3:CL3"/>
    <mergeCell ref="CM3:CW3"/>
    <mergeCell ref="N3:X3"/>
    <mergeCell ref="Y3:AI3"/>
    <mergeCell ref="AJ3:AT3"/>
    <mergeCell ref="AU3:BE3"/>
    <mergeCell ref="BF3:BP3"/>
    <mergeCell ref="BQ3:CA3"/>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18-02-09T04:02:40Z</cp:lastPrinted>
  <dcterms:created xsi:type="dcterms:W3CDTF">2008-02-08T04:23:07Z</dcterms:created>
  <dcterms:modified xsi:type="dcterms:W3CDTF">2022-12-09T02:15:05Z</dcterms:modified>
</cp:coreProperties>
</file>